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worksheets/sheet8.xml" ContentType="application/vnd.openxmlformats-officedocument.spreadsheetml.worksheet+xml"/>
  <Override PartName="/xl/worksheets/sheet9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  <Override PartName="/customXml/itemProps3.xml" ContentType="application/vnd.openxmlformats-officedocument.customXmlProperties+xml"/>
  <Override PartName="/customXml/itemProps4.xml" ContentType="application/vnd.openxmlformats-officedocument.customXmlProperties+xml"/>
  <Override PartName="/customXml/itemProps5.xml" ContentType="application/vnd.openxmlformats-officedocument.customXml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7928"/>
  <workbookPr defaultThemeVersion="202300"/>
  <mc:AlternateContent xmlns:mc="http://schemas.openxmlformats.org/markup-compatibility/2006">
    <mc:Choice Requires="x15">
      <x15ac:absPath xmlns:x15ac="http://schemas.microsoft.com/office/spreadsheetml/2010/11/ac" url="C:\Users\s293063\Documents\"/>
    </mc:Choice>
  </mc:AlternateContent>
  <xr:revisionPtr revIDLastSave="0" documentId="8_{3147E65E-ECDD-4F52-90B8-D78424FEF81F}" xr6:coauthVersionLast="47" xr6:coauthVersionMax="47" xr10:uidLastSave="{00000000-0000-0000-0000-000000000000}"/>
  <bookViews>
    <workbookView xWindow="-28920" yWindow="1170" windowWidth="29040" windowHeight="15720" firstSheet="2" activeTab="8" xr2:uid="{6DEA8324-A669-4A84-B1CC-0A1490FE5E2F}"/>
  </bookViews>
  <sheets>
    <sheet name="Standard amounts" sheetId="1" r:id="rId1"/>
    <sheet name="No. of instances per" sheetId="9" r:id="rId2"/>
    <sheet name="Actual Costs" sheetId="4" r:id="rId3"/>
    <sheet name="Fringe" sheetId="12" r:id="rId4"/>
    <sheet name="Labor and Fleet" sheetId="11" r:id="rId5"/>
    <sheet name="2024 Misc charge detail 2024" sheetId="10" r:id="rId6"/>
    <sheet name="RCN by account" sheetId="13" r:id="rId7"/>
    <sheet name="CKCHG by account" sheetId="14" r:id="rId8"/>
    <sheet name="MACSS SORC_CD" sheetId="7" r:id="rId9"/>
  </sheets>
  <definedNames>
    <definedName name="_xlnm._FilterDatabase" localSheetId="5" hidden="1">'2024 Misc charge detail 2024'!$A$1:$I$2251</definedName>
    <definedName name="_xlnm._FilterDatabase" localSheetId="7" hidden="1">'CKCHG by account'!$A$1:$W$4225</definedName>
    <definedName name="_xlnm._FilterDatabase" localSheetId="6" hidden="1">'RCN by account'!$A$1:$I$162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calcChain.xml><?xml version="1.0" encoding="utf-8"?>
<calcChain xmlns="http://schemas.openxmlformats.org/spreadsheetml/2006/main">
  <c r="J24" i="1" l="1"/>
  <c r="J17" i="1"/>
  <c r="J15" i="1"/>
  <c r="J11" i="1"/>
  <c r="J9" i="1"/>
  <c r="J8" i="1"/>
  <c r="J7" i="1"/>
  <c r="J6" i="1"/>
  <c r="G17" i="1"/>
  <c r="G15" i="1"/>
  <c r="G11" i="1"/>
  <c r="G9" i="1"/>
  <c r="G8" i="1"/>
  <c r="G7" i="1"/>
  <c r="G6" i="1"/>
  <c r="K17" i="4"/>
  <c r="K15" i="4"/>
  <c r="K16" i="4" s="1"/>
  <c r="K14" i="4"/>
  <c r="K11" i="4"/>
  <c r="N17" i="4"/>
  <c r="M17" i="4"/>
  <c r="M16" i="4"/>
  <c r="N16" i="4"/>
  <c r="M13" i="4"/>
  <c r="M14" i="4" s="1"/>
  <c r="N13" i="4"/>
  <c r="N14" i="4" s="1"/>
  <c r="N18" i="4" l="1"/>
  <c r="N20" i="4" s="1"/>
  <c r="M18" i="4"/>
  <c r="M20" i="4" s="1"/>
  <c r="E15" i="1" s="1"/>
  <c r="K18" i="4"/>
  <c r="K20" i="4" s="1"/>
  <c r="E17" i="1" s="1"/>
  <c r="O67" i="9" l="1"/>
  <c r="O59" i="9"/>
  <c r="P57" i="9"/>
  <c r="P58" i="9"/>
  <c r="P66" i="9"/>
  <c r="P65" i="9"/>
  <c r="P64" i="9"/>
  <c r="P63" i="9"/>
  <c r="P56" i="9"/>
  <c r="P55" i="9"/>
  <c r="N67" i="9" l="1"/>
  <c r="M67" i="9"/>
  <c r="L67" i="9"/>
  <c r="K67" i="9"/>
  <c r="J67" i="9"/>
  <c r="I67" i="9"/>
  <c r="H67" i="9"/>
  <c r="G67" i="9"/>
  <c r="F67" i="9"/>
  <c r="E67" i="9"/>
  <c r="D67" i="9"/>
  <c r="C67" i="9"/>
  <c r="P67" i="9" l="1"/>
  <c r="N59" i="9" l="1"/>
  <c r="M59" i="9"/>
  <c r="L59" i="9"/>
  <c r="K59" i="9"/>
  <c r="J59" i="9"/>
  <c r="I59" i="9"/>
  <c r="H59" i="9"/>
  <c r="G59" i="9"/>
  <c r="F59" i="9"/>
  <c r="E59" i="9"/>
  <c r="D59" i="9"/>
  <c r="C59" i="9"/>
  <c r="L11" i="4"/>
  <c r="P59" i="9" l="1"/>
  <c r="L17" i="4"/>
  <c r="G17" i="4"/>
  <c r="F17" i="4"/>
  <c r="E17" i="4"/>
  <c r="D17" i="4"/>
  <c r="C17" i="4"/>
  <c r="N51" i="9"/>
  <c r="M51" i="9"/>
  <c r="L51" i="9"/>
  <c r="K51" i="9"/>
  <c r="J51" i="9"/>
  <c r="I51" i="9"/>
  <c r="H51" i="9"/>
  <c r="G51" i="9"/>
  <c r="F51" i="9"/>
  <c r="E51" i="9"/>
  <c r="D51" i="9"/>
  <c r="C51" i="9"/>
  <c r="O50" i="9"/>
  <c r="O49" i="9"/>
  <c r="O48" i="9"/>
  <c r="O47" i="9"/>
  <c r="L15" i="4"/>
  <c r="L16" i="4" s="1"/>
  <c r="G15" i="4"/>
  <c r="G16" i="4" s="1"/>
  <c r="F15" i="4"/>
  <c r="F16" i="4" s="1"/>
  <c r="E15" i="4"/>
  <c r="E16" i="4" s="1"/>
  <c r="D15" i="4"/>
  <c r="D16" i="4" s="1"/>
  <c r="C15" i="4"/>
  <c r="C16" i="4" s="1"/>
  <c r="L13" i="4"/>
  <c r="L14" i="4" s="1"/>
  <c r="G11" i="4"/>
  <c r="G13" i="4" s="1"/>
  <c r="G14" i="4" s="1"/>
  <c r="F11" i="4"/>
  <c r="F12" i="4" s="1"/>
  <c r="E11" i="4"/>
  <c r="D11" i="4"/>
  <c r="C11" i="4"/>
  <c r="C13" i="4" s="1"/>
  <c r="C14" i="4" s="1"/>
  <c r="B3" i="11"/>
  <c r="D12" i="4" s="1"/>
  <c r="L18" i="4" l="1"/>
  <c r="L20" i="4" s="1"/>
  <c r="G18" i="4"/>
  <c r="G20" i="4" s="1"/>
  <c r="C18" i="4"/>
  <c r="C20" i="4" s="1"/>
  <c r="E6" i="1" s="1"/>
  <c r="O51" i="9"/>
  <c r="D13" i="4"/>
  <c r="D14" i="4" s="1"/>
  <c r="F13" i="4"/>
  <c r="F14" i="4" s="1"/>
  <c r="E12" i="4"/>
  <c r="E13" i="4" s="1"/>
  <c r="E14" i="4" s="1"/>
  <c r="N43" i="9"/>
  <c r="M43" i="9"/>
  <c r="L43" i="9"/>
  <c r="K43" i="9"/>
  <c r="J43" i="9"/>
  <c r="I43" i="9"/>
  <c r="H43" i="9"/>
  <c r="G43" i="9"/>
  <c r="F43" i="9"/>
  <c r="E43" i="9"/>
  <c r="D43" i="9"/>
  <c r="C43" i="9"/>
  <c r="O42" i="9"/>
  <c r="O41" i="9"/>
  <c r="O40" i="9"/>
  <c r="O39" i="9"/>
  <c r="N33" i="9"/>
  <c r="M33" i="9"/>
  <c r="L33" i="9"/>
  <c r="K33" i="9"/>
  <c r="J33" i="9"/>
  <c r="I33" i="9"/>
  <c r="H33" i="9"/>
  <c r="G33" i="9"/>
  <c r="F33" i="9"/>
  <c r="E33" i="9"/>
  <c r="D33" i="9"/>
  <c r="C33" i="9"/>
  <c r="O32" i="9"/>
  <c r="O31" i="9"/>
  <c r="O30" i="9"/>
  <c r="O29" i="9"/>
  <c r="N26" i="9"/>
  <c r="M26" i="9"/>
  <c r="L26" i="9"/>
  <c r="K26" i="9"/>
  <c r="J26" i="9"/>
  <c r="I26" i="9"/>
  <c r="H26" i="9"/>
  <c r="G26" i="9"/>
  <c r="F26" i="9"/>
  <c r="E26" i="9"/>
  <c r="D26" i="9"/>
  <c r="C26" i="9"/>
  <c r="O25" i="9"/>
  <c r="O24" i="9"/>
  <c r="O23" i="9"/>
  <c r="O22" i="9"/>
  <c r="N19" i="9"/>
  <c r="M19" i="9"/>
  <c r="L19" i="9"/>
  <c r="K19" i="9"/>
  <c r="J19" i="9"/>
  <c r="I19" i="9"/>
  <c r="H19" i="9"/>
  <c r="G19" i="9"/>
  <c r="F19" i="9"/>
  <c r="E19" i="9"/>
  <c r="D19" i="9"/>
  <c r="C19" i="9"/>
  <c r="O18" i="9"/>
  <c r="O17" i="9"/>
  <c r="O16" i="9"/>
  <c r="O15" i="9"/>
  <c r="N12" i="9"/>
  <c r="M12" i="9"/>
  <c r="L12" i="9"/>
  <c r="K12" i="9"/>
  <c r="J12" i="9"/>
  <c r="I12" i="9"/>
  <c r="H12" i="9"/>
  <c r="G12" i="9"/>
  <c r="F12" i="9"/>
  <c r="E12" i="9"/>
  <c r="D12" i="9"/>
  <c r="C12" i="9"/>
  <c r="O11" i="9"/>
  <c r="O10" i="9"/>
  <c r="O9" i="9"/>
  <c r="O8" i="9"/>
  <c r="D5" i="9"/>
  <c r="E5" i="9" s="1"/>
  <c r="F5" i="9" s="1"/>
  <c r="G5" i="9" s="1"/>
  <c r="H5" i="9" s="1"/>
  <c r="I5" i="9" s="1"/>
  <c r="J5" i="9" s="1"/>
  <c r="K5" i="9" s="1"/>
  <c r="L5" i="9" s="1"/>
  <c r="M5" i="9" s="1"/>
  <c r="N5" i="9" s="1"/>
  <c r="O5" i="9" s="1"/>
  <c r="E11" i="1" l="1"/>
  <c r="E13" i="1"/>
  <c r="E18" i="4"/>
  <c r="E20" i="4" s="1"/>
  <c r="E8" i="1" s="1"/>
  <c r="F18" i="4"/>
  <c r="F20" i="4" s="1"/>
  <c r="E9" i="1" s="1"/>
  <c r="D18" i="4"/>
  <c r="D20" i="4" s="1"/>
  <c r="E7" i="1" s="1"/>
  <c r="M35" i="9"/>
  <c r="L35" i="9"/>
  <c r="D35" i="9"/>
  <c r="H35" i="9"/>
  <c r="I35" i="9"/>
  <c r="C35" i="9"/>
  <c r="G35" i="9"/>
  <c r="N35" i="9"/>
  <c r="K35" i="9"/>
  <c r="F35" i="9"/>
  <c r="E35" i="9"/>
  <c r="J35" i="9"/>
  <c r="O43" i="9"/>
  <c r="O12" i="9"/>
  <c r="O19" i="9"/>
  <c r="O33" i="9"/>
  <c r="O26" i="9"/>
  <c r="O35" i="9" l="1"/>
</calcChain>
</file>

<file path=xl/sharedStrings.xml><?xml version="1.0" encoding="utf-8"?>
<sst xmlns="http://schemas.openxmlformats.org/spreadsheetml/2006/main" count="73808" uniqueCount="9875">
  <si>
    <t>Misc. Non-recurring charges</t>
  </si>
  <si>
    <t>Reconnect for nonpayment during regular hours</t>
  </si>
  <si>
    <t>Description of Charge</t>
  </si>
  <si>
    <t>Reconnect at the end of the day (no "call out")</t>
  </si>
  <si>
    <t>Reconnect for nonpayment prior to 8pm ("call out" required)</t>
  </si>
  <si>
    <t>Reconnect for nonpayment when double time is required (Sundays and holidays)</t>
  </si>
  <si>
    <t>Termination or field trip</t>
  </si>
  <si>
    <t>Meter Read Check</t>
  </si>
  <si>
    <t>Returned Check Charge</t>
  </si>
  <si>
    <t>Meter Test Charge</t>
  </si>
  <si>
    <t>Delayed Payment Charge</t>
  </si>
  <si>
    <t>5% of unpaid balance</t>
  </si>
  <si>
    <t>Temporary Service Charge</t>
  </si>
  <si>
    <t>Energy Diversion</t>
  </si>
  <si>
    <t>Account</t>
  </si>
  <si>
    <t>*variable</t>
  </si>
  <si>
    <t xml:space="preserve">*Customer’s requesting temporary service will be charged a minimum temporary service installation charge, payable in advance, based on the Company’s actual cost of installation, connection, disconnection, and removal of the required facilities to provide temporary service. </t>
  </si>
  <si>
    <t>Standard charge amount</t>
  </si>
  <si>
    <t>Description</t>
  </si>
  <si>
    <t>Kentucky Power Company</t>
  </si>
  <si>
    <t>Line No.</t>
  </si>
  <si>
    <t>Total</t>
  </si>
  <si>
    <t>RECONNECTIONS</t>
  </si>
  <si>
    <t>REVENUE CODES</t>
  </si>
  <si>
    <t>Residential</t>
  </si>
  <si>
    <t>Res w/o space heating</t>
  </si>
  <si>
    <t>CKCHG</t>
  </si>
  <si>
    <t>Commerical</t>
  </si>
  <si>
    <t>Res w space heating</t>
  </si>
  <si>
    <t>ENDIV</t>
  </si>
  <si>
    <t>ENERGY DIVERSION</t>
  </si>
  <si>
    <t>Public Authority</t>
  </si>
  <si>
    <t>Commercial w/o space heating</t>
  </si>
  <si>
    <t>MTEST</t>
  </si>
  <si>
    <t>Industrial</t>
  </si>
  <si>
    <t>Commercial w space heating</t>
  </si>
  <si>
    <t>ONPRM</t>
  </si>
  <si>
    <t>Commercial TOD</t>
  </si>
  <si>
    <t>RECON</t>
  </si>
  <si>
    <t>Public Authority - Schools</t>
  </si>
  <si>
    <t>TEMP</t>
  </si>
  <si>
    <t>Public Authority - Other</t>
  </si>
  <si>
    <t>Industrial w/o space heating</t>
  </si>
  <si>
    <t>Industrial w space heating</t>
  </si>
  <si>
    <t>Associated Company</t>
  </si>
  <si>
    <t>Public Street &amp; Highway</t>
  </si>
  <si>
    <t>Regular Hours</t>
  </si>
  <si>
    <t>Cost Per Trip For RN and DN</t>
  </si>
  <si>
    <t>Formula</t>
  </si>
  <si>
    <t>Reconnections</t>
  </si>
  <si>
    <t>Disconnections</t>
  </si>
  <si>
    <t>OT (No Call Out) Hours</t>
  </si>
  <si>
    <t>Call-Out Required</t>
  </si>
  <si>
    <t>Sunday and Holidays</t>
  </si>
  <si>
    <t>Hours Worked</t>
  </si>
  <si>
    <t>Transportation Hours</t>
  </si>
  <si>
    <t>Hourly Labour Rate</t>
  </si>
  <si>
    <t>Overtime Adj.</t>
  </si>
  <si>
    <t>5
(Ln 3 + Ln 4)</t>
  </si>
  <si>
    <t>Hourly Labour Rate w/ Overtime</t>
  </si>
  <si>
    <t>6
(Ln 1 * Ln 5)</t>
  </si>
  <si>
    <t>Labour Cost</t>
  </si>
  <si>
    <t>Transportation Hourly Rate</t>
  </si>
  <si>
    <t>8
(Ln 2 * Ln 7)</t>
  </si>
  <si>
    <t>Transportation Cost</t>
  </si>
  <si>
    <t>Fringe Benefits Rate</t>
  </si>
  <si>
    <t>10
(Ln 6 * Ln 9)</t>
  </si>
  <si>
    <t>Benefits Cost</t>
  </si>
  <si>
    <t>Total Cost</t>
  </si>
  <si>
    <t>CO_CD_OWNR</t>
  </si>
  <si>
    <t>STATE_CD</t>
  </si>
  <si>
    <t>REVN_CLAS_CD</t>
  </si>
  <si>
    <t>REVN_YEAR_MNTH_DT</t>
  </si>
  <si>
    <t>SORC_CD</t>
  </si>
  <si>
    <t>BSNS_CD</t>
  </si>
  <si>
    <t>BSNS_TYPE_CD</t>
  </si>
  <si>
    <t>COUNT</t>
  </si>
  <si>
    <t>TOTAL</t>
  </si>
  <si>
    <t>03</t>
  </si>
  <si>
    <t>KY</t>
  </si>
  <si>
    <t>202405</t>
  </si>
  <si>
    <t>RTC</t>
  </si>
  <si>
    <t>BI</t>
  </si>
  <si>
    <t>202406</t>
  </si>
  <si>
    <t>202404</t>
  </si>
  <si>
    <t>202401</t>
  </si>
  <si>
    <t>202403</t>
  </si>
  <si>
    <t>202402</t>
  </si>
  <si>
    <t>PCELE</t>
  </si>
  <si>
    <t>PCR</t>
  </si>
  <si>
    <t>INPPP</t>
  </si>
  <si>
    <t>INP</t>
  </si>
  <si>
    <t>DPCED</t>
  </si>
  <si>
    <t>DPC</t>
  </si>
  <si>
    <t>ED</t>
  </si>
  <si>
    <t>OPC</t>
  </si>
  <si>
    <t>TMP</t>
  </si>
  <si>
    <t>RCN</t>
  </si>
  <si>
    <t>PCELF</t>
  </si>
  <si>
    <t>MTS</t>
  </si>
  <si>
    <t>DTFRG</t>
  </si>
  <si>
    <t>ELE</t>
  </si>
  <si>
    <t>XCRSU</t>
  </si>
  <si>
    <t>XCR</t>
  </si>
  <si>
    <t>CONSL</t>
  </si>
  <si>
    <t>NME</t>
  </si>
  <si>
    <t>TRFTO</t>
  </si>
  <si>
    <t>OEG</t>
  </si>
  <si>
    <t>DF</t>
  </si>
  <si>
    <t>XDBSU</t>
  </si>
  <si>
    <t>XDB</t>
  </si>
  <si>
    <t>TRFFR</t>
  </si>
  <si>
    <t>BDB</t>
  </si>
  <si>
    <t>REFSU</t>
  </si>
  <si>
    <t>REF</t>
  </si>
  <si>
    <t>PY</t>
  </si>
  <si>
    <t>DEP</t>
  </si>
  <si>
    <t>DEPBI</t>
  </si>
  <si>
    <t>INTSU</t>
  </si>
  <si>
    <t>DPI</t>
  </si>
  <si>
    <t>DEPSU</t>
  </si>
  <si>
    <t>BBDEF</t>
  </si>
  <si>
    <t>PADSS</t>
  </si>
  <si>
    <t>EPA</t>
  </si>
  <si>
    <t>LIE</t>
  </si>
  <si>
    <t>CON</t>
  </si>
  <si>
    <t>BBCAN</t>
  </si>
  <si>
    <t>COL</t>
  </si>
  <si>
    <t>PADPB</t>
  </si>
  <si>
    <t>DPA</t>
  </si>
  <si>
    <t>ELI</t>
  </si>
  <si>
    <t>PADPS</t>
  </si>
  <si>
    <t>NETCR</t>
  </si>
  <si>
    <t>NTC</t>
  </si>
  <si>
    <t>PADSB</t>
  </si>
  <si>
    <t>BBDUE</t>
  </si>
  <si>
    <t>THW</t>
  </si>
  <si>
    <t>DTRFT</t>
  </si>
  <si>
    <t>ERA</t>
  </si>
  <si>
    <t>CHGOF</t>
  </si>
  <si>
    <t>CHO</t>
  </si>
  <si>
    <t>KHP</t>
  </si>
  <si>
    <t>SOURCE CODE</t>
  </si>
  <si>
    <t>MACSS DESCRIPTION</t>
  </si>
  <si>
    <t>MCSC0310</t>
  </si>
  <si>
    <t>MCSC0466</t>
  </si>
  <si>
    <t>AADJI</t>
  </si>
  <si>
    <t>EMP-APPL-ADJUST-INT</t>
  </si>
  <si>
    <t>AASCO</t>
  </si>
  <si>
    <t>EMP-APL-PAY-DED-ASC</t>
  </si>
  <si>
    <t>ACANI</t>
  </si>
  <si>
    <t>EMP-APPL-CANCEL-INT</t>
  </si>
  <si>
    <t>ACANP</t>
  </si>
  <si>
    <t>EMP-APPL-CANCL-PRIN</t>
  </si>
  <si>
    <t>ACASH</t>
  </si>
  <si>
    <t>EMP-APPL-CASH</t>
  </si>
  <si>
    <t>ACHGO</t>
  </si>
  <si>
    <t>EMP-APPL-CHARGE-OFF</t>
  </si>
  <si>
    <t>ADJCR</t>
  </si>
  <si>
    <t>REVENUE-ADJUST-CR</t>
  </si>
  <si>
    <t xml:space="preserve">REVENUE-ADJ-CR      READJCR00401NETRVOYRADJUSTMENT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 xml:space="preserve">NETRVNET REVENUE-1420XXX YEELECTRIC            0001REVENUES                                          0010REVENUE-ADJ-CR                                    0030R                                                                                                                                                                                                                  </t>
  </si>
  <si>
    <t>ADJDR</t>
  </si>
  <si>
    <t>REVENUE-ADJUST-DEBIT</t>
  </si>
  <si>
    <t xml:space="preserve">REVENUE-ADJ-DR      READJDR00301NETRVOYRADJUSTMENT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 xml:space="preserve">NETRVNET REVENUE-1420XXX YEELECTRIC            0001REVENUES                                          0010REVENUE-ADJ-DR                                    0020R                                                                                                                                                                                                                  </t>
  </si>
  <si>
    <t>ADMAP</t>
  </si>
  <si>
    <t xml:space="preserve">ADVANCE DEPOSIT     CE     00000      N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>ADNEW</t>
  </si>
  <si>
    <t xml:space="preserve">                         NDDEPOSITS            0002DEPOSITS                                          0010DEPOSIT ADVANCE PAYMENT                           0015N                                                                                                                                                                                                                  </t>
  </si>
  <si>
    <t>ADPC</t>
  </si>
  <si>
    <t>EMP-APPL-DPC</t>
  </si>
  <si>
    <t>ADVCN</t>
  </si>
  <si>
    <t>ADV-FOR-CONSTRCTION</t>
  </si>
  <si>
    <t xml:space="preserve">ADVANCE FOR CONSTR  CEADVCN03015ADVCNOY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 xml:space="preserve">ADVCNADVANCE FOR CONSTR  NEELECTRIC            0001MISCELLANEOUS/OTHER                               0150ADVANCE FOR CONSTR                                0020C                                                                                                                                                                                                                  </t>
  </si>
  <si>
    <t>AINT</t>
  </si>
  <si>
    <t>EMP-APPL-INTEREST</t>
  </si>
  <si>
    <t>AMAPL</t>
  </si>
  <si>
    <t>EMP-APPL-MISAPL-CSH</t>
  </si>
  <si>
    <t>AMEDF</t>
  </si>
  <si>
    <t xml:space="preserve">ADV MTR EQP/DATA FEECEAMEDF17506AMEDFOY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 xml:space="preserve">AMEDFADV MTR EQP/MTR FEE NEELECTRIC            0001MISC SERVICE REVENUES                             0060ADV MTR EQP INSTL/MTR DATA FEE                    0003R                                                                                                                                                                                                                  </t>
  </si>
  <si>
    <t>AMREI</t>
  </si>
  <si>
    <t xml:space="preserve">AUTOMATED MTR RD EQPCEAMREI17106AMREIOY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 xml:space="preserve">AMREIAUTO MTR RDG INST   NEELECTRIC            0001MISC SERVICE REVENUES                             0060AUTOMATED MTR RDG EQUIP INSTL                     0005R                                                                                                                                                                                                                  </t>
  </si>
  <si>
    <t>APAPP</t>
  </si>
  <si>
    <t xml:space="preserve">ADVANCE APPLIED     CE     00000      N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 xml:space="preserve">APAPPMISAPPLIED ADVANCE  NEELECTRIC            0001CASH                                              0140MISAPPLIED ADVANCE                                0015C                                                                                                                                                                                                                  </t>
  </si>
  <si>
    <t>APAYD</t>
  </si>
  <si>
    <t>EMP-APPL-PAY-DEDUCT</t>
  </si>
  <si>
    <t>APCR</t>
  </si>
  <si>
    <t>EMP-APL-PETY-CSH-RF</t>
  </si>
  <si>
    <t>APCSH</t>
  </si>
  <si>
    <t xml:space="preserve">ADVANCE PAYMENT     CE     00000      N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 xml:space="preserve">                         NAADVANCE PAYMENTS    0003ADVANCES                                          0010ADVANCE PAYMENT                                   0020N                                                                                                                                                                                                                  </t>
  </si>
  <si>
    <t>APMAP</t>
  </si>
  <si>
    <t xml:space="preserve">ADV PYMT MISAPPLIED CE     00000      N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 xml:space="preserve">                         NAADVANCE PAYMENTS    0003ADVANCES                                          0010ADVANCE MISAPPLIED                                0040N                                                                                                                                                                                                                  </t>
  </si>
  <si>
    <t>APRIN</t>
  </si>
  <si>
    <t>EMP-APPL-PRINCIPAL</t>
  </si>
  <si>
    <t>APRTC</t>
  </si>
  <si>
    <t xml:space="preserve">ADVANCE RET CHECK   CE     00000      N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 xml:space="preserve">                         NAADVANCE PAYMENTS    0003ADVANCES                                          0010ADVANCE RETURNED CHECK                            0060N                                                                                                                                                                                                                  </t>
  </si>
  <si>
    <t>APTRT</t>
  </si>
  <si>
    <t xml:space="preserve">ADVANCE TRANSFER    CE     00000      N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 xml:space="preserve">                         NAADVANCE PAYMENTS    0003ADVANCE TRANSFERS                                 0020ADVANCE TRANSFER-TO                               0030N                                                                                                                                                                                                                  </t>
  </si>
  <si>
    <t>ARBLI</t>
  </si>
  <si>
    <t>EMP-APPL-REBILL-INT</t>
  </si>
  <si>
    <t>ARBLP</t>
  </si>
  <si>
    <t>EMP-APPL-REBLL-PRIN</t>
  </si>
  <si>
    <t>AREIN</t>
  </si>
  <si>
    <t>EMP-APPL-REINST</t>
  </si>
  <si>
    <t>ARTC</t>
  </si>
  <si>
    <t xml:space="preserve">ARTC AR TRANS COST RCVRY NEELECTRIC            0001MISCELLANEOUS/OTHER                               0150AR TRANSITION COST RECOVERY                       0030R                                                                                                                                                                                                                  </t>
  </si>
  <si>
    <t>ARTCK</t>
  </si>
  <si>
    <t>EMP-APPL-RETURND-CK</t>
  </si>
  <si>
    <t>ASPLN</t>
  </si>
  <si>
    <t xml:space="preserve">ASSIST PLAN VCHR-OTHCEASPLN00310ASPLNNY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 xml:space="preserve">ASPLNASSIST PLAN VCHR-OTHNEELECTRIC            0001ASSISTANCE PLANS                                  0100ASSIST PLAN VCHR-OTH                              0010C                                                                                                                                                                                                                  </t>
  </si>
  <si>
    <t>ATRFR</t>
  </si>
  <si>
    <t>EMP-APPL-TRANSFR-FR</t>
  </si>
  <si>
    <t>ATRTO</t>
  </si>
  <si>
    <t>EMP-APPL-TRANSFR-TO</t>
  </si>
  <si>
    <t>BBAFF</t>
  </si>
  <si>
    <t xml:space="preserve">ARR FORGIVINES FINALREBBAFF00713BBILLNN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 xml:space="preserve">BBILLARR FORGIVENES FINALNEELECTRIC            0001ELECTRIC TRANSFERS                                0130ARR FORGIVENESS FINAL                             0040C                                                                                                                                                                                                                  </t>
  </si>
  <si>
    <t>BBAFP</t>
  </si>
  <si>
    <t xml:space="preserve">ARREARAGE FORGIVINESREBBAFP00613BBILLNN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 xml:space="preserve">BBILLARREARAGE FORGIVENESNEELECTRIC            0001ELECTRIC TRANSFERS                                0130ARREARAGE FORGIVENESS                             0040C                                                                                                                                                                                                                  </t>
  </si>
  <si>
    <t>BBANV</t>
  </si>
  <si>
    <t>BUDGET-BILL-ANNIV</t>
  </si>
  <si>
    <t xml:space="preserve">BUDGET BILL ANNIV   REBBANV00113BBILLNN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 xml:space="preserve">BBILLBUDGET BILL         NEELECTRIC            0001ELECTRIC TRANSFERS                                0130BUDGET BILL ANNIV                                 0010C                                                                                                                                                                                                                  </t>
  </si>
  <si>
    <t>BUDGET-BILL-CANCEL</t>
  </si>
  <si>
    <t xml:space="preserve">BUDGET BILL CANCEL  CE     00000      N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 xml:space="preserve">                         NOOTHER               0088OTHER                                             0001OTHER                                             0001N                                                                                                                                                                                                                  </t>
  </si>
  <si>
    <t>BBCLG</t>
  </si>
  <si>
    <t>BB-DEF-AR-CLEARING</t>
  </si>
  <si>
    <t xml:space="preserve">BB DEF-A/R CLEARING REBBCLG00313BBILLNN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 xml:space="preserve">BBILLBUDGET BILL         NEELECTRIC            0001ELECTRIC TRANSFERS                                0130BB DEF-A/R CLEARING                               0030C                                                                                                                                                                                                                  </t>
  </si>
  <si>
    <t>BUDGET-BILL-DEFRRED</t>
  </si>
  <si>
    <t xml:space="preserve">BUDGET BILL DEFERREDREBBDEF00413BBILLNN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 xml:space="preserve">BBILLBUDGET BILL         NEELECTRIC            0001ELECTRIC TRANSFERS                                0130BUDGET BILL DEFERRED                              0040C                                                                                                                                                                                                                  </t>
  </si>
  <si>
    <t>BUDGET-BILL-DUE</t>
  </si>
  <si>
    <t xml:space="preserve">BUDGET BILL DUE     REBBDUE00513BBILLNN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 xml:space="preserve">BBILLBUDGET BILL         NEELECTRIC            0001ELECTRIC TRANSFERS                                0130BUDGET BILL DUE                                   0050C                                                                                                                                                                                                                  </t>
  </si>
  <si>
    <t>BBILL</t>
  </si>
  <si>
    <t xml:space="preserve">BUDGET BILL          E     00000     NN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>BBRCA</t>
  </si>
  <si>
    <t>BDGET-BILL-REF-CNCL</t>
  </si>
  <si>
    <t xml:space="preserve">BUDGET BILL REF CAN CEBBRCA00112BBCRANN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 xml:space="preserve">BBRCABUDGET BILL REF CAN NEELECTRIC            0001PETTY CASH REFUNDS                                0120BUDGET BILL REF CAN                               0010C                                                                                                                                                                                                                  </t>
  </si>
  <si>
    <t>BBREF</t>
  </si>
  <si>
    <t>BUDGET-BILL-REFUND</t>
  </si>
  <si>
    <t xml:space="preserve">BUDGET BILL REFUND  CEBBREF00212BBREFNN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 xml:space="preserve">BBREFBUDGET BILL REFUND  NEELECTRIC            0001PETTY CASH REFUNDS                                0120BUDGET BILL REFUND                                0020C                                                                                                                                                                                                                  </t>
  </si>
  <si>
    <t>BBTRF</t>
  </si>
  <si>
    <t>BUDGET-BILL-TRNSFR</t>
  </si>
  <si>
    <t xml:space="preserve">BUDGET BILL TRANSFERREBBTRF00813BBILLNN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 xml:space="preserve">BBILLBUDGET BILL         NEELECTRIC            0001ELECTRIC TRANSFERS                                0130BUDGET BILL TRANSFER                              0055N                                                                                                                                                                                                                  </t>
  </si>
  <si>
    <t>BCNSV</t>
  </si>
  <si>
    <t xml:space="preserve">BUILDER CONST FEE   CEBCNSV17906BCNSVOY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 xml:space="preserve">BCNSVBUILDER CONST SERV  NEELECTRIC            0001MISC SERVICE REVENUES                             0060BUILDER CONSTRUCTION SRV FEE                      0007R                                                                                                                                                                                                                  </t>
  </si>
  <si>
    <t>BEDF</t>
  </si>
  <si>
    <t xml:space="preserve">BEDF BIXBY ECON DEV      YEELECTRIC            0001REVENUES                                          0010BIXBY ECON DEVELOP FEE                            0073R                                                                                                                                                                                                                  </t>
  </si>
  <si>
    <t>BILLM</t>
  </si>
  <si>
    <t>BILL-METERED</t>
  </si>
  <si>
    <t xml:space="preserve">BILL METERED        RE     00000      N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>BILLN</t>
  </si>
  <si>
    <t>BILL-NON-METERED</t>
  </si>
  <si>
    <t xml:space="preserve">BILL NON-METERED    RE     00000      N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>BSFEE</t>
  </si>
  <si>
    <t>Broken Meter Seal</t>
  </si>
  <si>
    <t xml:space="preserve">BROKEN METER SEAL   CEBSFEE00506BSFEEOY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 xml:space="preserve">BSFEEBROKEN METER SEAL   NEELECTRIC            0001MISC SERVICE REVENUES                             0060BROKEN METER SEAL                                 0010R                                                                                                                                                                                                                  </t>
  </si>
  <si>
    <t>CACTN</t>
  </si>
  <si>
    <t xml:space="preserve">COMMUNITY ACTION GRPCECACTN00510CACTNNY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 xml:space="preserve">CACTNCOMMUNITY ACTION GRPNEELECTRIC            0001ASSISTANCE PLANS                                  0100COMMUNITY ACTION GRP                              0050C                                                                                                                                                                                                                  </t>
  </si>
  <si>
    <t>CARCR</t>
  </si>
  <si>
    <t>REV-CANCL-REBILL-CR</t>
  </si>
  <si>
    <t xml:space="preserve">REVENUE-CAR-CR      RECARCR00601NETRVBYRADJUSTMENT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 xml:space="preserve">NETRVNET REVENUE-1420XXX YEELECTRIC            0001REVENUES                                          0010REVENUE-CAR-CR                                    0050R                                                                                                                                                                                                                  </t>
  </si>
  <si>
    <t>CARDR</t>
  </si>
  <si>
    <t>REV-CAQNCL-REBILL-D</t>
  </si>
  <si>
    <t xml:space="preserve">REVENUE-CAR-DR      RECARDR00501NETRVBYRADJUSTMENT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 xml:space="preserve">NETRVNET REVENUE-1420XXX YEELECTRIC            0001REVENUES                                          0010REVENUE-CAR-DR                                    0040R                                                                                                                                                                                                                  </t>
  </si>
  <si>
    <t>CASH</t>
  </si>
  <si>
    <t xml:space="preserve">CASH                CECASH 00114CASH NN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 xml:space="preserve">CASH CASH                NEELECTRIC            0001CASH                                              0140CASH                                              0010C                                                                                                                                                                                                                  </t>
  </si>
  <si>
    <t>CCNSL</t>
  </si>
  <si>
    <t>CONV-CONSD-BILL</t>
  </si>
  <si>
    <t xml:space="preserve">CONV CONSLIDATE BILLCE     00000      N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>CCNTR</t>
  </si>
  <si>
    <t>CONV-CONSD-TRNSF</t>
  </si>
  <si>
    <t xml:space="preserve">CONV CONSLIDATE TRNFCE     00000      N TRANSFER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>CGENF</t>
  </si>
  <si>
    <t xml:space="preserve">COGEN OFF PEAK      RECGENF06015CGENFBY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 xml:space="preserve">CGENFCOGEN OFF PEAK      NEELECTRIC            0001MISCELLANEOUS/OTHER                               0150COGEN OFF PEAK                                    0080C                                                                                                                                                                                                                  </t>
  </si>
  <si>
    <t>CGENN</t>
  </si>
  <si>
    <t xml:space="preserve">COGEN ON PEAK       RECGENN06015CGENNBY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 xml:space="preserve">CGENNCOGEN ON PEAK       NEELECTRIC            0001MISCELLANEOUS/OTHER                               0150COGEN ON PEAK                                     0080C                                                                                                                                                                                                                  </t>
  </si>
  <si>
    <t>CHARGE-OFF</t>
  </si>
  <si>
    <t xml:space="preserve">CHARGE-OFF ELECTRIC CECHGOF04015CHGOFOY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 xml:space="preserve">CHGOFCHARGE-OFF ELECTRIC NEELECTRIC            0001MISCELLANEOUS/OTHER                               0150CHARGE-OFF ELECTRIC                               0040B                                                                                                                                                                                                                  </t>
  </si>
  <si>
    <t>CHGOX</t>
  </si>
  <si>
    <t>CHRCH</t>
  </si>
  <si>
    <t xml:space="preserve">CHURCHES            CECHRCH00810CHRCHNY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 xml:space="preserve">CHRCHCHURCHES            NEELECTRIC            0001ASSISTANCE PLANS                                  0100CHURCHES                                          0020C                                                                                                                                                                                                                  </t>
  </si>
  <si>
    <t>CJTRF</t>
  </si>
  <si>
    <t xml:space="preserve">CONJC BILL TRANSFER CE     00000        TRANSFER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 xml:space="preserve">CJTRFCONJC BILL TRANSFER NEELECTRIC            0001ELECTRIC TRANSFERS                                0130CONJC BILL TRANSFER                               0066C                                                                                                                                                                                                                  </t>
  </si>
  <si>
    <t>RETURNED-CHECK-CHRG</t>
  </si>
  <si>
    <t xml:space="preserve">RETURNED CHECK CHG  CECKCHG01006CKCHGOY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 xml:space="preserve">CKCHGRETURNED CHECK CHRG NEELECTRIC            0001MISC SERVICE REVENUES                             0060RETURNED CHECK CHARGE                             0025R                                                                                                                                                                                                                  </t>
  </si>
  <si>
    <t>CMTCD</t>
  </si>
  <si>
    <t xml:space="preserve">CM COMM DIAGNOSTIC  CECMTCD01106CMTCDOY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 xml:space="preserve">CMTCDCM COMM DIAGNOSTIC  NEELECTRIC            0001MISC SERVICE REVENUES                             0060COMP MTR COMMUNICATION DIAGNOSTIC FEE             0026R                                                                                                                                                                                                                  </t>
  </si>
  <si>
    <t>CMTNS</t>
  </si>
  <si>
    <t xml:space="preserve">CM NONSTNDRD PRG FEECECMTNS01206CMTNSOY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 xml:space="preserve">CMTNSCM NONSTNDRD PRG FEENEELECTRIC            0001MISC SERVICE REVENUES                             0060COMP MTR NON-STANDRD PROGRAMMING SRV FEE          0027R                                                                                                                                                                                                                  </t>
  </si>
  <si>
    <t>CMTPA</t>
  </si>
  <si>
    <t xml:space="preserve">CM PHY ACC EQPT INSTCECMTPA01306CMTPAOY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 xml:space="preserve">CMTPACM PHY ACC EQPT INSTNEELECTRIC            0001MISC SERVICE REVENUES                             0060COMP MTR PHYSICAL ACCESS EQUIP INSTALLTN          0028R                                                                                                                                                                                                                  </t>
  </si>
  <si>
    <t>CMTRI</t>
  </si>
  <si>
    <t xml:space="preserve">COMPETITIVE MTR INSTCECMTRI01406CMTRIOY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 xml:space="preserve">CMTRICOMPETITIVE MTR INSTNEELECTRIC            0001MISC SERVICE REVENUES                             0060COMPETITIVE METER INSTALL/REMOVAL FEE             0029R                                                                                                                                                                                                                  </t>
  </si>
  <si>
    <t>CNTRA</t>
  </si>
  <si>
    <t>CONTRA-REV-ASSOC-CO</t>
  </si>
  <si>
    <t xml:space="preserve">CONTRA-REV ASSOC CO RECNTRA00105CNTRANN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 xml:space="preserve">CNTRACONTRA-REV ASSOC CO NEELECTRIC            0001ASSOC CO REVENUES                                 0050CONTRA-REV ASSOC CO                               0010B                                                                                                                                                                                                                  </t>
  </si>
  <si>
    <t>CNTRF</t>
  </si>
  <si>
    <t>CNSL-BILL-TRANSFER</t>
  </si>
  <si>
    <t xml:space="preserve">CONSL BILL TRANSF   CECNTRF05513CNTRFNN TRANSFER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 xml:space="preserve">CNTRFCONSL BILL TRANSFER NEELECTRIC            0001ELECTRIC TRANSFERS                                0130CONSL BILL TRANSFER                               0065C                                                                                                                                                                                                                  </t>
  </si>
  <si>
    <t>CNVFR</t>
  </si>
  <si>
    <t>CONVERSION-TRNF FROM</t>
  </si>
  <si>
    <t xml:space="preserve">CONVERSION-TRNF FROM E     00000      N TRANSFER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>CNVTO</t>
  </si>
  <si>
    <t>CONVERSION-TRNF TO</t>
  </si>
  <si>
    <t xml:space="preserve">CONVERSION-TRNF TO   E     00000      N TRANSFER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>COCNT</t>
  </si>
  <si>
    <t xml:space="preserve">CHARGE-OFF COUNTY   CE     00000      Y CHARGE OFF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 xml:space="preserve">COCNTCHARGE-OFF COUNTY TXNEELECTRIC            0001MISCELLANEOUS/OTHER                               0150CHARGE-OFF COUNTY TAX                             0051N                                                                                                                                                                                                                  </t>
  </si>
  <si>
    <t>COCSH</t>
  </si>
  <si>
    <t>CHRG-OFF-SCHOOL-TAX</t>
  </si>
  <si>
    <t>COCTY</t>
  </si>
  <si>
    <t xml:space="preserve">CHARGE-OFF CITY     CE     00000      Y CHARGE OFF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 xml:space="preserve">COCTYCHARGE-OFF CITY TAX NEELECTRIC            0001MISCELLANEOUS/OTHER                               0150CHARGE-OFF CITY TAX                               0054N                                                                                                                                                                                                                  </t>
  </si>
  <si>
    <t>COE25</t>
  </si>
  <si>
    <t>OEC 25%-BILLING ADJ</t>
  </si>
  <si>
    <t xml:space="preserve">OHIO ENRGY CREDIT 25REOEC2531210OEC25BY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>COE30</t>
  </si>
  <si>
    <t>OEC 30%-BILLING ADJ</t>
  </si>
  <si>
    <t xml:space="preserve">OHIO ENRGY CREDIT 30REOEC3041310OEC30BY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>COESP</t>
  </si>
  <si>
    <t xml:space="preserve">CHARGE-OFF ESP A/R  CECOESP05015COESPNY CHARGE OFF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 xml:space="preserve">COESPCHARGE-OFF ESP A/R  NEELECTRIC            0001MISCELLANEOUS/OTHER                               0150CHARGE-OFF ESP A/R                                0045N                                                                                                                                                                                                                  </t>
  </si>
  <si>
    <t>COFRF</t>
  </si>
  <si>
    <t xml:space="preserve">CHARGE-OFF FRANCHISECE     00000      Y CHARGE OFF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 xml:space="preserve">COFRFCHARGE-OFF FRANCHISENEELECTRIC            0001MISCELLANEOUS/OTHER                               0150CHARGE-OFF FRANCHISE                              0058N                                                                                                                                                                                                                  </t>
  </si>
  <si>
    <t>COGEN</t>
  </si>
  <si>
    <t>COGEN ENERGY CR-PPG</t>
  </si>
  <si>
    <t xml:space="preserve">COGEN ENERGY CR     RECOGEN06015COGENBY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 xml:space="preserve">COGENCOGEN ENERGY CR     NEELECTRIC            0001MISCELLANEOUS/OTHER                               0150COGEN ENERGY CR                                   0080C                                                                                                                                                                                                                  </t>
  </si>
  <si>
    <t>COKYF</t>
  </si>
  <si>
    <t>CHRG-OFF-KY-FR</t>
  </si>
  <si>
    <t>COLOC</t>
  </si>
  <si>
    <t xml:space="preserve">CHARGE-OFF LOCAL CONCE     00000      Y CHARGE OFF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>COMM</t>
  </si>
  <si>
    <t>Energy Assistance Commitments</t>
  </si>
  <si>
    <t xml:space="preserve">COMM                CECOMM 07710COMM NY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 xml:space="preserve">COMM COMMITMENT          NEELECTRIC            0001ASSISTANCE PLANS                                  0100COMMITMENT                                        0030C                                                                                                                                                                                                                  </t>
  </si>
  <si>
    <t>CONJC</t>
  </si>
  <si>
    <t xml:space="preserve">CONJUNCTIVE BILL    CE     00000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 xml:space="preserve">CONJCCONJUNCTIVE BILL    NEELECTRIC            0001ELECTRIC TRANSFERS                                0130CONJUNCTIVE BILL                                  0071C                                                                                                                                                                                                                  </t>
  </si>
  <si>
    <t>CONPD</t>
  </si>
  <si>
    <t xml:space="preserve">CONSUMER TX NOT PAIDRECONPD02408CONPDNYT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 xml:space="preserve">CONPDCONSUMER TX NOT PAIDNEELECTRIC            0001TAXES                                             0080CONSUMER TX NOT PAID                              0200N                                                                                                                                                                                                                  </t>
  </si>
  <si>
    <t>CONPW</t>
  </si>
  <si>
    <t>CHARGE-OFF-NO-POWER</t>
  </si>
  <si>
    <t xml:space="preserve">CHARGE OFF NO POWER CECONPW07015CONPWOY CHARGE OFF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 xml:space="preserve">CONPWCHARGE-OFF NO POWER NEELECTRIC            0001MISCELLANEOUS/OTHER                               0150CHARGE-OFF NO POWER                               0100R                                                                                                                                                                                                                  </t>
  </si>
  <si>
    <t>CNSL-BILL</t>
  </si>
  <si>
    <t xml:space="preserve">CONSOLIDATED BILL   CECONSL05613CONSLNN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 xml:space="preserve">CONSLCONSOLIDATED BILL   NEELECTRIC            0001ELECTRIC TRANSFERS                                0130CONSOLIDATED BILL                                 0070C                                                                                                                                                                                                                  </t>
  </si>
  <si>
    <t>CONV</t>
  </si>
  <si>
    <t>CONVERSION</t>
  </si>
  <si>
    <t xml:space="preserve">CONVERSION          CE     00000      N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 xml:space="preserve">CONV CONV                NEELECTRIC            0001MISCELLANEOUS/OTHER                               0150CONV                                              0090E                                                                                                                                                                                                                  </t>
  </si>
  <si>
    <t>CONVE</t>
  </si>
  <si>
    <t xml:space="preserve">CONVECONVE               NEELECTRIC            0001MISCELLANEOUS/OTHER                               0150CONVE                                             0090E                                                                                                                                                                                                                  </t>
  </si>
  <si>
    <t>COOL</t>
  </si>
  <si>
    <t xml:space="preserve">SUMMER COOLING      CECOOL 00910COOL NY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 xml:space="preserve">COOL SUMMER COOLING      NEELECTRIC            0001ASSISTANCE PLANS                                  0100SUMMER COOLING                                    0040C                                                                                                                                                                                                                  </t>
  </si>
  <si>
    <t>COSCH</t>
  </si>
  <si>
    <t xml:space="preserve">CHARGE-OFF SCHOOL TXCE     00000      Y CHARGE OFF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>COSLS</t>
  </si>
  <si>
    <t>CHRG-OFF-SALES-TAX</t>
  </si>
  <si>
    <t xml:space="preserve">CHARGE-OFF SALES TAXCE     00000      Y CHARGE OFF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>COSPR</t>
  </si>
  <si>
    <t xml:space="preserve">CHARGE-OFF SPEC REGLCE     00000      Y CHARGE OFF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>COST</t>
  </si>
  <si>
    <t xml:space="preserve">CHARGE-OFF STATE    CE     00000      Y CHARGE OFF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 xml:space="preserve">COST CHARGE-OFF STATE TAXNEELECTRIC            0001MISCELLANEOUS/OTHER                               0150CHARGE-OFF STATE TAX                              0062N                                                                                                                                                                                                                  </t>
  </si>
  <si>
    <t>COSTC</t>
  </si>
  <si>
    <t xml:space="preserve">CHARGE-OFF STATE CONCE     00000      Y CHARGE OFF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>COUSF</t>
  </si>
  <si>
    <t xml:space="preserve">CHARGE-OFF USF RIDERCE     00000      Y CHARGE OFF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>COUTL</t>
  </si>
  <si>
    <t>CHRG-OFF-UTILITY-TAX</t>
  </si>
  <si>
    <t xml:space="preserve">CHARGE-OFF UTILITY  CE     00000      Y CHARGE OFF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>CPFEE</t>
  </si>
  <si>
    <t>Copying Fee</t>
  </si>
  <si>
    <t xml:space="preserve">COPYING FEE         CECPFEE01506CPFEEOY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 xml:space="preserve">CPFEECOPYING FEE         NEELECTRIC            0001MISC SERVICE REVENUES                             0060COPYING FEE                                       0030R                                                                                                                                                                                                                  </t>
  </si>
  <si>
    <t>CPHLN</t>
  </si>
  <si>
    <t xml:space="preserve">CONN PH LINE TO MTR CECPHLN01806CPHLNOY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 xml:space="preserve">CPHLNCONN PH LINE TO MTR NEELECTRIC            0001MISC SERVICE REVENUES                             0060CONN PH LINE TO MTR                               0040R                                                                                                                                                                                                                  </t>
  </si>
  <si>
    <t>CPLMR</t>
  </si>
  <si>
    <t xml:space="preserve">CK PH LINE/MANUAL RDCECPLMR02006CPLMROY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 xml:space="preserve">CPLMRCK PH LINE/MANUAL RDNEELECTRIC            0001MISC SERVICE REVENUES                             0060CK PH LINE/MANUAL RD                              0050R                                                                                                                                                                                                                  </t>
  </si>
  <si>
    <t>CRESP</t>
  </si>
  <si>
    <t xml:space="preserve">CRDT REV TRANSFER   CECTESP08513CTESPNY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 xml:space="preserve">CRESPCRD TRNSF TO ESP-REVNEELECTRIC            0001CREDIT TRANSFERS                                  0130CRDT TRANSFER TO-ESP                              0090R                                                                                                                                                                                                                  </t>
  </si>
  <si>
    <t>CRRCR</t>
  </si>
  <si>
    <t xml:space="preserve">RATE READY CARR CRDTCECRRCR27516CRRCRNY SUPPLIER ADJUSTMENT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 xml:space="preserve">CRRCRRATE READY CARR CRDTNEELECTRIC            0001NO BUY ESP                                        0160RATE READY CARR CRDT                              0030B                                                                                                                                                                                                                  </t>
  </si>
  <si>
    <t>CRRDR</t>
  </si>
  <si>
    <t xml:space="preserve">RATE READY CARR DEBTCECRRDR27516CRRDRNY SUPPLIER ADJUSTMENT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 xml:space="preserve">CRRDRRATE READY CARR DEBTNEELECTRIC            0001NO BUY ESP                                        0160RATE READY CARR DEBT                              0030B                                                                                                                                                                                                                  </t>
  </si>
  <si>
    <t>CTESP</t>
  </si>
  <si>
    <t xml:space="preserve">CRDT TRANSFER TO-ESPCECTESP08513CTESPNY TRANSFER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 xml:space="preserve">CTESPCRDT TRANSFER TO-ESPNEELECTRIC            0001CREDIT TRANSFERS                                  0130CRDT TRANSFER TO-ESP                              0090R                                                                                                                                                                                                                  </t>
  </si>
  <si>
    <t>DADJC</t>
  </si>
  <si>
    <t xml:space="preserve">DIST REVENUE-ADJ-CR REDADJC00404DNTRVBYRADJUSTMENT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 xml:space="preserve">DNTRVNET DIST REV-1420XXXYEELECTRIC            0001DISTRIBUTION REVENUES                             0040DIST REVENUE-ADJ-CR                               0003R                                                                                                                                                                                                                  </t>
  </si>
  <si>
    <t>DADJD</t>
  </si>
  <si>
    <t xml:space="preserve">DIST REVENUE-ADJ-DR REDADJD00304DNTRVBYRADJUSTMENT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 xml:space="preserve">DNTRVNET DIST REV-1420XXXYEELECTRIC            0001DISTRIBUTION REVENUES                             0040DIST REVENUE-ADJ-DR                               0002R                                                                                                                                                                                                                  </t>
  </si>
  <si>
    <t>DADJI</t>
  </si>
  <si>
    <t xml:space="preserve">DEPOSIT INT ADJUSTEDCEDADJI09615DADJINY ADJUSTMENT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 xml:space="preserve">DADJIDEPOSIT INT ADJUSTEDNEELECTRIC            0001MISCELLANEOUS/OTHER                               0150DEPOSIT INT ADJUSTMENT                            0116C                                                                                                                                                                                                                  </t>
  </si>
  <si>
    <t>DAFEE</t>
  </si>
  <si>
    <t>Meter Access Denial</t>
  </si>
  <si>
    <t xml:space="preserve">METER ACCESS DENIAL REDAFEE02506DAFEEOY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 xml:space="preserve">DAFEEMETER ACCESS DENIAL NEELECTRIC            0001MISC SERVICE REVENUES                             0060METER ACCESS DENIAL                               0060R                                                                                                                                                                                                                  </t>
  </si>
  <si>
    <t>DAPPL</t>
  </si>
  <si>
    <t>DEPOSIT-APPLIED-AR</t>
  </si>
  <si>
    <t xml:space="preserve">DEPOSIT APPLIED A/R CEDAPPL08015DAPPLNY DEPOSIT APPLIED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 xml:space="preserve">DAPPLDEPOSIT APPLIED A/R NEELECTRIC            0001MISCELLANEOUS/OTHER                               0150DEPOSIT APPLIED A/R                               0110C                                                                                                                                                                                                                  </t>
  </si>
  <si>
    <t>DAPPR</t>
  </si>
  <si>
    <t xml:space="preserve">DEPOSIT APPLIED REC CEDAPPR08015DAPPRNY DEPOSIT APPLIED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 xml:space="preserve">DAPPRDEPOSIT APPLIED REC NEELECTRIC            0001MISCELLANEOUS/OTHER                               0150DEPOSIT APPLIED REC                               0110B                                                                                                                                                                                                                  </t>
  </si>
  <si>
    <t>DCARC</t>
  </si>
  <si>
    <t xml:space="preserve">DIST REVENUE-CAR-CR REDCARC00604DNTRVBYRADJUSTMENT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 xml:space="preserve">DNTRVNET DIST REV-1420XXXYEELECTRIC            0001DISTRIBUTION REVENUES                             0040DIST REVENUE-CAR-CR                               0005R                                                                                                                                                                                                                  </t>
  </si>
  <si>
    <t>DCARD</t>
  </si>
  <si>
    <t xml:space="preserve">DIST REVENUE-CAR-DR REDCARD00504DNTRVBYRADJUSTMENT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 xml:space="preserve">DNTRVNET DIST REV-1420XXXYEELECTRIC            0001DISTRIBUTION REVENUES                             0040DIST REVENUE-CAR-DR                               0004R                                                                                                                                                                                                                  </t>
  </si>
  <si>
    <t>DECOM</t>
  </si>
  <si>
    <t xml:space="preserve">NUCLEAR DECOM SURC  REREV  00101NETRVBYR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>DEDF</t>
  </si>
  <si>
    <t xml:space="preserve">DEDF DEWEY ECON DEV      YEELECTRIC            0001REVENUES                                          0010DEWEY ECON DEVELOP FEE                            0073R                                                                                                                                                                                                                  </t>
  </si>
  <si>
    <t>DEPOSIT-BILLABLE</t>
  </si>
  <si>
    <t xml:space="preserve">DEPOSIT BILLABLE    CD     00000      N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>DEPOSIT-SET-UP</t>
  </si>
  <si>
    <t xml:space="preserve">DEPOSIT SET-UP      CD     00000      N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>DFORG</t>
  </si>
  <si>
    <t xml:space="preserve">PRE-PIP ARREARS     CEDFORG09015DFORGNN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 xml:space="preserve">DFORGPRE-PIP ARREARS     NEELECTRIC            0001MISCELLANEOUS/OTHER                               0150PRE-PIP ARREARS                                   0120N                                                                                                                                                                                                                  </t>
  </si>
  <si>
    <t>DIPCR</t>
  </si>
  <si>
    <t>DEPOSIT-INTEREST PETTY CASH REFUND</t>
  </si>
  <si>
    <t xml:space="preserve">DEP INT PETTY CSH RFCD     00000     NN REFUND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>DISC</t>
  </si>
  <si>
    <t xml:space="preserve">REVENUE-DISCOUNT    REDISC 01701NETRVBN DISCOUNT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 xml:space="preserve">NETRVNET REVENUE-1420XXX YEELECTRIC            0001REVENUES                                          0010REVENUE-DISCOUNT                                  0060R                                                                                                                                                                                                                  </t>
  </si>
  <si>
    <t>DISCN</t>
  </si>
  <si>
    <t xml:space="preserve">DISCONNECT CHARGE   CEDISCN00000     BN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>DLAMP</t>
  </si>
  <si>
    <t>DISCONNECT LAMP</t>
  </si>
  <si>
    <t xml:space="preserve">DISCONNECT LAMP     CEDLAMP02606DLAMPOY DISCONNECT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 xml:space="preserve">DLAMPTEMP SL DISC CHRG   NEELECTRIC            0001MISC SERVICE REVENUES                             0060TEMPORARY SL DISCONNECT CHRG                      0065R                                                                                                                                                                                                                  </t>
  </si>
  <si>
    <t>DMANC</t>
  </si>
  <si>
    <t xml:space="preserve">DIST REV-MAN ADJ-CR REDMANC00804DNTRVBYRADJUSTMENT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 xml:space="preserve">DNTRVNET DIST REV-1420XXXYEELECTRIC            0001DISTRIBUTION REVENUES                             0040DIST REVENUE-MAN ADJ-CR                           0007R                                                                                                                                                                                                                  </t>
  </si>
  <si>
    <t>DMAND</t>
  </si>
  <si>
    <t xml:space="preserve">DIST REV-MAN ADJ-DR REDMAND00704DNTRVBYRADJUSTMENT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 xml:space="preserve">DNTRVNET DIST REV-1420XXXYEELECTRIC            0001DISTRIBUTION REVENUES                             0040DIST REVENUE-MAN ADJ-DR                           0006R                                                                                                                                                                                                                  </t>
  </si>
  <si>
    <t>DNTRV</t>
  </si>
  <si>
    <t xml:space="preserve">NET DIST REV-1420XXX E     00000     NN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>DOFEE</t>
  </si>
  <si>
    <t>Dispatched Order Fee</t>
  </si>
  <si>
    <t xml:space="preserve">DISPATCHED ORDER FEECEDOFEE02806DOFEEOY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 xml:space="preserve">DOFEEDISPATCHED ORDER FEENEELECTRIC            0001MISC SERVICE REVENUES                             0060DISPATCHED ORDER FEE                              0070R                                                                                                                                                                                                                  </t>
  </si>
  <si>
    <t>DPAPL</t>
  </si>
  <si>
    <t>DEPOSIT-APPLIED-DEP</t>
  </si>
  <si>
    <t xml:space="preserve">DEPOSIT APPLIED A/R CDDPAPL00217     NN DEPOSIT APPLIED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>DPCAN</t>
  </si>
  <si>
    <t>DPC-CANCEL</t>
  </si>
  <si>
    <t xml:space="preserve">DPC - CANCELLED     REDPCAN00207NETFDOY LATE FEE CANCELLED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 xml:space="preserve">NETFDNET DPC/EMP DISCOUNTNEELECTRIC            0001FORFEITED DISCOUNTS                               0070DPC-CANCELLED                                     0020R                                                                                                                                                                                                                  </t>
  </si>
  <si>
    <t>DPC-CHARGED</t>
  </si>
  <si>
    <t xml:space="preserve">DPC - CHARGED       REDPCED00107NETFDOY LATE FEE CHARGED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 xml:space="preserve">NETFDNET DPC/EMP DISCOUNTNEELECTRIC            0001FORFEITED DISCOUNTS                               0070DPC-CHARGED                                       0010R                                                                                                                                                                                                                  </t>
  </si>
  <si>
    <t>DPCNL</t>
  </si>
  <si>
    <t xml:space="preserve">DEPOSIT REFUND CANCLCDDPCNL01017     NN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 xml:space="preserve">                         NDDEPOSITS            0002DEPOSITS                                          0010DEPOSIT REFUND CANCEL                             0060N                                                                                                                                                                                                                  </t>
  </si>
  <si>
    <t>DPCOM</t>
  </si>
  <si>
    <t xml:space="preserve">DEPOSIT VOUCHR-DPCOMCDDPCOM09317     NN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 xml:space="preserve">                         NDDEPOSITS            0002DEPOSITS                                          0010DEPOSIT ASST PLAN COMMITMENT                      0065N                                                                                                                                                                                                                  </t>
  </si>
  <si>
    <t>DPCR6</t>
  </si>
  <si>
    <t>DPC 6 MONTHS</t>
  </si>
  <si>
    <t xml:space="preserve">DPC 6 MONTHS        REDPCR600307NETFDOY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 xml:space="preserve">NETFDNET DPC/EMP DISCOUNTNEELECTRIC            0001FORFEITED DISCOUNTS                               0070DPC 6 MONTHS                                      0030R                                                                                                                                                                                                                  </t>
  </si>
  <si>
    <t>DPELI</t>
  </si>
  <si>
    <t xml:space="preserve">DEPOSIT AP ELIEP    CDDPELI08017     NN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 xml:space="preserve">                         NDDEPOSITS            0002DEPOSITS                                          0010DEPOSIT ASST PLAN ELIEP                           0080N                                                                                                                                                                                                                  </t>
  </si>
  <si>
    <t>DPESC</t>
  </si>
  <si>
    <t xml:space="preserve">                         NDDEPOSITS            0002DEPOSITS                                          0010DEPOSIT ESCHEATED                                 0013N                                                                                                                                                                                                                  </t>
  </si>
  <si>
    <t>DPINA</t>
  </si>
  <si>
    <t>DEPOSIT INT APPLIED</t>
  </si>
  <si>
    <t xml:space="preserve">DEPOSIT INT APPLIED CEDPINA09515DPINANY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 xml:space="preserve">DPINADEPOSIT INT APPLIED NEELECTRIC            0001MISCELLANEOUS/OTHER                               0150DEPOSIT INT APPLIED                               0115C                                                                                                                                                                                                                  </t>
  </si>
  <si>
    <t>DPINR</t>
  </si>
  <si>
    <t xml:space="preserve">DEPOSIT INT APP REC CEDPINR09515DPINRNY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 xml:space="preserve">DPINRDEPOSIT INT APL REC NEELECTRIC            0001MISCELLANEOUS/OTHER                               0150DEPOSIT INT APL REC                               0115B                                                                                                                                                                                                                  </t>
  </si>
  <si>
    <t>DPINT</t>
  </si>
  <si>
    <t>DEPOSIT INTEREST</t>
  </si>
  <si>
    <t xml:space="preserve">DEPOSIT INTEREST    CE     00000      N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>DPLIE</t>
  </si>
  <si>
    <t xml:space="preserve">DEPOSIT AP LIEP     CDDPLIE09017     NN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 xml:space="preserve">                         NDDEPOSITS            0002DEPOSITS                                          0010DEPOSIT ASST PLAN LIEP                            0090N                                                                                                                                                                                                                  </t>
  </si>
  <si>
    <t>DPLIV</t>
  </si>
  <si>
    <t xml:space="preserve">DEPOSIT VOUCHR-LIHAVCDDPLIV09217     NN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 xml:space="preserve">                         NDDEPOSITS            0002DEPOSITS                                          0010DEPOSIT ASST PLAN LIHAV                           0075N                                                                                                                                                                                                                  </t>
  </si>
  <si>
    <t>DPLRF</t>
  </si>
  <si>
    <t>DEPOSIT REFUND</t>
  </si>
  <si>
    <t xml:space="preserve">DEPOSIT REFUND      CD     00000      N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>DPMAP</t>
  </si>
  <si>
    <t>DEPOSIT MISAPPLIED</t>
  </si>
  <si>
    <t xml:space="preserve">DEPOSIT MISAPPLIED  CDDPMAP00317     NN DEPOSIT APPLIED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 xml:space="preserve">                         NDDEPOSITS            0002DEPOSITS                                          0010DEPOSIT MISAPPLIED                                0030N                                                                                                                                                                                                                  </t>
  </si>
  <si>
    <t>DPMAR</t>
  </si>
  <si>
    <t xml:space="preserve">DEPOSIT MISAPL REC  CDDPMAR00317     NN DEPOSIT APPLIED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 xml:space="preserve">                         NDDEPOSITS            0002DEPOSITS                                          0010DEPOSIT MISAPL REC                                0030N                                                                                                                                                                                                                  </t>
  </si>
  <si>
    <t>DPNEW</t>
  </si>
  <si>
    <t>DEPOSIT NEW</t>
  </si>
  <si>
    <t xml:space="preserve">DEPOSIT NEW         CDDPNEW00117     NN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 xml:space="preserve">                         NDDEPOSITS            0002DEPOSITS                                          0010DEPOSIT NEW                                       0010N                                                                                                                                                                                                                  </t>
  </si>
  <si>
    <t>DPPCR</t>
  </si>
  <si>
    <t>DEPOSIT PETTY CSH RF</t>
  </si>
  <si>
    <t xml:space="preserve">DEPOSIT PETTY CSH RFCDDPPCR00417     NN DEPOSIT REFUND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 xml:space="preserve">                         NDDEPOSITS            0002DEPOSITS                                          0010DEPOSIT PETTY CASH REFUND                         0035N                                                                                                                                                                                                                  </t>
  </si>
  <si>
    <t>DPREI</t>
  </si>
  <si>
    <t xml:space="preserve">                         NDDEPOSITS            0002DEPOSITS                                          0010DEPOSIT REINSTATEMENTS                            0012N                                                                                                                                                                                                                  </t>
  </si>
  <si>
    <t>DPRFD</t>
  </si>
  <si>
    <t>DEP REF-NOT APPL A/R</t>
  </si>
  <si>
    <t xml:space="preserve">DEP REF-NOT APPL A/RCDDPRFD00617     NN DEPOSIT REFUND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 xml:space="preserve">                         NDDEPOSITS            0002DEPOSITS                                          0010DEPOSIT REFUNDS                                   0050N                                                                                                                                                                                                                  </t>
  </si>
  <si>
    <t>DPRTC</t>
  </si>
  <si>
    <t>DEPOSIT RETURN CHECK</t>
  </si>
  <si>
    <t xml:space="preserve">DEPOSIT RETURN CHECKCDDPRTC00517     NN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 xml:space="preserve">                         NDDEPOSITS            0002DEPOSITS                                          0010DEPOSIT RETURNED CHECK                            0040N                                                                                                                                                                                                                  </t>
  </si>
  <si>
    <t>DPSAR</t>
  </si>
  <si>
    <t xml:space="preserve">DEPOSIT VOUCHER-SRMYCDDPSAR00817     NN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 xml:space="preserve">                         NDDEPOSITS            0002DEPOSITS                                          0010DEPOSIT SALVATION ARMY ENRG SHARE PRG             0011N                                                                                                                                                                                                                  </t>
  </si>
  <si>
    <t>DPVCH</t>
  </si>
  <si>
    <t>DEPOSIT AP VOUCHER</t>
  </si>
  <si>
    <t xml:space="preserve">DEPOSIT AP VOUCHER  CDDPVCH00717     NN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 xml:space="preserve">                         NDDEPOSITS            0002DEPOSITS                                          0010DEPOSIT ASST PLAN VOUCHER                         0070N                                                                                                                                                                                                                  </t>
  </si>
  <si>
    <t>DRAFT</t>
  </si>
  <si>
    <t>ENERGY DRAFT</t>
  </si>
  <si>
    <t xml:space="preserve">ENERGY DRAFT        CEDRAFT01110DRAFTNY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 xml:space="preserve">DRAFTENERGY DRAFT        NEELECTRIC            0001ASSISTANCE PLANS                                  0100ENERGY DRAFT                                      0060C                                                                                                                                                                                                                  </t>
  </si>
  <si>
    <t>DRCSH</t>
  </si>
  <si>
    <t>DEBIT CASH</t>
  </si>
  <si>
    <t xml:space="preserve">DEBIT CASH          CEDRCSH00214CASH NN CASH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>DREIN</t>
  </si>
  <si>
    <t xml:space="preserve">DEBT FORGIVE REINS  CEDREIN09715DREINBY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 xml:space="preserve">DREINDEBT FORGIVE REINS  NEELECTRIC            0001MISCELLANEOUS/OTHER                               0150DEBT FORGIVENESS REINSTATE                        0117B                                                                                                                                                                                                                  </t>
  </si>
  <si>
    <t>DREV</t>
  </si>
  <si>
    <t xml:space="preserve">DISTRIBUTION REVENUEREDREV 00104DNTRVBYR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 xml:space="preserve">DNTRVNET DIST REV-1420XXXYEELECTRIC            0001DISTRIBUTION REVENUES                             0040DISTRIBUTION REVENUE                              0001R                                                                                                                                                                                                                  </t>
  </si>
  <si>
    <t>DRMIF</t>
  </si>
  <si>
    <t xml:space="preserve">DUAL RGST MTR FEE   CEDRMIF17206DRMIFOY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 xml:space="preserve">DRMIFDUAL RGST MTR FEE   NEELECTRIC            0001MISC SERVICE REVENUES                             0060DUAL REGISTER MTR INSTN FEE                       0075R                                                                                                                                                                                                                  </t>
  </si>
  <si>
    <t>DRVAC</t>
  </si>
  <si>
    <t xml:space="preserve">DIST REVN-ASSOC CO  REDRVAC00505DRVACBYR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 xml:space="preserve">DRVACDIST REVN-ASSOC CO  YEELECTRIC            0001ASSOC CO REVENUES                                 0050DIST REVN-ASSOC CO                                0040B                                                                                                                                                                                                                  </t>
  </si>
  <si>
    <t>DSICH</t>
  </si>
  <si>
    <t>Disputed Interest Charge</t>
  </si>
  <si>
    <t xml:space="preserve">DISPUTED INT CHARGEDCEDSICH15015DSICHNY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 xml:space="preserve">DSICHDISPUTED INT CHARGEDNEELECTRIC            0001MISCELLANEOUS/OTHER                               0150DISPUTED INT CHARGED                              0130N                                                                                                                                                                                                                  </t>
  </si>
  <si>
    <t>DSIPD</t>
  </si>
  <si>
    <t>Disputed Interest Paid</t>
  </si>
  <si>
    <t xml:space="preserve">DISPUTED INT PAID   CEDSIPD15515DSIPDNY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 xml:space="preserve">DSIPDDISPUTED INT PAID   NEELECTRIC            0001MISCELLANEOUS/OTHER                               0150DISPUTED INT PAID                                 0140N                                                                                                                                                                                                                  </t>
  </si>
  <si>
    <t>DSMC</t>
  </si>
  <si>
    <t xml:space="preserve">DEMAND SIDE MGT-COMMREDSMC 10015DSMC BY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 xml:space="preserve">DSMC DEMAND SIDE MGT-COMMNEELECTRIC            0001MISCELLANEOUS/OTHER                               0150DEMAND SIDE MGT-COMM                              0150R                                                                                                                                                                                                                  </t>
  </si>
  <si>
    <t>DSMI</t>
  </si>
  <si>
    <t xml:space="preserve">DEMAND SIDE MGT-IND REDSMI 10715DSMI BY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 xml:space="preserve">DSMI DEMAND SIDE MGT-IND NEELECTRIC            0001MISCELLANEOUS/OTHER                               0150DEMAND SIDE MGT-IND                               0160R                                                                                                                                                                                                                  </t>
  </si>
  <si>
    <t>DSMR</t>
  </si>
  <si>
    <t xml:space="preserve">DEMAND SIDE MGT-RES REDSMR 11415DSMR BY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 xml:space="preserve">DSMR DEMAND SIDE MGT-RES NEELECTRIC            0001MISCELLANEOUS/OTHER                               0150DEMAND SIDE MGT-RES                               0170R                                                                                                                                                                                                                  </t>
  </si>
  <si>
    <t xml:space="preserve">DEBT FORGIVENESS    CEDTFRG09815DTFRGBY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 xml:space="preserve">DTFRGDEBT FORGIVENESS    NEELECTRIC            0001MISCELLANEOUS/OTHER                               0150DEBT FORGIVENESS                                  0118B                                                                                                                                                                                                                  </t>
  </si>
  <si>
    <t>DTRFF</t>
  </si>
  <si>
    <t>DEPOSIT TRANSFER-FR</t>
  </si>
  <si>
    <t xml:space="preserve">DEPOSIT TRANSFER-FR CDDTRFF00118     NN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 xml:space="preserve">                         NDDEPOSITS            0002DEPOSIT TRANSFERS                                 0020DEPOSIT TRANSFER-FR                               0010N                                                                                                                                                                                                                  </t>
  </si>
  <si>
    <t>DEPOSIT TRANSFER-TO</t>
  </si>
  <si>
    <t xml:space="preserve">DEPOSIT TRANSFER-TO CDDTRFT00218     NN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 xml:space="preserve">                         NDDEPOSITS            0002DEPOSIT TRANSFERS                                 0020DEPOSIT TRANSFER-TO                               0020N                                                                                                                                                                                                                  </t>
  </si>
  <si>
    <t>EADJI</t>
  </si>
  <si>
    <t>CUST-ETS-ADJUST-INT</t>
  </si>
  <si>
    <t>EASST</t>
  </si>
  <si>
    <t>EMERGENCY ASSISTANCE</t>
  </si>
  <si>
    <t xml:space="preserve">EMERGENCY ASSISTANCECEEASST02210EASSTNY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 xml:space="preserve">EASSTEMERGENCY ASSISTANCENEELECTRIC            0001ASSISTANCE PLANS                                  0100EMERGENCY ASSISTANCE                              0080C                                                                                                                                                                                                                  </t>
  </si>
  <si>
    <t>ECANI</t>
  </si>
  <si>
    <t>CUST-ETS-CANCEL-INT</t>
  </si>
  <si>
    <t>ECANP</t>
  </si>
  <si>
    <t>CUST-ETS-CANCL-PRIN</t>
  </si>
  <si>
    <t>ECASH</t>
  </si>
  <si>
    <t>CUST-ETS-CASH</t>
  </si>
  <si>
    <t>ECHGO</t>
  </si>
  <si>
    <t>CUST-ETS-CHARGE-OFF</t>
  </si>
  <si>
    <t>ECKCH</t>
  </si>
  <si>
    <t>CUST-ETS-CHECK-CHRG</t>
  </si>
  <si>
    <t>ECS</t>
  </si>
  <si>
    <t>ECS-SURCHARGE</t>
  </si>
  <si>
    <t>ECSNR</t>
  </si>
  <si>
    <t>ECS-NON-RSDN</t>
  </si>
  <si>
    <t xml:space="preserve">ECS NON-RESIDENTIAL REECSNR00109ECSNRBY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>ECSRS</t>
  </si>
  <si>
    <t>ECS-RESIDENTIAL</t>
  </si>
  <si>
    <t xml:space="preserve">ECS RESIDENTIAL     REECSRS00209ECSRSBY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>ED-INVESTIGATE</t>
  </si>
  <si>
    <t>EDCAN</t>
  </si>
  <si>
    <t>EMP-DISCOUNT-CANCEL</t>
  </si>
  <si>
    <t>EDPC</t>
  </si>
  <si>
    <t>CUST-ETS-DPC</t>
  </si>
  <si>
    <t>EDSRP</t>
  </si>
  <si>
    <t xml:space="preserve">PJM ECON DM SIDE    REEDSRP02915EDSRPOY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 xml:space="preserve">EDSRPPJM ECONOMIC DSR PGMNEELECTRIC            0001MISCELLANEOUS/OTHER                               0150PJM ECONOMIC DM SIDE RESPONSE                     0170R                                                                                                                                                                                                                  </t>
  </si>
  <si>
    <t>EEADP</t>
  </si>
  <si>
    <t>EMERG-ENRGY-ASST-DEP</t>
  </si>
  <si>
    <t xml:space="preserve">EMERG ENRGY ASST DEPCD     00000      N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>EEFR</t>
  </si>
  <si>
    <t xml:space="preserve">ENRG EFF FUND RIDER RE     00000      N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>EEFRD</t>
  </si>
  <si>
    <t xml:space="preserve">EEF RIDER-D         RE     00000      N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>EHEAP</t>
  </si>
  <si>
    <t>EMERGENCY-HEAP</t>
  </si>
  <si>
    <t xml:space="preserve">EMER HOME ENRGY ASSTCEEHEAP03310EHEAPNY AGENCY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 xml:space="preserve">EHEAPEMER HOME ENRGY ASSTNEELECTRIC            0001ASSISTANCE PLANS                                  0100EMER HOME ENRGY ASST                              0100C                                                                                                                                                                                                                  </t>
  </si>
  <si>
    <t>EINT</t>
  </si>
  <si>
    <t>CUST-ETS-INTEREST</t>
  </si>
  <si>
    <t>ELIEP</t>
  </si>
  <si>
    <t>EMERG-LIEAP</t>
  </si>
  <si>
    <t xml:space="preserve">EMERGENCY LIEAP     CEELIEP04410ELIEPNY AGENCY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 xml:space="preserve">ELIEPEMERGENCY LIEAP     NEELECTRIC            0001ASSISTANCE PLANS                                  0100EMERGENCY LIEAP                                   0120C                                                                                                                                                                                                                  </t>
  </si>
  <si>
    <t>ELIHP</t>
  </si>
  <si>
    <t>EMERG-LIHEAP</t>
  </si>
  <si>
    <t xml:space="preserve">EMERGENCY LIHEAP    CEELIHP05510ELIHPNY AGENCY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 xml:space="preserve">ELIHPEMERGENCY LIHEAP    NEELECTRIC            0001ASSISTANCE PLANS                                  0100EMERGENCY LIHEAP                                  0140C                                                                                                                                                                                                                  </t>
  </si>
  <si>
    <t>EMACF</t>
  </si>
  <si>
    <t>ASSOC CO EMP DISC FORF/REVERS</t>
  </si>
  <si>
    <t xml:space="preserve">ASSOC CO EMP DISC   REEMPAC25015EMPACOYA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 xml:space="preserve">EMPACASSOC CO EMP DISC   NEELECTRIC            0001MISCELLANEOUS/OTHER                               0150ASSOC CO EMP DISC                                 0180C                                                                                                                                                                                                                  </t>
  </si>
  <si>
    <t>EMADP</t>
  </si>
  <si>
    <t>EMERG-ASST-DEPOSIT</t>
  </si>
  <si>
    <t xml:space="preserve">EMERG ASST DEPOSIT  CD     00000      N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>EMAPL</t>
  </si>
  <si>
    <t>CUST-ETS-MISAPL-CSH</t>
  </si>
  <si>
    <t>EMC</t>
  </si>
  <si>
    <t xml:space="preserve">EX MITIGATION FEE   RE     00000      N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>EMCD</t>
  </si>
  <si>
    <t xml:space="preserve">EX MITIGATION FEE-D RE     00000      N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 xml:space="preserve">                                               0000                                                  0000EX MITIGATION FEE-D                               0000N                                                                                                                                                                                                                  </t>
  </si>
  <si>
    <t>EMPAC</t>
  </si>
  <si>
    <t>ASSOC-CO-EMP-DISC</t>
  </si>
  <si>
    <t xml:space="preserve">ASSOC CO EMP DISC   REEMPAC25015EMPACBYA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 xml:space="preserve">ENERGY DIVERSION    CEENDIV03006ENDIVOY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 xml:space="preserve">ENDIVENERGY DIVERSION    NEELECTRIC            0001MISC SERVICE REVENUES                             0060ENERGY DIVERSION                                  0080R                                                                                                                                                                                                                  </t>
  </si>
  <si>
    <t>ENGES</t>
  </si>
  <si>
    <t xml:space="preserve">ENGINEERING ESTIMATECEENGES03106ENGESOY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 xml:space="preserve">ENGESENGINEERING ESTIMATENEELECTRIC            0001MISC SERVICE REVENUES                             0060ENGINEERING ESTIMATE                              0090R                                                                                                                                                                                                                  </t>
  </si>
  <si>
    <t>ENVIR</t>
  </si>
  <si>
    <t xml:space="preserve">ENVIRONMENTAL SURC  REENVIR01501ENVIRBYR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 xml:space="preserve">ENVIRENVIRONMENTAL SURC  YEELECTRIC            0001REVENUES                                          0010ENVIRONMENTAL SURC                                0060R                                                                                                                                                                                                                  </t>
  </si>
  <si>
    <t>EPCR</t>
  </si>
  <si>
    <t>CUST-ETS-PTY-CHS-RF</t>
  </si>
  <si>
    <t>EPRIN</t>
  </si>
  <si>
    <t>CUST-ETS-PRINCIPAL</t>
  </si>
  <si>
    <t>ERBLI</t>
  </si>
  <si>
    <t>CUST-ETS-REBILL-INT</t>
  </si>
  <si>
    <t>ERBLP</t>
  </si>
  <si>
    <t>CUST-ETS-REBIL-PRIN</t>
  </si>
  <si>
    <t>EREIN</t>
  </si>
  <si>
    <t>CUST-ETS-REINST</t>
  </si>
  <si>
    <t>ERNT</t>
  </si>
  <si>
    <t xml:space="preserve">EQUIPMENT RENTAL    REERNT 25315ERNT BYA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 xml:space="preserve">ERNT EQUIPMENT RENTALS   NEELECTRIC            0001MISCELLANEOUS/OTHER                               0150EQUIPMENT RENTALS                                 0185R                                                                                                                                                                                                                  </t>
  </si>
  <si>
    <t>ERTCK</t>
  </si>
  <si>
    <t>CUST-ETS-RETURND-CK</t>
  </si>
  <si>
    <t>ESPG</t>
  </si>
  <si>
    <t>ESP - Generation</t>
  </si>
  <si>
    <t xml:space="preserve">ESP - GENERATION    CEESPG 27015ESPG NY SUPPLIER CHARGE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 xml:space="preserve">ESPG ESP-GENERATION      NEELECTRIC            0001NO BUY ESP                                        0160ESP-GENERATION                                    0190R                                                                                                                                                                                                                  </t>
  </si>
  <si>
    <t>ESPM</t>
  </si>
  <si>
    <t>ESP - Miscellaneous</t>
  </si>
  <si>
    <t xml:space="preserve">ESP - MISCELLANEOUS CEESPM 28015ESPM NY SUPPLIER CHARGE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 xml:space="preserve">ESPM ESP-MISCELLANEOUS   NEELECTRIC            0001MISCELLANEOUS/OTHER                               0150ESP-MISCELLANEOUS                                 0200R                                                                                                                                                                                                                  </t>
  </si>
  <si>
    <t>ESPT</t>
  </si>
  <si>
    <t>ESP - Transmission</t>
  </si>
  <si>
    <t xml:space="preserve">ESP - TRANSMISSION  CEESPT 30015ESPT NY SUPPLIER CHARGE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 xml:space="preserve">ESPT ESP-TRANSMISSION    NEELECTRIC            0001MISCELLANEOUS/OTHER                               0150ESP-TRANSMISSION                                  0210R                                                                                                                                                                                                                  </t>
  </si>
  <si>
    <t>ETRFR</t>
  </si>
  <si>
    <t>CUST-ETS-TRANSFR-FR</t>
  </si>
  <si>
    <t>ETRTO</t>
  </si>
  <si>
    <t>CUST-ETS-TRANSFR-TO</t>
  </si>
  <si>
    <t>FADJI</t>
  </si>
  <si>
    <t>EMP-CMP-ADJUST-INT</t>
  </si>
  <si>
    <t>FASOC</t>
  </si>
  <si>
    <t>EMP-CMP-PAY-DED-ASC</t>
  </si>
  <si>
    <t>FBCAN</t>
  </si>
  <si>
    <t>FIN-BILL-CR-BAL-CAN</t>
  </si>
  <si>
    <t xml:space="preserve">FINL BILL CR BAL CANCEFBCAN00312FBCANNN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 xml:space="preserve">FBCANFINL BILL CR BAL CANNEELECTRIC            0001PETTY CASH REFUNDS                                0120FINL BILL CR BAL CAN                              0030C                                                                                                                                                                                                                  </t>
  </si>
  <si>
    <t>FBREF</t>
  </si>
  <si>
    <t>FIN-BILL-CR-BAL-RFD</t>
  </si>
  <si>
    <t xml:space="preserve">FINL BILL CR BAL REFCEFBREF00412FBREFNN REFUND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 xml:space="preserve">FBREFFINL BILL CR BAL REFNEELECTRIC            0001PETTY CASH REFUNDS                                0120FINL BILL CR BAL REF                              0040C                                                                                                                                                                                                                  </t>
  </si>
  <si>
    <t>FCANI</t>
  </si>
  <si>
    <t>EMP-CMP-CANCEL-INT</t>
  </si>
  <si>
    <t>FCANP</t>
  </si>
  <si>
    <t>EMP-CMP-CANCEL-PRIN</t>
  </si>
  <si>
    <t>FCASH</t>
  </si>
  <si>
    <t>EMP-CMP-CASH</t>
  </si>
  <si>
    <t>FCHCG</t>
  </si>
  <si>
    <t>EMP-CMP-RET-CK-CHRG</t>
  </si>
  <si>
    <t>FCHGO</t>
  </si>
  <si>
    <t>EMP-CMP-CHARGE-OFF</t>
  </si>
  <si>
    <t>FDPC</t>
  </si>
  <si>
    <t>EMP-CMP-DPC</t>
  </si>
  <si>
    <t>FEMA</t>
  </si>
  <si>
    <t>FEDERAL-EMER-MGT</t>
  </si>
  <si>
    <t xml:space="preserve">FEDERAL EMER MGT    CEFEMA 06610FEMA NY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 xml:space="preserve">FEMA FEDERAL EMER MGMT   NEELECTRIC            0001ASSISTANCE PLANS                                  0100FEDERAL EMER MGMT                                 0160C                                                                                                                                                                                                                  </t>
  </si>
  <si>
    <t>FINT</t>
  </si>
  <si>
    <t>EMP-CMP-INTEREST</t>
  </si>
  <si>
    <t>FLTAF</t>
  </si>
  <si>
    <t xml:space="preserve">FLAT BILL ADMIN FEE CEFLTAF04506FLTAFOY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 xml:space="preserve">FLTAFFLATBILL ADMIN FEE  NEELECTRIC            0001MISC SERVICE REVENUES                             0060FLATBILL ADMIN FEE                                0080R                                                                                                                                                                                                                  </t>
  </si>
  <si>
    <t>FLTOV</t>
  </si>
  <si>
    <t xml:space="preserve">FLAT BILL OVERAGE   CEFLTOV04606FLTOVOY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 xml:space="preserve">NETRVNET REVENUE-1420XXX YEELECTRIC            0001REVENUES                                          0010REVENUE-FLATBILL OVERAGE                          0051R                                                                                                                                                                                                                  </t>
  </si>
  <si>
    <t>FMAPL</t>
  </si>
  <si>
    <t>EMP-CMP-MISAPL-CASH</t>
  </si>
  <si>
    <t>FPAYD</t>
  </si>
  <si>
    <t>EMP-CMP-PAY-DEDUCT</t>
  </si>
  <si>
    <t>FPCR</t>
  </si>
  <si>
    <t>EMP-CMP-PETY-CSH-RF</t>
  </si>
  <si>
    <t>FRBLI</t>
  </si>
  <si>
    <t>EMP-CMP-REBILL-INT</t>
  </si>
  <si>
    <t>FRBLP</t>
  </si>
  <si>
    <t>EMP-CMP-REBILL-PRIN</t>
  </si>
  <si>
    <t>FREIN</t>
  </si>
  <si>
    <t>EMP-CMP-REINST</t>
  </si>
  <si>
    <t>FRFEE</t>
  </si>
  <si>
    <t>Facility Relocation</t>
  </si>
  <si>
    <t xml:space="preserve">FACILITY RELOCATION CEFRFEE03206FRFEEOY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 xml:space="preserve">FRFEEFACILITY RELOCATION NEELECTRIC            0001MISC SERVICE REVENUES                             0060FACILITY RELOCATION                               0100R                                                                                                                                                                                                                  </t>
  </si>
  <si>
    <t>FRPIN</t>
  </si>
  <si>
    <t>EMP-CMP-PRINCIPAL</t>
  </si>
  <si>
    <t>FRTCK</t>
  </si>
  <si>
    <t>EMP-CMP-RETURNED-CK</t>
  </si>
  <si>
    <t>FRTXD</t>
  </si>
  <si>
    <t xml:space="preserve">FRANCHISE TX RIDER-DRE     00000      N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>FRTXG</t>
  </si>
  <si>
    <t xml:space="preserve">FRANCHISE TX RIDER-GRE     00000      N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>FRTXR</t>
  </si>
  <si>
    <t xml:space="preserve">FRANCHISE TAX RIDER RE     00000      N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>FRTXT</t>
  </si>
  <si>
    <t>FTRFR</t>
  </si>
  <si>
    <t>EMP-CMP-TRANSFER-FR</t>
  </si>
  <si>
    <t>FTRTO</t>
  </si>
  <si>
    <t>EMP-CMP-TRANSFER-TO</t>
  </si>
  <si>
    <t>GADJC</t>
  </si>
  <si>
    <t xml:space="preserve">GENER REVENUE-ADJ-CRREGADJC00402GNTRVBYRADJUSTMENT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 xml:space="preserve">GNTRVNET GENR REV-1420XXXYEELECTRIC            0001GENERATION REVENUES                               0020GENER REVENUE-ADJ-CR                              0003R                                                                                                                                                                                                                  </t>
  </si>
  <si>
    <t>GADJD</t>
  </si>
  <si>
    <t xml:space="preserve">GENER REVENUE-ADJ-DRREGADJD00302GNTRVBYRADJUSTMENT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 xml:space="preserve">GNTRVNET GENR REV-1420XXXYEELECTRIC            0001GENERATION REVENUES                               0020GENER REVENUE-ADJ-DR                              0002R                                                                                                                                                                                                                  </t>
  </si>
  <si>
    <t>GCARC</t>
  </si>
  <si>
    <t xml:space="preserve">GENER REVENUE-CAR-CRREGCARC00602GNTRVBYRADJUSTMENT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 xml:space="preserve">GNTRVNET GENR REV-1420XXXYEELECTRIC            0001GENERATION REVENUES                               0020GENER REVENUE-CAR-CR                              0005R                                                                                                                                                                                                                  </t>
  </si>
  <si>
    <t>GCARD</t>
  </si>
  <si>
    <t xml:space="preserve">GENER REVENUE-CAR-DRREGCARD00502GNTRVBYRADJUSTMENT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 xml:space="preserve">GNTRVNET GENR REV-1420XXXYEELECTRIC            0001GENERATION REVENUES                               0020GENER REVENUE-CAR-DR                              0004R                                                                                                                                                                                                                  </t>
  </si>
  <si>
    <t>GDARD</t>
  </si>
  <si>
    <t>GIFTC</t>
  </si>
  <si>
    <t>GIFT-ERTIFICATE</t>
  </si>
  <si>
    <t xml:space="preserve">GIFT CERTIFICATE    CE     00000      N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>GLOBL</t>
  </si>
  <si>
    <t>GMANC</t>
  </si>
  <si>
    <t xml:space="preserve">GENER REV-MAN ADJ-CRREGMANC00802GNTRVBYRADJUSTMENT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 xml:space="preserve">GNTRVNET GENR REV-1420XXXYEELECTRIC            0001GENERATION REVENUES                               0020GENER REVENUE-MAN ADJ-CR                          0007R                                                                                                                                                                                                                  </t>
  </si>
  <si>
    <t>GMAND</t>
  </si>
  <si>
    <t xml:space="preserve">GENER REV-MAN ADJ-DRREGMAND00702GNTRVBYRADJUSTMENT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 xml:space="preserve">GNTRVNET GENR REV-1420XXXYEELECTRIC            0001GENERATION REVENUES                               0020GENER REVENUE-MAN ADJ-DR                          0006R                                                                                                                                                                                                                  </t>
  </si>
  <si>
    <t>GNTRV</t>
  </si>
  <si>
    <t xml:space="preserve">NET GENR REV-1420XXX E     00000     NN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>GREV</t>
  </si>
  <si>
    <t xml:space="preserve">GENERATION REVENUE  REGREV 00102GNTRVBYR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 xml:space="preserve">GNTRVNET GENR REV-1420XXXYEELECTRIC            0001GENERATION REVENUES                               0020GENERATION REVENUES                               0001R                                                                                                                                                                                                                  </t>
  </si>
  <si>
    <t>GRTCR</t>
  </si>
  <si>
    <t xml:space="preserve">GR RECIEPTS TX RIDERRE     00000      N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 xml:space="preserve">                         NOOTHER               0088OTHER                                             0001GR RECIEPTS TX RIDER                              0001N                                                                                                                                                                                                                  </t>
  </si>
  <si>
    <t>GRTXD</t>
  </si>
  <si>
    <t xml:space="preserve">GR REC TX CR RIDER-DRE     00000      N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>GRTXG</t>
  </si>
  <si>
    <t xml:space="preserve">GR REC TX CR RIDER-GRE     00000      N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>GRVAC</t>
  </si>
  <si>
    <t xml:space="preserve">GENR REVN-ASSOC CO  REGRVAC00305GRVACBYR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 xml:space="preserve">GRVACGENR REVN-ASSOC CO  YEELECTRIC            0001ASSOC CO REVENUES                                 0050GENR REVN-ASSOC CO                                0020B                                                                                                                                                                                                                  </t>
  </si>
  <si>
    <t>HADJI</t>
  </si>
  <si>
    <t>CUST-HP-ADJUST-INT</t>
  </si>
  <si>
    <t>HCANI</t>
  </si>
  <si>
    <t>CUST-HP-CANCEL-INT</t>
  </si>
  <si>
    <t>HCANP</t>
  </si>
  <si>
    <t>CUST-HP-CANCEL-PRIN</t>
  </si>
  <si>
    <t>HCASH</t>
  </si>
  <si>
    <t>CUST-HP-CASH</t>
  </si>
  <si>
    <t xml:space="preserve">HCASH               CEHCASH00114HCASHNN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 xml:space="preserve">HCASHCASH                NEELECTRIC            0001CASH                                              0140CASH                                              0010C                                                                                                                                                                                                                  </t>
  </si>
  <si>
    <t>HCHGO</t>
  </si>
  <si>
    <t>CUST-HP-CHARGE-OFF</t>
  </si>
  <si>
    <t>HCKCH</t>
  </si>
  <si>
    <t>CUST-HP-CHECK-CHRGE</t>
  </si>
  <si>
    <t>HDPC</t>
  </si>
  <si>
    <t>CUST-HP-DPC</t>
  </si>
  <si>
    <t>HEAP</t>
  </si>
  <si>
    <t xml:space="preserve">HOME ENERGY ASST PGMCEHEAP 07710HEAP NY AGENCY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 xml:space="preserve">HEAP HOME ENERGY ASST PGMNEELECTRIC            0001ASSISTANCE PLANS                                  0100HOME ENERGY ASST PGM                              0180C                                                                                                                                                                                                                  </t>
  </si>
  <si>
    <t>HEAV</t>
  </si>
  <si>
    <t xml:space="preserve">HOME ENERGY ASST PGMCEHEAV 07710HEAV NY AGENCY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 xml:space="preserve">HEAV HOME ENERGY ASST PGMNEELECTRIC            0001ASSISTANCE PLANS                                  0100HOME ENERGY ASST PGM                              0180C                                                                                                                                                                                                                  </t>
  </si>
  <si>
    <t>HINT</t>
  </si>
  <si>
    <t>CUST-HP-INTEREST</t>
  </si>
  <si>
    <t>HLDH2</t>
  </si>
  <si>
    <t xml:space="preserve">HLDH2               CEHLDH207710HLDH2 Y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 xml:space="preserve">HLDH2HLDH2               NEELECTRIC            0001HLDH2                                             0100HLDH2                                             0180C                                                                                                                                                                                                                  </t>
  </si>
  <si>
    <t>HLDH3</t>
  </si>
  <si>
    <t xml:space="preserve">HLDH3               CEHLDH307710HLDH3 Y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 xml:space="preserve">HLDH3HLDH3               NEELECTRIC            0001HLDH3                                             0100HLDH3                                             0180C                                                                                                                                                                                                                  </t>
  </si>
  <si>
    <t>HLDHM</t>
  </si>
  <si>
    <t xml:space="preserve">HLDHM               CEHLDHM07710HLDHM Y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 xml:space="preserve">HLDHMHLDHM               NEELECTRIC            0001HLDHM                                             0100HLDHM                                             0180C                                                                                                                                                                                                                  </t>
  </si>
  <si>
    <t>HLDHR</t>
  </si>
  <si>
    <t xml:space="preserve">HLDHR               CEHLDHR07710HLDHR Y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 xml:space="preserve">HLDHRHLDHR               NEELECTRIC            0001HLDHR                                             0100HLDHR                                             0180C                                                                                                                                                                                                                  </t>
  </si>
  <si>
    <t>HMAPL</t>
  </si>
  <si>
    <t>CUST-HP-MISAPL-CASH</t>
  </si>
  <si>
    <t xml:space="preserve">MISAPPLIED CASH     CEHMAPL00314HMAPLNN CASH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 xml:space="preserve">HMAPLMISAPPLIED HELD CASHNEELECTRIC            0001CASH                                              0140MISAPPLIED HELD CASH                              0010C                                                                                                                                                                                                                  </t>
  </si>
  <si>
    <t>HP.10</t>
  </si>
  <si>
    <t xml:space="preserve">RESIDENTIAL HEAP .10REHP.1030315HP.10BY AGENCY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 xml:space="preserve">HP.10RESIDENTIAL HEAP    YEELECTRIC            0001REVENUES                                          0010RESIDENTIAL HEAP $0.10                            0065R                                                                                                                                                                                                                  </t>
  </si>
  <si>
    <t>HPCR</t>
  </si>
  <si>
    <t>CUST-HP-PETY-CSH-RF</t>
  </si>
  <si>
    <t>HPRIN</t>
  </si>
  <si>
    <t>CUST-HP-PRINCIPAL</t>
  </si>
  <si>
    <t>HPRP</t>
  </si>
  <si>
    <t xml:space="preserve">HPRP ASSISTANCE     CEHPRP 21110HPRP NY AGENCY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 xml:space="preserve">HPRP HPRP ASSISTANCE     NEELECTRIC            0001ASSISTANCE PLANS                                  0100HOMELESS PREVENT &amp; RAPID REHOUSE PGM              0195C                                                                                                                                                                                                                  </t>
  </si>
  <si>
    <t>HRBLI</t>
  </si>
  <si>
    <t>CUST-HP-REBILL-INT</t>
  </si>
  <si>
    <t>HRBLP</t>
  </si>
  <si>
    <t>CUST-HP-REBILL-PRIN</t>
  </si>
  <si>
    <t>HREIN</t>
  </si>
  <si>
    <t>CUST-HP-REINST</t>
  </si>
  <si>
    <t>HRTCK</t>
  </si>
  <si>
    <t>CUST-HP-RETURNED-CK</t>
  </si>
  <si>
    <t>HTRFR</t>
  </si>
  <si>
    <t>CUST-HP-TRANSFER-FR</t>
  </si>
  <si>
    <t>HTRTO</t>
  </si>
  <si>
    <t>CUST-HP-TRANSFER-TO</t>
  </si>
  <si>
    <t>ICDFR</t>
  </si>
  <si>
    <t>ICDTO</t>
  </si>
  <si>
    <t>ICEF</t>
  </si>
  <si>
    <t xml:space="preserve">INACESSABLE CO EQUIPCEICEF 03306ICEF OY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 xml:space="preserve">ICEF INACESSIBLE EQUIP   NEELECTRIC            0001MISC SERVICE REVENUES                             0060INACESSIBLE EQUIP FEE                             0105R                                                                                                                                                                                                                  </t>
  </si>
  <si>
    <t>ICTFR</t>
  </si>
  <si>
    <t>ICTTO</t>
  </si>
  <si>
    <t>IDREI</t>
  </si>
  <si>
    <t xml:space="preserve">INTRVL DATA RECORDERCEIDREI17206IDREIOY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 xml:space="preserve">IDREIINTRVL DATA RECORDERNEELECTRIC            0001MISC SERVICE REVENUES                             0060INTRVL DATA RECORDER EQP INSTL                    0107R                                                                                                                                                                                                                  </t>
  </si>
  <si>
    <t>INCSH</t>
  </si>
  <si>
    <t>Cash-Pym Protection Insurance</t>
  </si>
  <si>
    <t xml:space="preserve">CASH-PYM PROTECT INSCEINCSH90014INCSHNN CASH INSURANCE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 xml:space="preserve">INCSHPYM PROTECT INS-CASHNEELECTRIC            0001HOME WARRANTY                                     0170PYMT PROTECTION INS-CASH                          0005B                                                                                                                                                                                                                  </t>
  </si>
  <si>
    <t>INMPL</t>
  </si>
  <si>
    <t xml:space="preserve">MAPL-PYM PROTECT INSCEINMPL90414INMPLNN CASH INSURANCE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 xml:space="preserve">INMPLPYM PROTECT INS-MAPLNEELECTRIC            0001HOME WARRANTY                                     0170PYMT PROTECTION INS-MISAPPLIED                    0004B                                                                                                                                                                                                                  </t>
  </si>
  <si>
    <t>INPP</t>
  </si>
  <si>
    <t xml:space="preserve">BILL-PYM PROTECT INSCEINPPP90214INPPPNN BILL INSURANCE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>INPP /INPPP</t>
  </si>
  <si>
    <t>INPPP Protection Inurance Billing Charge</t>
  </si>
  <si>
    <t xml:space="preserve">INPPPPYM PROTECT INS-PREMNEELECTRIC            0001HOME WARRANTY                                     0170PYMT PROTECTION INS-PREMIUM                       0001B                                                                                                                                                                                                                  </t>
  </si>
  <si>
    <t>INPTX</t>
  </si>
  <si>
    <t xml:space="preserve">TAX-PYM PROTECT INS CEINPTX90114INPTXNN TAX INSURANCE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 xml:space="preserve">INPTXPYM PROTECT INS-TAX NEELECTRIC            0001HOME WARRANTY                                     0170PYMT PROTECTION INS-TAX                           0002B                                                                                                                                                                                                                  </t>
  </si>
  <si>
    <t>INPWO</t>
  </si>
  <si>
    <t xml:space="preserve">W/O-PYM PROTECT INS CEINPWO90514INPWONN WRITE OFF INSURANCE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 xml:space="preserve">INPWOPYM PROTECT INS-WO  NEELECTRIC            0001HOME WARRANTY                                     0170PYMT PROTECTION INS-WO                            0003B                                                                                                                                                                                                                  </t>
  </si>
  <si>
    <t>INRTC</t>
  </si>
  <si>
    <t>Return Check-Pym Protecction Insurance</t>
  </si>
  <si>
    <t xml:space="preserve">RTCK-PYM PROTECT INSCEINRTC90314INRTCNN RETURN CHK INSURANCE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 xml:space="preserve">INRTCPYM PROTECT INS-RTCKNEELECTRIC            0001HOME WARRANTY                                     0170PYMT PROTECTION INS-RETURN CHECK                  0006B                                                                                                                                                                                                                  </t>
  </si>
  <si>
    <t>INTCN</t>
  </si>
  <si>
    <t xml:space="preserve">DEP INT RFND CANCEL CE     00000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>INTED</t>
  </si>
  <si>
    <t xml:space="preserve">INTEREST CHARGED ED CEINTED03006INTEDOY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 xml:space="preserve">INTEDINTEREST CHARGED ED NEELECTRIC            0001MISCELLANEOUS/OTHER                               0150INTEREST CHARGED ON ENERGY DIVERSION              0207R                                                                                                                                                                                                                  </t>
  </si>
  <si>
    <t>INTIC</t>
  </si>
  <si>
    <t xml:space="preserve">INTEREST INCOME     RE     00000      N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 xml:space="preserve">INTICINTEREST INCOME ENECNEELECTRIC            0001MISCELLANEOUS/OTHER                               0150INTEREST INCOME ENEC                              0207C                                                                                                                                                                                                                  </t>
  </si>
  <si>
    <t>INTNA</t>
  </si>
  <si>
    <t>INTERST-RFD-NOT-APL</t>
  </si>
  <si>
    <t xml:space="preserve">DEPOSIT INT REFUNDEDCD     00000     NN INTEREST APPLIED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>INTPD</t>
  </si>
  <si>
    <t xml:space="preserve">INT PD ON BILL ERRORCEINTPD15515INTPDNY ADJUSTMENT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 xml:space="preserve">INTPDINT PD BILL OVERCHRGNEELECTRIC            0001MISCELLANEOUS/OTHER                               0150INTEREST PAID ON BILLING OVERCHARGE               0207C                                                                                                                                                                                                                  </t>
  </si>
  <si>
    <t>INTPP</t>
  </si>
  <si>
    <t>INTEREST-PREV-PAID</t>
  </si>
  <si>
    <t xml:space="preserve">INTEREST PREV PAID  RE     00000      N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>INTR2</t>
  </si>
  <si>
    <t>INTEREST-REV-REFND2</t>
  </si>
  <si>
    <t>INTR3</t>
  </si>
  <si>
    <t>INTEREST-REV-REFND3</t>
  </si>
  <si>
    <t>INTRF</t>
  </si>
  <si>
    <t>INTEREST-REV-REFND</t>
  </si>
  <si>
    <t>INTEREST-SET-UP</t>
  </si>
  <si>
    <t xml:space="preserve">INTEREST SET-UP     CE     00000      N INTEREST APPLIED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>KCMC</t>
  </si>
  <si>
    <t>KGP-COMM-MINISTRY</t>
  </si>
  <si>
    <t xml:space="preserve">COMMUNITY MINISTRY  CEKCMC 09010KCMC NY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 xml:space="preserve">KCMC COMMUNITY MINISTRY  NEELECTRIC            0001ASSISTANCE PLANS                                  0100COMMUNITY MINISTRY                                0200C                                                                                                                                                                                                                  </t>
  </si>
  <si>
    <t>KDSM</t>
  </si>
  <si>
    <t xml:space="preserve">KY RESIDENTIAL ASST CEKCMC 09510KDSM NY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 xml:space="preserve">KDSM KY RESIDENTIAL ASST NEELECTRIC            0001ASSISTANCE PLANS                                  0100KY RESIDENTIAL ASST                               0220C                                                                                                                                                                                                                  </t>
  </si>
  <si>
    <t>KEHP</t>
  </si>
  <si>
    <t xml:space="preserve">KPCO EHEAP ASSIST   CEKEHP 08010KEHP NY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 xml:space="preserve">KEHP EMRG HEAP ASSISTANCENEELECTRIC            0001ASSISTANCE PLANS                                  0100EMRG HEAP ASSISTANCE                              0205C                                                                                                                                                                                                                  </t>
  </si>
  <si>
    <t xml:space="preserve">KPCO HEAP ASSISTANCEREKHP  07910KHP  NY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 xml:space="preserve">KHP  HEAP ASSISTANCE     NEELECTRIC            0001ASSISTANCE PLANS                                  0100HEAP ASSISTANCE                                   0210C                                                                                                                                                                                                                  </t>
  </si>
  <si>
    <t>KWHTX</t>
  </si>
  <si>
    <t xml:space="preserve">KWH TAX RIDER       RE     00000      N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>LAL</t>
  </si>
  <si>
    <t>Light-of-Life</t>
  </si>
  <si>
    <t xml:space="preserve">LIGHT-A-LIFE        CELAL  21110LAL  NY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 xml:space="preserve">LAL  LIGHT-A-LIFE        NEELECTRIC            0001ASSISTANCE PLANS                                  0100LIGHT-A-LIFE                                      0230C                                                                                                                                                                                                                  </t>
  </si>
  <si>
    <t>LALWC</t>
  </si>
  <si>
    <t>Donate Light-of-Life</t>
  </si>
  <si>
    <t xml:space="preserve">DONATE LIGHT-A-LIFE CE     00000      N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>LCNPD</t>
  </si>
  <si>
    <t xml:space="preserve">LOCAL CN TX NOT PAIDRELCNPD02708LCNPDNYT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 xml:space="preserve">LCNPDLOCAL CN TX NOT PAIDNEELECTRIC            0001TAXES                                             0080LOCAL CN TX NOT PAID                              0210R                                                                                                                                                                                                                  </t>
  </si>
  <si>
    <t>LICUS</t>
  </si>
  <si>
    <t xml:space="preserve">MI LOW INC PROVISIONRELICUS31210LICUSBY CUST CREDIT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 xml:space="preserve">DNTRVNET REVENUE-1420XXX YEELECTRIC            0001DISTRIBUTION REVENUES                             0040CUSTOMER CREDIT                                   0051R                                                                                                                                                                                                                  </t>
  </si>
  <si>
    <t>LIEP</t>
  </si>
  <si>
    <t xml:space="preserve">LIEAP               CELIEP 08510LIEP NY AGENCY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 xml:space="preserve">LIEP LIEAP               NEELECTRIC            0001ASSISTANCE PLANS                                  0100LIEAP                                             0240C                                                                                                                                                                                                                  </t>
  </si>
  <si>
    <t>LIHAP</t>
  </si>
  <si>
    <t>Energy Assistance via tape</t>
  </si>
  <si>
    <t xml:space="preserve">LIHAP               CELIHAP07810LIHAPNY AGENCY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 xml:space="preserve">LIHAPLIHAP               NEELECTRIC            0001ASSISTANCE PLANS                                  0100LIHAP                                             0260C                                                                                                                                                                                                                  </t>
  </si>
  <si>
    <t>LIHAV</t>
  </si>
  <si>
    <t xml:space="preserve">LIHAV               CELIHAV07810LIHAVNY AGENCY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 xml:space="preserve">LIHAVLIHAV               NEELECTRIC            0001ASSISTANCE PLANS                                  0100LIHAV                                             0270C                                                                                                                                                                                                                  </t>
  </si>
  <si>
    <t>LIHP</t>
  </si>
  <si>
    <t>LIHEAP</t>
  </si>
  <si>
    <t xml:space="preserve">LIHEAP              CELIHP 11010LIHP NY AGENCY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 xml:space="preserve">LIHP LIHP                NEELECTRIC            0001ASSISTANCE PLANS                                  0100LIHP                                              0280C                                                                                                                                                                                                                  </t>
  </si>
  <si>
    <t>LITUP</t>
  </si>
  <si>
    <t xml:space="preserve">LITUP               CELITUP08810LITUPNY AGENCY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 xml:space="preserve">LITUPLITUP               NEELECTRIC            0001ASSISTANCE PLANS                                  0100LITUP                                             0290C                                                                                                                                                                                                                  </t>
  </si>
  <si>
    <t>LOACH</t>
  </si>
  <si>
    <t xml:space="preserve">LOACHLEAVE-ON AGR INITIALNEELECTRIC            0001MISC SERVICE REVENUES                             0060LEAVE-ON AGR INITIAL CHARGE                       0114R                                                                                                                                                                                                                  </t>
  </si>
  <si>
    <t>LOACN</t>
  </si>
  <si>
    <t>Leave on Agreement Connect chrg</t>
  </si>
  <si>
    <t xml:space="preserve">LEAVE-ON AGREE CONN CELOACN03406LOACNOY CONNECT CHARGE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 xml:space="preserve">LOACNLEAVE-ON AGR CONN   NEELECTRIC            0001MISC SERVICE REVENUES                             0060LEAVE-ON AGR CONN                                 0113R                                                                                                                                                                                                                  </t>
  </si>
  <si>
    <t>LOADG</t>
  </si>
  <si>
    <t xml:space="preserve">LOADGLOAD GRAPH FEE      NEELECTRIC            0001MISC SERVICE REVENUES                             0060LOAD GRAPH FEE                                    0117R                                                                                                                                                                                                                  </t>
  </si>
  <si>
    <t>LOADN</t>
  </si>
  <si>
    <t>Leave On Agreement Disconnect chrg</t>
  </si>
  <si>
    <t xml:space="preserve">LEAVE-ON AGR DISCONNCELOADN03606LOADNOY DISCONNECT CHARGE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 xml:space="preserve">LOADNLEAVE-ON AGR DISCON NEELECTRIC            0001MISC SERVICE REVENUES                             0060LEAVE-ON AGR DISCON                               0116R                                                                                                                                                                                                                  </t>
  </si>
  <si>
    <t>LPCPR</t>
  </si>
  <si>
    <t xml:space="preserve">LATE PYMT CHRG TEXASCE     00000      N LATE CHARGE TEXAS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 xml:space="preserve">LPCPRLATE PYMT CHRG TEXASNEELECTRIC            0001FORFEITED DISCOUNTS                               0070LATE PYMT CHRG TEXAS                              0100R                                                                                                                                                                                                                  </t>
  </si>
  <si>
    <t>LTRAC</t>
  </si>
  <si>
    <t xml:space="preserve">LITIG TERM RDR-ACCOCRELTRAC01005LTRACOY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 xml:space="preserve">LTRACLITIG TERM RDR-ASSOCNEELECTRIC            0001ASSOC CO REVENUES                                 0050LITIGATION TERM RIDER-ASSOC CO                    0060R                                                                                                                                                                                                                  </t>
  </si>
  <si>
    <t>LTRMR</t>
  </si>
  <si>
    <t xml:space="preserve">LITIGATION TRM RIDERRELTRMR30515LTRMROY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 xml:space="preserve">LTRMRLITIGATION TRM RIDERNEELECTRIC            0001MISCELLANEOUS/OTHER                               0150LITIGATION TERMINATION RIDER                      0208R                                                                                                                                                                                                                  </t>
  </si>
  <si>
    <t>MAINT</t>
  </si>
  <si>
    <t>Maintenance Agreement</t>
  </si>
  <si>
    <t xml:space="preserve">MAINTENANCE AGREEMNTCE     00000      N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 xml:space="preserve">MAINTMAINTENANCE AGREEMNTNEELECTRIC            0001MISC SERVICE REVENUES                             0060MAINTENANCE AGREEMENTS                            0118R                                                                                                                                                                                                                  </t>
  </si>
  <si>
    <t>MANCR</t>
  </si>
  <si>
    <t>REVENUE MANUAL ADJUST-CR</t>
  </si>
  <si>
    <t xml:space="preserve">REVENUE-MAN ADJ-CR  REMANCR00801NETRVOYRADJUSTMENT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 xml:space="preserve">NETRVNET REVENUE-1420XXX YEELECTRIC            0001REVENUES                                          0010REVENUE-MAN ADJ-CR                                0052R                                                                                                                                                                                                                  </t>
  </si>
  <si>
    <t>MANDR</t>
  </si>
  <si>
    <t>REVENUE MANUAL ADJUST-DR</t>
  </si>
  <si>
    <t xml:space="preserve">REVENUE-MAN ADJ-DR  REMANDR00701NETRVOYRBILL AMOUNT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 xml:space="preserve">NETRVNET REVENUE-1420XXX YEELECTRIC            0001REVENUES                                          0010REVENUE-MAN ADJ-DR                                0051R                                                                                                                                                                                                                  </t>
  </si>
  <si>
    <t>MAPPL</t>
  </si>
  <si>
    <t>MISAPPLIED-CASH</t>
  </si>
  <si>
    <t xml:space="preserve">MISAPPLIED CASH     CEMAPPL00314MAPPLNN CASH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 xml:space="preserve">MAPPLMISAPPLIED CASH     NEELECTRIC            0001CASH                                              0140MISAPPLIED CASH                                   0020C                                                                                                                                                                                                                  </t>
  </si>
  <si>
    <t>MAPPR</t>
  </si>
  <si>
    <t xml:space="preserve">MISAPPLIED CASH DEP CEMAPPR00314MAPPRNN MAPPR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 xml:space="preserve">MAPPRMISAPPLIED CASH REC NEELECTRIC            0001CASH                                              0140MISAPPLIED CASH                                   0020B                                                                                                                                                                                                                  </t>
  </si>
  <si>
    <t>MCER</t>
  </si>
  <si>
    <t xml:space="preserve">MICH CUST EDUC RIDERRE     00000      N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>MCERD</t>
  </si>
  <si>
    <t xml:space="preserve">MCE RIDER-D         RE     00000      N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>MFF</t>
  </si>
  <si>
    <t xml:space="preserve">MUNI FRANCHISE FEE  RE     00000      N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>MFFD</t>
  </si>
  <si>
    <t xml:space="preserve">MUNI FRANCHISE FEE-DRE     00000      N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 xml:space="preserve">                                               0000                                                  0000MUNI FRANCHISE FEE-D                              0000N                                                                                                                                                                                                                  </t>
  </si>
  <si>
    <t>MITXD</t>
  </si>
  <si>
    <t xml:space="preserve">MUNI INC TX RIDER-D RE     00000      N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>MITXG</t>
  </si>
  <si>
    <t xml:space="preserve">MUNI INC TX RIDER-G RE     00000      N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>MITXR</t>
  </si>
  <si>
    <t xml:space="preserve">MUNI INCOME TX RIDERRE     00000      N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>MMTRD</t>
  </si>
  <si>
    <t xml:space="preserve">MANUAL MTR READING  CEMMTRD03506MMTRDOY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 xml:space="preserve">MMTRDMANUAL MTR READING  NEELECTRIC            0001MISC SERVICE REVENUES                             0060MANUAL MTR READING                                0110R                                                                                                                                                                                                                  </t>
  </si>
  <si>
    <t>MRCCP</t>
  </si>
  <si>
    <t xml:space="preserve">MRCCPCIRCUIT PERFORMANCE YEELECTRIC            0001REVENUES                                          0010REVENUE-POOR CIRCUIT PERFORM CR                   0071R                                                                                                                                                                                                                  </t>
  </si>
  <si>
    <t>MRCHK</t>
  </si>
  <si>
    <t xml:space="preserve">METER READING CHECK CETRIP 03606MRCHKOY METER READING CHECK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 xml:space="preserve">MRCHKMETER READING CHECK NEELECTRIC            0001MISC SERVICE REVENUES                             0060METER READING CHECK                               0440R                                                                                                                                                                                                                  </t>
  </si>
  <si>
    <t>MRCSC</t>
  </si>
  <si>
    <t xml:space="preserve">MRCSCNEW SERV CONNECTION YEELECTRIC            0001REVENUES                                          0010REVENUE-NEW SERV CONNECT CR                       0081R                                                                                                                                                                                                                  </t>
  </si>
  <si>
    <t>MRCSP</t>
  </si>
  <si>
    <t xml:space="preserve">MRCSPSYSTEM PERFORMANCE  YEELECTRIC            0001REVENUES                                          0010REVENUE-POOR SYSTEM PERFORM CR                    0091R                                                                                                                                                                                                                  </t>
  </si>
  <si>
    <t>MREIM</t>
  </si>
  <si>
    <t xml:space="preserve">MAN READ INTRVL MTR CEMREIM03706MREIMOY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 xml:space="preserve">MREIMMAN READ INTRVL MTR NEELECTRIC            0001MISC SERVICE REVENUES                             0060MAN READ INTRVL MTR                               0120R                                                                                                                                                                                                                  </t>
  </si>
  <si>
    <t>MRRCR</t>
  </si>
  <si>
    <t xml:space="preserve">RATE READY MANB CRDTCEMRRCR27516MRRCRNY SUPPLIER ADJUSTMENT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 xml:space="preserve">MRRCRRATE READY MANB CRDTNEELECTRIC            0001NO BUY ESP                                        0160RATE READY MANB CRDT                              0030B                                                                                                                                                                                                                  </t>
  </si>
  <si>
    <t>MRRDR</t>
  </si>
  <si>
    <t xml:space="preserve">RATE READY MANB DEBTCEMRRDR27516MRRDRNY SUPPLIER ADJUSTMENT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 xml:space="preserve">MRRDRRATE READY MANB DEBTNEELECTRIC            0001NO BUY ESP                                        0160RATE READY MANB DEBT                              0030B                                                                                                                                                                                                                  </t>
  </si>
  <si>
    <t>MSRCH</t>
  </si>
  <si>
    <t>Meter Seal Replacement Charge</t>
  </si>
  <si>
    <t xml:space="preserve">MTR SEAL REPLACEMENTCEMSRCH03906MSRCHOY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 xml:space="preserve">MSRCHMTR SEAL REPLACEMENTNEELECTRIC            0001MISC SERVICE REVENUES                             0060MTR SEAL REPLACEMENT                              0125R                                                                                                                                                                                                                  </t>
  </si>
  <si>
    <t>METER-TEST-CHARGE</t>
  </si>
  <si>
    <t xml:space="preserve">METER TEST CHARGE   CEMTEST04006MTESTOY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 xml:space="preserve">MTESTMETER TEST CHARGE   NEELECTRIC            0001MISC SERVICE REVENUES                             0060METER TEST CHARGE                                 0130R                                                                                                                                                                                                                  </t>
  </si>
  <si>
    <t>MTRCD</t>
  </si>
  <si>
    <t xml:space="preserve">MTR COMM DIAGNOSTIC CEMTRCD03806MTRCDOY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 xml:space="preserve">MTRCDMTR COMMUNICATE DIAGNEELECTRIC            0001MISC SERVICE REVENUES                             0060MTR COMMUNICATION DIAGNOSTIC                      0122R                                                                                                                                                                                                                  </t>
  </si>
  <si>
    <t>MTRIN</t>
  </si>
  <si>
    <t xml:space="preserve">METER INSTALL CHG   CEMTRIN32515MTRINNY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 xml:space="preserve">MTRINMETER INSTALL CHRG  NEELECTRIC            0001MISCELLANEOUS/OTHER                               0150METER INSTALL CHRG                                0220R                                                                                                                                                                                                                  </t>
  </si>
  <si>
    <t>NBCSH</t>
  </si>
  <si>
    <t xml:space="preserve">NBE-CASH            CENBCSH00516NBCSHNY PAID TO SUPPLIER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 xml:space="preserve">NBCSHNBE-CASH            NEELECTRIC            0001NO BUY ESP                                        0160NBE-CASH                                          0010B                                                                                                                                                                                                                  </t>
  </si>
  <si>
    <t>NBECO</t>
  </si>
  <si>
    <t xml:space="preserve">NO BUY RECV CHGOF   CENBECO50016NBECONY RETURNED TO SUPPLIER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 xml:space="preserve">NBECONO BUY RECV CHGOF   NEELECTRIC            0001NO BUY ESP                                        0160NO BUY RECV CHGOF                                 0120B                                                                                                                                                                                                                  </t>
  </si>
  <si>
    <t>NBEG</t>
  </si>
  <si>
    <t>NBE - Generation</t>
  </si>
  <si>
    <t xml:space="preserve">NBE-GENERATION      CENBEG 27516NBEG NY SUPPLIER CHARGE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 xml:space="preserve">NBEG NBE-GENERATION      NEELECTRIC            0001NO BUY ESP                                        0160NBE-GENERATION                                    0030B                                                                                                                                                                                                                  </t>
  </si>
  <si>
    <t>NBEM</t>
  </si>
  <si>
    <t>NBE - Miscellaneous</t>
  </si>
  <si>
    <t xml:space="preserve">NBE-MISCELLANEOUS   CENBEM 28516NBEM NY SUPPLIER CHARGE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 xml:space="preserve">NBEM NBE-MISCELLANEOUS   NEELECTRIC            0001NO BUY ESP                                        0160NBE-MISCELLANEOUS                                 0050B                                                                                                                                                                                                                  </t>
  </si>
  <si>
    <t>NBERE</t>
  </si>
  <si>
    <t xml:space="preserve">NO BUY RECV REINS   CENBERE60016NBERENY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 xml:space="preserve">NBERENO BUY RECV REINS   NEELECTRIC            0001NO BUY ESP                                        0160NO BUY RECV REINS                                 0140N                                                                                                                                                                                                                  </t>
  </si>
  <si>
    <t>NBESP</t>
  </si>
  <si>
    <t xml:space="preserve">NO BUY RECEIVABLE   CENBESP33216NBESPNY SUPPLIER CHARGE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 xml:space="preserve">NBESPNO BUY RECEIVABLE   NEELECTRIC            0001NO BUY ESP                                        0160NO BUY RECEIVABLE                                 0090C                                                                                                                                                                                                                  </t>
  </si>
  <si>
    <t>NBET</t>
  </si>
  <si>
    <t xml:space="preserve">NBE-TRANSMISSION    CENBET 30516NBET NY SUPPLIER CHARGE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 xml:space="preserve">NBET NBE-TRANSMISSION    NEELECTRIC            0001NO BUY ESP                                        0160NBE-TRANSMISSION                                  0070N                                                                                                                                                                                                                  </t>
  </si>
  <si>
    <t>NBMPL</t>
  </si>
  <si>
    <t xml:space="preserve">PA PROVIDER         CENBMPL33916NBMPLNY APPLIED SUPPLIER AMT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 xml:space="preserve">NBMPLPA PROVIDER         NEELECTRIC            0001NO BUY ESP                                        0160PA PROVIDER                                       0100B                                                                                                                                                                                                                  </t>
  </si>
  <si>
    <t>NBPCL</t>
  </si>
  <si>
    <t xml:space="preserve">NO BUY REC PIP CLEARCENBPCL00516NBPCLNY SUPPLIER PIPP DEFER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 xml:space="preserve">NBPCLNO BUY REV PIP CLEARNEELECTRIC            0001NO BUY ESP                                        0160NO BUY REV PIP CLEAR                              0100B                                                                                                                                                                                                                  </t>
  </si>
  <si>
    <t>NCASH</t>
  </si>
  <si>
    <t>NHN-CASH</t>
  </si>
  <si>
    <t xml:space="preserve">NTN CASH            CE     00000      N NGHBR TO NGHBR CASH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>NDCC</t>
  </si>
  <si>
    <t xml:space="preserve">NUCLEAR DECOMMISSIONRENDCC 33015NDCC OY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 xml:space="preserve">NDCC NUCLEAR DECOMMISSIONNEELECTRIC            0001MISCELLANEOUS/OTHER                               0150NUCLEAR DECOMMISSIONING                           0235R                                                                                                                                                                                                                  </t>
  </si>
  <si>
    <t>NETFD</t>
  </si>
  <si>
    <t xml:space="preserve">NET DPC/EMP DISCOUNT E     00000     NN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>NETRV</t>
  </si>
  <si>
    <t xml:space="preserve">NET REVENUE-1420XXX  E     00000     NN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>NMGG</t>
  </si>
  <si>
    <t xml:space="preserve">NET MERGER CR-GS&gt;10 RE     00000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>NMGL</t>
  </si>
  <si>
    <t xml:space="preserve">NET MERGER CR-GS&lt;10 RE     00000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>NMNR</t>
  </si>
  <si>
    <t xml:space="preserve">NET MERGER CR-NONRD RE     00000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>NMPS</t>
  </si>
  <si>
    <t xml:space="preserve">NET MERGER CR-PRI   RE     00000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>NMRS</t>
  </si>
  <si>
    <t xml:space="preserve">NET MERGER CR-RS    RE     00000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>NMSC</t>
  </si>
  <si>
    <t xml:space="preserve">NET MERGER SAVING CRRE     00000      N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>NMSCD</t>
  </si>
  <si>
    <t xml:space="preserve">NET MERGER SAV CR-D RE     00000      N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>NMSCT</t>
  </si>
  <si>
    <t xml:space="preserve">NET MERGER SAV CR-T RE     00000      N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>NMSL</t>
  </si>
  <si>
    <t xml:space="preserve">NET MERGER CR-STLGHTRE     00000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>NMTS</t>
  </si>
  <si>
    <t xml:space="preserve">NET MERGER CR-TRANS RE     00000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>NOPWR</t>
  </si>
  <si>
    <t xml:space="preserve">NO POWER SERVICE CHGCENOPWR35015NOPWROY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 xml:space="preserve">NOPWRNO POWER SERVICE CHGNEELECTRIC            0001MISCELLANEOUS/OTHER                               0150NO POWER SERVICE CHG                              0230R                                                                                                                                                                                                                  </t>
  </si>
  <si>
    <t>NSCFE</t>
  </si>
  <si>
    <t xml:space="preserve">NON-STD COMMUNICATE CENSCFE04406NSCFEOY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 xml:space="preserve">NSCFENON-STD COMMUNICATE NEELECTRIC            0001MISC SERVICE REVENUES                             0060NON-STD COMMUNICATE                               0140R                                                                                                                                                                                                                  </t>
  </si>
  <si>
    <t>NTN</t>
  </si>
  <si>
    <t xml:space="preserve">NEIGHBOR-T0-NEIGHBORCENTN  21110NTN  NY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 xml:space="preserve">NTN  NEIGHBOR-TO-NEIGHBORNEELECTRIC            0001ASSISTANCE PLANS                                  0100NEIGHBOR-TO-NEIGHBOR                              0300C                                                                                                                                                                                                                  </t>
  </si>
  <si>
    <t>NTNWC</t>
  </si>
  <si>
    <t xml:space="preserve">NTN/WCARE DONATION  CE     00000      N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>OCCF</t>
  </si>
  <si>
    <t xml:space="preserve">OK CORP COMM FEE    REOCCF 00000NETRVBY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 xml:space="preserve">OCCF CORP COMMISSION FEE YEELECTRIC            0001REVENUES                                          0010OKLAHOMA CORP COMMISSION FEE                      0070R                                                                                                                                                                                                                  </t>
  </si>
  <si>
    <t>OEC25</t>
  </si>
  <si>
    <t xml:space="preserve">OHIO ENRGY CREDIT 25REOEC2531210OEC25BY ASSISTANCE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 xml:space="preserve">OEC25OHIO ENRGY CREDIT 25NEELECTRIC            0001ASSISTANCE PLANS                                  0100OHIO ENRGY CREDIT 25                              0320C                                                                                                                                                                                                                  </t>
  </si>
  <si>
    <t>OEC30</t>
  </si>
  <si>
    <t xml:space="preserve">OHIO ENRGY CREDIT 30REOEC3041310OEC30BY ASSISTANCE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 xml:space="preserve">OEC30OHIO ENRGY CREDIT 30NEELECTRIC            0001ASSISTANCE PLANS                                  0100OHIO ENRGY CREDIT 30                              0340C                                                                                                                                                                                                                  </t>
  </si>
  <si>
    <t>OLFCT</t>
  </si>
  <si>
    <t xml:space="preserve">FACILITY CHARGE     CE     00000      N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>OMREI</t>
  </si>
  <si>
    <t xml:space="preserve">OFF SITE MTR RD EQP CEOMREI17006OMREIOY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 xml:space="preserve">OMREIOFF SITE MTR RD EQP NEELECTRIC            0001MISC SERVICE REVENUES                             0060OFF SITE MTR READ EQUIP INSTL                     0158R                                                                                                                                                                                                                  </t>
  </si>
  <si>
    <t xml:space="preserve">ON PREMISE COLL CHG CEONPRM05006ONPRMOY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 xml:space="preserve">ONPRMON PREMISE COLL CHG NEELECTRIC            0001MISC SERVICE REVENUES                             0060ON PREMISE COLL CHG                               0150R                                                                                                                                                                                                                  </t>
  </si>
  <si>
    <t>OPOUT</t>
  </si>
  <si>
    <t xml:space="preserve">AMI OP OUT CHARGE   CEOPOUT04106OPOUTOY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 xml:space="preserve">OPOUTAMS OPTOUT CHARGE   NEELECTRIC            0001MISC SERVICE REVENUES                             0060AMS OPTOUT CHARGE                                 0460R                                                                                                                                                                                                                  </t>
  </si>
  <si>
    <t>OTHER</t>
  </si>
  <si>
    <t xml:space="preserve">OTHER ASSISTANCE PRGCEOTHER47510OTHERNY ASSISTANCE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 xml:space="preserve">OTHEROTHER ASSISTANCE PRGNEELECTRIC            0001ASSISTANCE PLANS                                  0100OTHER ASSISTANCE PRG                              0360C                                                                                                                                                                                                                  </t>
  </si>
  <si>
    <t>PABCN</t>
  </si>
  <si>
    <t xml:space="preserve">PIP ACCTBAL @ CANCELRE     00000      N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 xml:space="preserve">                         NOOTHER               0088OTHER                                             0001ACCOUNT BALANCE AT CANCEL                         0001N                                                                                                                                                                                                                  </t>
  </si>
  <si>
    <t>PACLG</t>
  </si>
  <si>
    <t xml:space="preserve">PA CLEARING         CE     00000      N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>PACSH</t>
  </si>
  <si>
    <t xml:space="preserve">PIP ARRREAR APPLIED CEPACSH00114PACSHNN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 xml:space="preserve">PACSHPIP ARREARAGE CASH  NEELECTRIC            0001CASH                                              0140PIP ARREARAGE CASH                                0025C                                                                                                                                                                                                                  </t>
  </si>
  <si>
    <t>PADCB</t>
  </si>
  <si>
    <t xml:space="preserve">PA CRES NB BILLABLE CD     00000      N SUPPLIER PYMT AGRMT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 xml:space="preserve">PADCBPA-CRES NB BILLABLE NOOTHER               0001NO BUY ESP                                        0160PA-CRES NB BILLABLE                               0100B                                                                                                                                                                                                                  </t>
  </si>
  <si>
    <t>PADCD</t>
  </si>
  <si>
    <t xml:space="preserve">PA CRES NB DEFERRED CD     00000      N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 xml:space="preserve">PADCDPA-CRES NB DEFERRED NOOTHER               0001NO BUY ESP                                        0160PA-CRES NB DEFERRED                               0100B                                                                                                                                                                                                                  </t>
  </si>
  <si>
    <t>PADCS</t>
  </si>
  <si>
    <t xml:space="preserve">PA CRES NB SET-UP   CD     00000      N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 xml:space="preserve">PADCSPA-CRES NB SET-UP   NOOTHER               0001NO BUY ESP                                        0160PA-CRES NB SET-UP                                 0100B                                                                                                                                                                                                                  </t>
  </si>
  <si>
    <t xml:space="preserve">PA-DEPOSIT BILLABLE CD     00000      N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>PADPD</t>
  </si>
  <si>
    <t xml:space="preserve">PA-DEPOSIT DEFERRED CD     00000      N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 xml:space="preserve">PA-DEPOSIT-SET-UP   CD     00000      N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 xml:space="preserve">PA-DISC BILLABLE    CE     00000      N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>PADSD</t>
  </si>
  <si>
    <t xml:space="preserve">PA-DISC DEFERRED    CE     00000      N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 xml:space="preserve">PA-DISC SET-UP      CE     00000      N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>PAMPL</t>
  </si>
  <si>
    <t xml:space="preserve">PIP ARREAR CR APPLD CEPAPML00314PAMPLNN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 xml:space="preserve">PAMPLPIP ARREAR CS MAPPL NEELECTRIC            0001CASH                                              0140PIP ARREARAGE CASH MISAPPLIED                     0025C                                                                                                                                                                                                                  </t>
  </si>
  <si>
    <t>PANDB</t>
  </si>
  <si>
    <t xml:space="preserve">PA-NON-DISC BILLABLECE     00000      N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>PANDD</t>
  </si>
  <si>
    <t xml:space="preserve">PA-NON-DISC DEFERREDCE     00000      N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>PANDS</t>
  </si>
  <si>
    <t xml:space="preserve">PA-NON-DISC SET-UP  CE     00000      N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>PAPRB</t>
  </si>
  <si>
    <t xml:space="preserve">PA-PIP BILLABLE     CD     00000      N PIP RECV PYMT AGRMT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>PAPRD</t>
  </si>
  <si>
    <t xml:space="preserve">PA-PIP DEFERRED     CD     00000      N PA RECV DEFERRED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>PAPRS</t>
  </si>
  <si>
    <t xml:space="preserve">PA PIP SET-UP       CD     00000      N PA RECV SET-UP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>PAPUB</t>
  </si>
  <si>
    <t xml:space="preserve">PA PID BILLABLE     CD     00000      N PIP UNRC PYMT AGRMT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>PAPUD</t>
  </si>
  <si>
    <t xml:space="preserve">PA PID DEFERRED     CD     00000      N PA UNRC DEFERRED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>PAPUS</t>
  </si>
  <si>
    <t xml:space="preserve">PA PID SET-UP       CD     00000      N PA UNRC SET-UP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>PBBCL</t>
  </si>
  <si>
    <t xml:space="preserve">PIP BB CLEARING     RE     00000      N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>PBBDU</t>
  </si>
  <si>
    <t xml:space="preserve">PIP BB DUE          RE     00000      N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>PCCLG</t>
  </si>
  <si>
    <t xml:space="preserve">PA CRES CLEARING    CD     00000      N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 xml:space="preserve">PCCLGPA-CRES CLEARING    NOOTHER               0001NO BUY ESP                                        0160PA-CRES CLEARING                                  0100B                                                                                                                                                                                                                  </t>
  </si>
  <si>
    <t xml:space="preserve">PCR - ELECTRIC      CEPCELE00512PCELENN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 xml:space="preserve">PCELEPCR-ELECTRIC        NEELECTRIC            0001PETTY CASH REFUNDS                                0120PCR-ELECTRIC                                      0050C                                                                                                                                                                                                                  </t>
  </si>
  <si>
    <t xml:space="preserve">PCR - FOREIGN       CEPCELF00512PCELFNN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 xml:space="preserve">PCELFPCR-FOREIGN         NEELECTRIC            0001PETTY CASH REFUNDS                                0120PCR-ELECTRIC                                      0050C                                                                                                                                                                                                                  </t>
  </si>
  <si>
    <t>PCRSU</t>
  </si>
  <si>
    <t xml:space="preserve">PAYMENT CREDIT SETUPCE     00000      N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>PCSOL</t>
  </si>
  <si>
    <t xml:space="preserve">PCR - SOLD RECEV    CEPCSOL00612PCSOLNN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 xml:space="preserve">PCSOLPCR-SOLD RECEV      NEELECTRIC            0001PETTY CASH REFUNDS                                0120PCR-SOLD RECEIVABLES                              0051C                                                                                                                                                                                                                  </t>
  </si>
  <si>
    <t>PCVCL</t>
  </si>
  <si>
    <t xml:space="preserve">PIP PLUS CONV CLEAR RE     00000      Y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>PDCNT</t>
  </si>
  <si>
    <t xml:space="preserve">CONTRA-PIP DELETIONSREPDCNT38015PDCNTNN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 xml:space="preserve">PDCNTCONTRA-PIP DELETIONSNEELECTRIC            0001MISCELLANEOUS/OTHER                               0150CONTRA-PIP DELETIONS                              0240N                                                                                                                                                                                                                  </t>
  </si>
  <si>
    <t>PDFEE</t>
  </si>
  <si>
    <t xml:space="preserve">PRIORITY DISCONNECT CEPDFEE05606PDFEEOY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 xml:space="preserve">PDFEEPRIORITY DISCONNECT NEELECTRIC            0001MISC SERVICE REVENUES                             0060PRIORITY DISCONNECT                               0160R                                                                                                                                                                                                                  </t>
  </si>
  <si>
    <t>PFORG</t>
  </si>
  <si>
    <t xml:space="preserve">PIP ARREARS         CEPFORG40515PFORGNN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 xml:space="preserve">PFORGPIP ARREARS         NEELECTRIC            0001MISCELLANEOUS/OTHER                               0150PIP ARREARS                                       0250R                                                                                                                                                                                                                  </t>
  </si>
  <si>
    <t>PICSH</t>
  </si>
  <si>
    <t xml:space="preserve">CASH APPL TO PIP DUECEPICSH00114PICSHNN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 xml:space="preserve">PICSHPIP INSTALLMENT CASHNEELECTRIC            0001CASH                                              0140PIP INSTALLMENT CASH                              0025C                                                                                                                                                                                                                  </t>
  </si>
  <si>
    <t>PIDCL</t>
  </si>
  <si>
    <t xml:space="preserve">PID CLEARING        RE     00000      N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>PIDCN</t>
  </si>
  <si>
    <t xml:space="preserve">PID CANCEL/INACT    RE     00000      N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>PIDCO</t>
  </si>
  <si>
    <t xml:space="preserve">PID CHARGE-OFF      CEPIDCO45015PIDCOON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 xml:space="preserve">PIDCOPID CHARGE-OFF      NEELECTRIC            0001MISCELLANEOUS/OTHER                               0150PID CHARGE-OFF                                    0264N                                                                                                                                                                                                                  </t>
  </si>
  <si>
    <t>PIDDF</t>
  </si>
  <si>
    <t xml:space="preserve">PIP DEF-UNRECOVERED RE     00000      N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>PIDDT</t>
  </si>
  <si>
    <t xml:space="preserve">PID DEFERRED TRFW   RE     00000      N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 xml:space="preserve">PIDDTPIDDF               NEELECTRIC            0001ELECTRIC TRANSFERS                                0130MOVE OUT AND INTO UNRECOVERED                     0110C                                                                                                                                                                                                                  </t>
  </si>
  <si>
    <t>PIDDU</t>
  </si>
  <si>
    <t xml:space="preserve">PIP DUE-UNRECOVERBLERE     00000      N PIPP DUE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>PIDIN</t>
  </si>
  <si>
    <t xml:space="preserve">PIP PLUS INACTIVE   CE     00000      N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 xml:space="preserve">PIDINPIP CLEAR-PIP TO PIDNEELECTRIC            0001ELECTRIC TRANSFERS                                0130PIP CLEAR-PIPDF TO PIDDF                          0100C                                                                                                                                                                                                                  </t>
  </si>
  <si>
    <t>PIDRE</t>
  </si>
  <si>
    <t xml:space="preserve">PID DUE REINSTATEMNTCE     00000      N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 xml:space="preserve">PIDREPID DUE REINSTATE   NEELECTRIC            0001MISCELLANEOUS/OTHER                               0150PID DUE REINSTATE                                 0284N                                                                                                                                                                                                                  </t>
  </si>
  <si>
    <t>PIDXT</t>
  </si>
  <si>
    <t xml:space="preserve">PID XCR TRFW        RE     00000      N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 xml:space="preserve">PIDXTPIDXR               NEELECTRIC            0001ELECTRIC TRANSFERS                                0130MOVE OUT AND INTO UNRECOVERED                     0110C                                                                                                                                                                                                                  </t>
  </si>
  <si>
    <t>PIMPL</t>
  </si>
  <si>
    <t xml:space="preserve">PIP DUE CR APPLIED  CEPIPML00314PIMPLNN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 xml:space="preserve">PIMPLPIP INSTALL CS MAPPLNEELECTRIC            0001CASH                                              0140PIP INSTALLMENT CASH MISAPPLIED                   0025C                                                                                                                                                                                                                  </t>
  </si>
  <si>
    <t>PIPAC</t>
  </si>
  <si>
    <t xml:space="preserve">PIP CREDIT ARREARS  CEPIPAC43015PIPACNY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>PIPCL</t>
  </si>
  <si>
    <t xml:space="preserve">PIP CLEARING        RE     00000      N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>PIPCN</t>
  </si>
  <si>
    <t xml:space="preserve">PIP CANCEL/INACT    RE     00000      N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>PIPCO</t>
  </si>
  <si>
    <t xml:space="preserve">PIP CHARGE-OFF      CEPIPCO45015PIPCOON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 xml:space="preserve">PIPCOPIP CHARGE-OFF      NEELECTRIC            0001MISCELLANEOUS/OTHER                               0150PIP CHARGE-OFF                                    0265B                                                                                                                                                                                                                  </t>
  </si>
  <si>
    <t>PIPCT</t>
  </si>
  <si>
    <t>PIPDF</t>
  </si>
  <si>
    <t xml:space="preserve">PIP DEF-RECOVERED   RE     00000      N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>PIPDT</t>
  </si>
  <si>
    <t xml:space="preserve">PIP DEFERRED TRFW   RE     00000      N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 xml:space="preserve">PIPDTPIPDF               NEELECTRIC            0001ELECTRIC TRANSFERS                                0130MOVE OUT AND INTO RECOVERED                       0110C                                                                                                                                                                                                                  </t>
  </si>
  <si>
    <t>PIPDU</t>
  </si>
  <si>
    <t xml:space="preserve">PIP DUE-RECOVERED   RE     00000      N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>PIPXT</t>
  </si>
  <si>
    <t xml:space="preserve">PIP XCR TRFW        RE     00000      N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 xml:space="preserve">PIPXTPIPXR               NEELECTRIC            0001ELECTRIC TRANSFERS                                0130MOVE OUT AND INTO RECOVERED                       0110C                                                                                                                                                                                                                  </t>
  </si>
  <si>
    <t>PLEDG</t>
  </si>
  <si>
    <t xml:space="preserve">PLEDGE/ROUND-UP PGM CE     00000      N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 xml:space="preserve">                         NOOTHER               0088OTHER                                             0001PLEDGE                                            0001N                                                                                                                                                                                                                  </t>
  </si>
  <si>
    <t>PLGAJ</t>
  </si>
  <si>
    <t xml:space="preserve">PLEG/RNDUP DON ADJ  CE     00000      N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>PMTRR</t>
  </si>
  <si>
    <t xml:space="preserve">PULSE METERING RPT  CE     00000      N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 xml:space="preserve">PMTRRPULSE METERING RPTS NEELECTRIC            0001MISC SERVICE REVENUES                             0060PULSE METERING REPORTS                            0161R                                                                                                                                                                                                                  </t>
  </si>
  <si>
    <t>PNBDF</t>
  </si>
  <si>
    <t xml:space="preserve">NO BUY REC PIP CLEARCEPNBDF00516PNBDFNY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 xml:space="preserve">PNBDFNO BUY REV PIP DEFRDNEELECTRIC            0001MISCELLANEOUS/OTHER                               0150NO BUY REV PIP DEFRD                              0100B                                                                                                                                                                                                                  </t>
  </si>
  <si>
    <t>POE25</t>
  </si>
  <si>
    <t>POE30</t>
  </si>
  <si>
    <t>PPARC</t>
  </si>
  <si>
    <t xml:space="preserve">PIP ARREARAGE CREDITCE     00000      Y ON-TIME PYMT CREDIT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 xml:space="preserve">PPARCPIP ARREARAGE CREDITNEELECTRIC            0001MISCELLANEOUS/OTHER                               0150PIP ARREARAGE CREDIT                              0275B                                                                                                                                                                                                                  </t>
  </si>
  <si>
    <t>PPBBC</t>
  </si>
  <si>
    <t xml:space="preserve">PIP BILL BALANCE CR CE     00000      Y ON-TIME PYMT CREDIT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 xml:space="preserve">PPBBCPIP BILL BALANCE CR NEELECTRIC            0001MISCELLANEOUS/OTHER                               0150PIP BILL BALANCE CREDIT                           0280B                                                                                                                                                                                                                  </t>
  </si>
  <si>
    <t>PPCRA</t>
  </si>
  <si>
    <t xml:space="preserve">PIP MATCH CREDIT    CEPPCRA46015PPCRANY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 xml:space="preserve">PPCRAPIP MATCH CREDIT    NEELECTRIC            0001MISCELLANEOUS/OTHER                               0150PIP MATCH CREDIT                                  0280N                                                                                                                                                                                                                  </t>
  </si>
  <si>
    <t>PPDCO</t>
  </si>
  <si>
    <t xml:space="preserve">PIP DUE CHARGE-OFF  CE     00000      N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 xml:space="preserve">PPDCOPIP DUE CHARGE-OFF  NEELECTRIC            0001MISCELLANEOUS/OTHER                               0150PIP DUE CHARGE-OFF                                0283B                                                                                                                                                                                                                  </t>
  </si>
  <si>
    <t>PPDRE</t>
  </si>
  <si>
    <t xml:space="preserve">PIP DUE REINSTATEMNTCE     00000      N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 xml:space="preserve">PPDREPIP DUE REINSTATE   NEELECTRIC            0001MISCELLANEOUS/OTHER                               0150PIP DUE REINSTATE                                 0285B                                                                                                                                                                                                                  </t>
  </si>
  <si>
    <t>PPPIP</t>
  </si>
  <si>
    <t xml:space="preserve">PRE PRE-PIP         CE     00000      Y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 xml:space="preserve">                         NOOTHER               0088OTHER                                             0001TRTO ACCT'S BAL BEFORE PIP                        0001N                                                                                                                                                                                                                  </t>
  </si>
  <si>
    <t>PRCVR</t>
  </si>
  <si>
    <t xml:space="preserve">PIP RECOVERED       CE     00000      Y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 xml:space="preserve">                         NOOTHER               0088OTHER                                             0001PIP RECOVERY                                      0001N                                                                                                                                                                                                                  </t>
  </si>
  <si>
    <t>PRECO</t>
  </si>
  <si>
    <t xml:space="preserve">PRE-CONVERSION CHGOFCE     00000      N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>PREIN</t>
  </si>
  <si>
    <t xml:space="preserve">PIP REINSTATEMENT   CEPREIN47515PREINNY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 xml:space="preserve">PREINPIP REINSTATEMENT   NEELECTRIC            0001MISCELLANEOUS/OTHER                               0150PIP REINSTATEMENT                                 0290B                                                                                                                                                                                                                  </t>
  </si>
  <si>
    <t>PREPC</t>
  </si>
  <si>
    <t>PREPP</t>
  </si>
  <si>
    <t xml:space="preserve">PIP ACCT BAL AT CNCLCE     00000      N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 xml:space="preserve">                         NOOTHER               0088OTHER                                             0001PRE PIP                                           0001N                                                                                                                                                                                                                  </t>
  </si>
  <si>
    <t>PSCRS</t>
  </si>
  <si>
    <t xml:space="preserve">PSCR SURCHARGE      REPSCRS00309PSCRSBN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 xml:space="preserve">PSCRSPSCR SURCHARGE      NEELECTRIC            0001SURCHARGES                                        0090PSCR SURCHARGE                                    0050R                                                                                                                                                                                                                  </t>
  </si>
  <si>
    <t>PSWCH</t>
  </si>
  <si>
    <t xml:space="preserve">PROVIDER SWITCH FEE CEPSWCH35006PSWCHOY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>PSWRV</t>
  </si>
  <si>
    <t xml:space="preserve">PROVIDER SWITCH REV CEPSWRV35006PSWRVOY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 xml:space="preserve">PSWRVPROVIDER SWITCH REV NEELECTRIC            0001MISC SERVICE REVENUES                             0060PROVIDER SWITCH REV                               0420R                                                                                                                                                                                                                  </t>
  </si>
  <si>
    <t>PTCRG</t>
  </si>
  <si>
    <t xml:space="preserve">PROP TX CR RIDER-G  RE     00000      N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>PTDCL</t>
  </si>
  <si>
    <t xml:space="preserve">PID TRFW CLEARING   RE     00000      N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 xml:space="preserve">PTDCLPIDDU TO PIPDF      NEELECTRIC            0001ELECTRIC TRANSFERS                                0130UNRECOVERED TO RECOVERED                          0110C                                                                                                                                                                                                                  </t>
  </si>
  <si>
    <t>PTESP</t>
  </si>
  <si>
    <t xml:space="preserve">A/R TRANSFER TO-ESP CEPTESP08513PTESPNY TRANSFER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 xml:space="preserve">PTESPA/R TRANSFER TO-ESP NEELECTRIC            0001ELECTRIC TRANSFERS                                0130A/R TRANSFER TO-ESP                               0090R                                                                                                                                                                                                                  </t>
  </si>
  <si>
    <t>PTPCL</t>
  </si>
  <si>
    <t xml:space="preserve">PIP TRFW CLEARING   RE     00000      N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 xml:space="preserve">PTPCLPIPDU TO PIPDF      NEELECTRIC            0001ELECTRIC TRANSFERS                                0130RECOVERED TO RECOVERED                            0110C                                                                                                                                                                                                                  </t>
  </si>
  <si>
    <t>PTWCL</t>
  </si>
  <si>
    <t xml:space="preserve">NON-PIP CLEARING    RE     00000      N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 xml:space="preserve">PTWCLPIPDF               NEELECTRIC            0001ELECTRIC TRANSFERS                                0130MOVE NON PIP TO PIPDF                             0110C                                                                                                                                                                                                                  </t>
  </si>
  <si>
    <t>PTXCR</t>
  </si>
  <si>
    <t xml:space="preserve">PROPERTY TX CR RIDERRE     00000      N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>PWCLG</t>
  </si>
  <si>
    <t xml:space="preserve">PWP CLEARING SET-UP CE     00000      N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 xml:space="preserve">                         NOPREPAY              0088PREPAY                                            0001PREPAY CLEARING                                   0015N                                                                                                                                                                                                                  </t>
  </si>
  <si>
    <t>PWDEF</t>
  </si>
  <si>
    <t xml:space="preserve">PWP DEFERRAL SET-UP CE     00000      N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 xml:space="preserve">                         NOPREPAY              0088PREPAY                                            0001PREPAY DEFERRED                                   0015N                                                                                                                                                                                                                  </t>
  </si>
  <si>
    <t>PWDUE</t>
  </si>
  <si>
    <t xml:space="preserve">PWP PRE PAY DUE     CE     00000      N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 xml:space="preserve">                         NOPREPAY              0088PREPAY                                            0001PREPAY DUE                                        0015N                                                                                                                                                                                                                  </t>
  </si>
  <si>
    <t>PWHRM</t>
  </si>
  <si>
    <t xml:space="preserve">                         NOPOSTPAY HELD TERM   0003POSTPAY HELD TERM                                 0150POSTPAY HELD TERMINATED                           0010C                                                                                                                                                                                                                  </t>
  </si>
  <si>
    <t>PWHUP</t>
  </si>
  <si>
    <t xml:space="preserve">                         NOPOSTPAY HELD        0003POSTPAY HELD                                      0150POSTPAY HELD SETUP                                0010C                                                                                                                                                                                                                  </t>
  </si>
  <si>
    <t>PWMPL</t>
  </si>
  <si>
    <t xml:space="preserve">PRE-PAY MISAPPLIED  CE     00000      N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>PWRTC</t>
  </si>
  <si>
    <t xml:space="preserve">PREPAY RET CHECK    CE     00000      N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 xml:space="preserve">                         NOPREPAY              0088PREPAY                                            0001PREPAY RETURN CHECK                               0020N                                                                                                                                                                                                                  </t>
  </si>
  <si>
    <t>PWSUP</t>
  </si>
  <si>
    <t xml:space="preserve">                         NOPREPAY              0003PREPAY                                            0150PREPAY SETUP                                      0005N                                                                                                                                                                                                                  </t>
  </si>
  <si>
    <t>PWTRM</t>
  </si>
  <si>
    <t xml:space="preserve">                         NOPREPAY              0003PREPAY                                            0150PREPAY TERMINATED                                 0001N                                                                                                                                                                                                                  </t>
  </si>
  <si>
    <t>PWXCR</t>
  </si>
  <si>
    <t xml:space="preserve">EXCESS CREDIT SET-UPCE     00000      N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 xml:space="preserve">                         NOPREPAY              0088PREPAY                                            0001PREPAY EXCESS CREDIT                              0030N                                                                                                                                                                                                                  </t>
  </si>
  <si>
    <t>RACHC</t>
  </si>
  <si>
    <t xml:space="preserve">RESCHEDULE APPT-CR  CERACHC06106RACHCOY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 xml:space="preserve">RACHCRESCHEDULE APPT-CR  NEELECTRIC            0001MISC SERVICE REVENUES                             0060RESCHEDULE APPT-CR                                0163R                                                                                                                                                                                                                  </t>
  </si>
  <si>
    <t>RACHN</t>
  </si>
  <si>
    <t xml:space="preserve">RESCHEDULE APPT-NORMCERACHN06106RACHNOY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 xml:space="preserve">RACHNRESCHEDULE APPT-NORMNEELECTRIC            0001MISC SERVICE REVENUES                             0060RESCHEDULE APPT-NORM                              0165R                                                                                                                                                                                                                  </t>
  </si>
  <si>
    <t>RACHO</t>
  </si>
  <si>
    <t xml:space="preserve">RESCHEDULE APPT-OFFSCERACHO06206RACHOOY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 xml:space="preserve">RACHORESCHEDULE APPT-OFFSNEELECTRIC            0001MISC SERVICE REVENUES                             0060RESCHEDULE APPT-OFFS                              0168R                                                                                                                                                                                                                  </t>
  </si>
  <si>
    <t>RACR</t>
  </si>
  <si>
    <t xml:space="preserve">REG ASSET CHRG RIDERRE     00000      N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>RACRD</t>
  </si>
  <si>
    <t xml:space="preserve">REG ASSET CH RIDER-DRE     00000      N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>RAPLI</t>
  </si>
  <si>
    <t xml:space="preserve">RFD APPL CHGOF-INT  CERAPLI01711RAPLINN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 xml:space="preserve">RAPLIRFD APPL CHGOF-INT  NEELECTRIC            0001REVENUE REFUND                                    0110RDF APPL CHGOF-INT                                0170N                                                                                                                                                                                                                  </t>
  </si>
  <si>
    <t>RAPLR</t>
  </si>
  <si>
    <t xml:space="preserve">RFD APPL CHGOF-REV  CERAPLR01511RAPLRNN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 xml:space="preserve">RAPLRRFD APPL CHGOF-REV  NEELECTRIC            0001REVENUE REFUND                                    0110RDF APPL CHGOF-REV                                0150N                                                                                                                                                                                                                  </t>
  </si>
  <si>
    <t>RAPLT</t>
  </si>
  <si>
    <t xml:space="preserve">RFD APPL CHGOF-TAX  CERAPLT01611RAPLTNN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 xml:space="preserve">RAPLTRFD APPL CHGOF-TAX  NEELECTRIC            0001REVENUE REFUND                                    0110RDF APPL CHGOF-TAX                                0160N                                                                                                                                                                                                                  </t>
  </si>
  <si>
    <t>RCKPA</t>
  </si>
  <si>
    <t xml:space="preserve">PIP RETURN CHECK    CERCKPA00414RCKPANN RETURNED CHECK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 xml:space="preserve">RCKPAPIP RETURN CHECK    NEELECTRIC            0001CASH                                              0140PIP RETURN CHECK                                  0060B                                                                                                                                                                                                                  </t>
  </si>
  <si>
    <t>RCKPI</t>
  </si>
  <si>
    <t xml:space="preserve">PID RETURN CHECK    CERCKPI00414RCKPINN RETURNED CHECK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 xml:space="preserve">RCKPIPID RETURN CHECK    NEELECTRIC            0001CASH                                              0140PID RETURN CHECK                                  0060C                                                                                                                                                                                                                  </t>
  </si>
  <si>
    <t>RCNLR</t>
  </si>
  <si>
    <t xml:space="preserve">RECON-INST LOCK RINGCERCNLR06506RCNLROY RECONNECT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 xml:space="preserve">RCNLRRECON-INST LOCK RINGNEELECTRIC            0001MISC SERVICE REVENUES                             0060RECON-INST LOCK RING                              0170R                                                                                                                                                                                                                  </t>
  </si>
  <si>
    <t>RCNMN</t>
  </si>
  <si>
    <t xml:space="preserve">RECON AT MTR-NORMAL CERCNMN07006RCNMNOY RECONNECT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 xml:space="preserve">RCNMNRECON AT MTR-NORMAL NEELECTRIC            0001MISC SERVICE REVENUES                             0060RECON AT MTR-NORMAL                               0180R                                                                                                                                                                                                                  </t>
  </si>
  <si>
    <t>RCNMO</t>
  </si>
  <si>
    <t xml:space="preserve">RECON AT MTR-OFFSHFTCERCNMO08006RCNMOOY RECONNECT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 xml:space="preserve">RCNMORECON AT MTR-OFFSHFTNEELECTRIC            0001MISC SERVICE REVENUES                             0060RECON AT MTR-OFFSHFT                              0190R                                                                                                                                                                                                                  </t>
  </si>
  <si>
    <t>RCNMS</t>
  </si>
  <si>
    <t xml:space="preserve">RECON AT MTR-SUNDAY CERCNMS09006RCNMSOY RECONNECT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 xml:space="preserve">RCNMSRECON AT MTR-SUNDAY NEELECTRIC            0001MISC SERVICE REVENUES                             0060RECON AT MTR-SUNDAY                               0200R                                                                                                                                                                                                                  </t>
  </si>
  <si>
    <t>RCNNR</t>
  </si>
  <si>
    <t xml:space="preserve">RECON-NONCREDIT RLTDCERCNNR09506RCNNROY RECONNECT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 xml:space="preserve">RCNNRRECON-NONCREDIT RLTDNEELECTRIC            0001MISC SERVICE REVENUES                             0060RECON-NONCREDIT RLTD                              0210R                                                                                                                                                                                                                  </t>
  </si>
  <si>
    <t>RCNPN</t>
  </si>
  <si>
    <t xml:space="preserve">RECON AT POLE-NORMALCERCNPN10006RCNPNOY RECONNECT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 xml:space="preserve">RCNPNRECON AT POLE-NORMALNEELECTRIC            0001MISC SERVICE REVENUES                             0060RECON AT POLE-NORMAL                              0220R                                                                                                                                                                                                                  </t>
  </si>
  <si>
    <t>RCNPO</t>
  </si>
  <si>
    <t xml:space="preserve">RECON AT POLE-OFFSFTCERCNPO11006RCNPOOY RECONNECT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 xml:space="preserve">RCNPORECON AT POLE-OFFSFTNEELECTRIC            0001MISC SERVICE REVENUES                             0060RECON AT POLE-OFFSFT                              0230R                                                                                                                                                                                                                  </t>
  </si>
  <si>
    <t>RCNPS</t>
  </si>
  <si>
    <t xml:space="preserve">RECON AT POLE-SUNDAYCERCNPS12006RCNPSOY RECONNECT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 xml:space="preserve">RCNPSRECON AT POLE-SUNDAYNEELECTRIC            0001MISC SERVICE REVENUES                             0060RECON AT POLE-SUNDAY                              0240R                                                                                                                                                                                                                  </t>
  </si>
  <si>
    <t>RCNRR</t>
  </si>
  <si>
    <t xml:space="preserve">RECON-REMOVE &amp; RESETCERCNRR13006RCNRROY RECONNECT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 xml:space="preserve">RCNRRRECON-REMOVE &amp; RESETNEELECTRIC            0001MISC SERVICE REVENUES                             0060RECON-REMOVE &amp; RESET                              0250R                                                                                                                                                                                                                  </t>
  </si>
  <si>
    <t>RCNST</t>
  </si>
  <si>
    <t xml:space="preserve">REINSTATE CONSUMR TXCERCNST50015RCNSTOY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 xml:space="preserve">RCNSTREINSTATE CONSUMR TXNEELECTRIC            0001MISCELLANEOUS/OTHER                               0150REINSTATE CONSUMR TX                              0300N                                                                                                                                                                                                                  </t>
  </si>
  <si>
    <t>RCNTT</t>
  </si>
  <si>
    <t xml:space="preserve">REINSTATE COUNTY TAXCE     00000      Y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 xml:space="preserve">RCNTTREINSTATE COUNTY TAXNEELECTRIC            0001MISCELLANEOUS/OTHER                               0150REINSTATE COUNTY TAX                              0322N                                                                                                                                                                                                                  </t>
  </si>
  <si>
    <t>RCRCC</t>
  </si>
  <si>
    <t xml:space="preserve">CALL CNTR PERFORMNCECERCRCC14106RCRCCOY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 xml:space="preserve">RCRCCCALL CNTR PERFORMNCENEELECTRIC            0001MISCELLANEOUS/OTHER                               0150RELIABLTY CR CALL CNTR PERFORMANCE                0263R                                                                                                                                                                                                                  </t>
  </si>
  <si>
    <t>RCRCO</t>
  </si>
  <si>
    <t xml:space="preserve">CATASTROP OUT&gt;120HRSCERCRCO14206RCRCOOY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 xml:space="preserve">RCRCOCATASTROP OUT&gt;120HRSNEELECTRIC            0001MISCELLANEOUS/OTHER                               0150RELIABLTY CR CATASTROPHIC OUTAGE &gt;120HRS          0262R                                                                                                                                                                                                                  </t>
  </si>
  <si>
    <t>RCRCP</t>
  </si>
  <si>
    <t xml:space="preserve">CIRCUIT PERFORMANCE CERCRCP14306RCRCPOY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 xml:space="preserve">RCRCPCIRCUIT PERFORMANCE NEELECTRIC            0001MISCELLANEOUS/OTHER                               0150RELIABLTY CR POOR CIRCUIT PERFORMANCE             0267R                                                                                                                                                                                                                  </t>
  </si>
  <si>
    <t>RCRNO</t>
  </si>
  <si>
    <t xml:space="preserve">NORM OUTAGE &gt;16HRS  CERCRNO14406RCRNOOY OUTAGE CREDIT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 xml:space="preserve">RCRNONORM OUTAGE &gt;16HRS  NEELECTRIC            0001MISCELLANEOUS/OTHER                               0150RELIABILTY CR NORMAL OUTAGE &gt;16HRS                0264R                                                                                                                                                                                                                  </t>
  </si>
  <si>
    <t>RCROS</t>
  </si>
  <si>
    <t xml:space="preserve">AMERICAN RED CROSS  CERCROS49010RCROSNY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 xml:space="preserve">RCROSAMERICAN RED CROSS  NEELECTRIC            0001ASSISTANCE PLANS                                  0100AMERICAN RED CROSS                                0380C                                                                                                                                                                                                                  </t>
  </si>
  <si>
    <t>RCRRO</t>
  </si>
  <si>
    <t xml:space="preserve">REPETITIVE OUTAGE   CERCRRO14506RCRROOY OUTAGE CREDIT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 xml:space="preserve">RCRROREPETITIVE OUTAGE   NEELECTRIC            0001MISCELLANEOUS/OTHER                               0150RELBLTY CR REPETITIVE OUTAGE &gt;7ON CIRCUIT IN 12MOS0265R                                                                                                                                                                                                                  </t>
  </si>
  <si>
    <t>RCRSC</t>
  </si>
  <si>
    <t xml:space="preserve">RLBTY CR NEW SRV CONCERCRSC14606RCRSCOY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 xml:space="preserve">RCRSCRLBTY CR NEW SRV CONNEELECTRIC            0001MISCELLANEOUS/OTHER                               0150RELIABILTY CR NEW SERVICE CONNECT                 0271R                                                                                                                                                                                                                  </t>
  </si>
  <si>
    <t>RCRSP</t>
  </si>
  <si>
    <t xml:space="preserve">SYSTEM PERFORMANCE  CERCRSP14706RCRSPOY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 xml:space="preserve">RCRSPSYSTEM PERFORMANCE  NEELECTRIC            0001MISCELLANEOUS/OTHER                               0150RELIABILTY CR POOR SYSTEM PERFORMANCE             0272R                                                                                                                                                                                                                  </t>
  </si>
  <si>
    <t>RCS</t>
  </si>
  <si>
    <t xml:space="preserve">AUDIT CHARGE        CE     00000      N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 xml:space="preserve">RCS  RCS AUDIT           NEELECTRIC            0001MISCELLANEOUS/OTHER                               0150RCS AUDIT                                         0310R                                                                                                                                                                                                                  </t>
  </si>
  <si>
    <t>RCTYT</t>
  </si>
  <si>
    <t xml:space="preserve">REINSTATE CITY TAX  CE     00000      Y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 xml:space="preserve">RCTYTREINSTATE CITY TAX  NEELECTRIC            0001MISCELLANEOUS/OTHER                               0150REINSTATE CITY TAX                                0324N                                                                                                                                                                                                                  </t>
  </si>
  <si>
    <t>RDLC</t>
  </si>
  <si>
    <t xml:space="preserve">RDLC DIRECT LOAD CREDITS NEELECTRIC            0001MISCELLANEOUS/OTHER                               0150DIRECT LOAD CREDITS                               0180R                                                                                                                                                                                                                  </t>
  </si>
  <si>
    <t xml:space="preserve">RECONNECT CHARGE    CERECON14006RECONOY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 xml:space="preserve">RECONRECONNECT CHARGE    NEELECTRIC            0001MISC SERVICE REVENUES                             0060RECONNECT CHARGE                                  0260R                                                                                                                                                                                                                  </t>
  </si>
  <si>
    <t xml:space="preserve">REFUND SETUP        CE     00000      N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>REFTO</t>
  </si>
  <si>
    <t xml:space="preserve">REFUND-TRANSFER-TO  CE     00000      N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 xml:space="preserve">     REFUND-TRANSFER-TO  NOOTHER               0088OTHER                                             0001OTHER                                             0001N                                                                                                                                                                                                                  </t>
  </si>
  <si>
    <t>REINS</t>
  </si>
  <si>
    <t xml:space="preserve">REINSTATE CHARGE OFFCEREINS53515REINSOY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 xml:space="preserve">REINSREINSTATE CHARGE-OFFNEELECTRIC            0001MISCELLANEOUS/OTHER                               0150REINSTATE CHARGE-OFF                              0320B                                                                                                                                                                                                                  </t>
  </si>
  <si>
    <t>REINX</t>
  </si>
  <si>
    <t>RENTL</t>
  </si>
  <si>
    <t xml:space="preserve">RENTLRENT FROM ELEC PROP NEELECTRIC            0001MISCELLANEOUS/OTHER                               0150RENT FROM ELECTRIC PROP                           0335R                                                                                                                                                                                                                  </t>
  </si>
  <si>
    <t>RESCR</t>
  </si>
  <si>
    <t xml:space="preserve">WV 1% RATE REDUCTIONRE     00000     NN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>RESID</t>
  </si>
  <si>
    <t xml:space="preserve">RE-SIDING CHARGE    CERESID16006RESIDOY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 xml:space="preserve">RESIDRE-SIDING CHARGE    NEELECTRIC            0001MISC SERVICE REVENUES                             0060RE-SIDING CHARGE                                  0270R                                                                                                                                                                                                                  </t>
  </si>
  <si>
    <t>RESP</t>
  </si>
  <si>
    <t xml:space="preserve">REINSTATE CHGOF-ESP CERESP 55015RESP NY REINSTATE CHARGE OFF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 xml:space="preserve">RESP REINSTATE CHGOF-ESP NEELECTRIC            0001MISCELLANEOUS/OTHER                               0150REINSTATE CHRGOF-ESP                              0330N                                                                                                                                                                                                                  </t>
  </si>
  <si>
    <t>RETCK</t>
  </si>
  <si>
    <t xml:space="preserve">RETURNED CHECK      CERETCK00414RETCKNN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 xml:space="preserve">RETCKRETURNED CHECK      NEELECTRIC            0001CASH                                              0140RETURNED CHECK                                    0030C                                                                                                                                                                                                                  </t>
  </si>
  <si>
    <t>RETSU</t>
  </si>
  <si>
    <t xml:space="preserve">RETURN CHECK SET-UP CE     00000      N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>REV</t>
  </si>
  <si>
    <t xml:space="preserve">REVENUE             REREV  00101NETRVBYR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 xml:space="preserve">NETRVNET REVENUE-1420XXX YEELECTRIC            0001REVENUES                                          0010REVENUE                                           0010R                                                                                                                                                                                                                  </t>
  </si>
  <si>
    <t>REVAC</t>
  </si>
  <si>
    <t xml:space="preserve">REVENUE-ASSOC CO    REREVAC00205REVACBYR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 xml:space="preserve">REVACREVENUE-ASSOC CO    YEELECTRIC            0001ASSOC CO REVENUES                                 0050REVENUE-ASSOC CO                                  0050B                                                                                                                                                                                                                  </t>
  </si>
  <si>
    <t>REVEC</t>
  </si>
  <si>
    <t xml:space="preserve">EMP DIS FORFEIT CNCLCEDPCAN00207NETFDOY EMPLOYEE DISCOUNT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>REVED</t>
  </si>
  <si>
    <t xml:space="preserve">REVENUE-EMP DISC    REREVED00201NETRVBYREMPLOYEE DISCOUNT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 xml:space="preserve">NETRVNET REVENUE-1420XXX YEELECTRIC            0001REVENUES                                          0010REVENUE-EMP DISC                                  0015R                                                                                                                                                                                                                  </t>
  </si>
  <si>
    <t>REVEF</t>
  </si>
  <si>
    <t xml:space="preserve">EMP DISC FORFEIT    CEDPCED00107NETFDOY EMP DISCOUNT CANCEL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>RFMC</t>
  </si>
  <si>
    <t xml:space="preserve">RADIO FREQUENCY MTR CE     00000      N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 xml:space="preserve">RFMC RADIO FREQUENCY MTR NEELECTRIC            0001MISC SERVICE REVENUES                             0060RADIO FREQUENCY METER CHARGES                     0169R                                                                                                                                                                                                                  </t>
  </si>
  <si>
    <t>RFRFT</t>
  </si>
  <si>
    <t xml:space="preserve">REINSTATE FRANCH FEECE     00000      Y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 xml:space="preserve">RFRFTREINSTATE FRANCHISE NEELECTRIC            0001MISCELLANEOUS/OTHER                               0150REINSTATE FRANCHISE                               0326N                                                                                                                                                                                                                  </t>
  </si>
  <si>
    <t>RFUSE</t>
  </si>
  <si>
    <t xml:space="preserve">PRICE OF FUSES PLUS CE     00000      N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 xml:space="preserve">RFUSERE-FUSING CIRCUITS  NEELECTRIC            0001MISC SERVICE REVENUES                             0060RE-FUSING CIRCUITS                                0275R                                                                                                                                                                                                                  </t>
  </si>
  <si>
    <t>RGIDR</t>
  </si>
  <si>
    <t xml:space="preserve">TRANS COST REC-IDR  RE     00000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>RGKW</t>
  </si>
  <si>
    <t xml:space="preserve">TRANS COST REC-GS&gt;10RE     00000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>RGKWH</t>
  </si>
  <si>
    <t xml:space="preserve">TRANS COST REC-GS&lt;10RE     00000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>RIFEE</t>
  </si>
  <si>
    <t xml:space="preserve">RETURNED INSTRUMENT CERIFEE15706RIFEEOY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 xml:space="preserve">RIFEERETURNED INSTRUMENT NEELECTRIC            0001MISC SERVICE REVENUES                             0060RETURNED INSTRUMENT                               0280R                                                                                                                                                                                                                  </t>
  </si>
  <si>
    <t>RINMD</t>
  </si>
  <si>
    <t xml:space="preserve">REPR/RPLC INTV&amp;MODEMCERINMD16206RINMDOY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 xml:space="preserve">RINMDREPR/RPLC INTV&amp;MODEMNEELECTRIC            0001MISC SERVICE REVENUES                             0060REPR/RPLC INTV&amp;MODEM                              0290R                                                                                                                                                                                                                  </t>
  </si>
  <si>
    <t>RINTB</t>
  </si>
  <si>
    <t xml:space="preserve">REPR/RPLC INTV BOARDCERINTB16406RINTBOY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 xml:space="preserve">RINTBREPR/RPLC INTV BOARDNEELECTRIC            0001MISC SERVICE REVENUES                             0060REPR/RPLC INTV BOARD                              0300R                                                                                                                                                                                                                  </t>
  </si>
  <si>
    <t>RLAMP</t>
  </si>
  <si>
    <t xml:space="preserve">RECONNECT LAMP      CERLAMP16506RLAMPOY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 xml:space="preserve">RLAMPSL RECONNECT CHARGE NEELECTRIC            0001MISC SERVICE REVENUES                             0060SL RECONNECT CHARGE                               0305R                                                                                                                                                                                                                  </t>
  </si>
  <si>
    <t>RLOCT</t>
  </si>
  <si>
    <t xml:space="preserve">REINSTATE LOCAL CONSCE     00000      Y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>RMODB</t>
  </si>
  <si>
    <t xml:space="preserve">REPR/RPLC MODEM BRD CERMODB16606RMODBOY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 xml:space="preserve">RMODBREPR/RPLC MODEM BRD NEELECTRIC            0001MISC SERVICE REVENUES                             0060REPR/RPLC MODEM BRD                               0310R                                                                                                                                                                                                                  </t>
  </si>
  <si>
    <t>RNPWR</t>
  </si>
  <si>
    <t xml:space="preserve">REINSTATE NO POWER  CERNPWR07015RNPWROY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 xml:space="preserve">RNPWRREINSTATE NO POWER  NEELECTRIC            0001MISCELLANEOUS/OTHER                               0150REINSTATE NO POWER                                0100R                                                                                                                                                                                                                  </t>
  </si>
  <si>
    <t>ROE25</t>
  </si>
  <si>
    <t xml:space="preserve">OEC 25%-RETRO ADJ   RE     00000      N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>ROE30</t>
  </si>
  <si>
    <t xml:space="preserve">OEC 30%-RETRO ADJ   RE     00000      N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>RPIDR</t>
  </si>
  <si>
    <t xml:space="preserve">TRANS COST REC-P/IDRRE     00000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>RPREC</t>
  </si>
  <si>
    <t xml:space="preserve">CONVERSION           E     00000     NN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>RPRI</t>
  </si>
  <si>
    <t xml:space="preserve">TRANS COST REC-PRI  RE     00000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>RRAPL</t>
  </si>
  <si>
    <t xml:space="preserve">REVENUE RFD-APPLIED CE     00000      N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>RRCHK</t>
  </si>
  <si>
    <t xml:space="preserve">REVENUE RFD-CHECK   CERRCHK00111RRCHKNN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 xml:space="preserve">RRCHKREVENUE RFD-CHECK   NEELECTRIC            0001REVENUE REFUND                                    0110REVENUE RFD-CHECK                                 0010N                                                                                                                                                                                                                  </t>
  </si>
  <si>
    <t>RRCR</t>
  </si>
  <si>
    <t xml:space="preserve">RATE REDUCTION CR   RE     00000      N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>RRCRD</t>
  </si>
  <si>
    <t xml:space="preserve">RATE REDUCTION CR-D RE     00000      N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>RRCRT</t>
  </si>
  <si>
    <t xml:space="preserve">RATE REDUCTION CR-T RE     00000      N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>RREIM</t>
  </si>
  <si>
    <t xml:space="preserve">REM READ INTRVL MTR CERREIM16706RREIMOY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 xml:space="preserve">RREIMREM READ INTRVL MTR NEELECTRIC            0001MISC SERVICE REVENUES                             0060REM READ INTRVL MTR                               0320R                                                                                                                                                                                                                  </t>
  </si>
  <si>
    <t>RREM</t>
  </si>
  <si>
    <t xml:space="preserve">RATE READY BILLING  CERREM 27516RREM NY SUPPLIER CHARGE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 xml:space="preserve">RREM RATE READY METERED  NEELECTRIC            0001NO BUY ESP                                        0160RATE READY METERED                                0030B                                                                                                                                                                                                                  </t>
  </si>
  <si>
    <t>RREN</t>
  </si>
  <si>
    <t xml:space="preserve">RATE READY NON-METERCERREN 27516RREN NY SUPPLIER CHARGE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 xml:space="preserve">RREN RATE READY NON-METERNEELECTRIC            0001NO BUY ESP                                        0160RATE READY NON-METER                              0030B                                                                                                                                                                                                                  </t>
  </si>
  <si>
    <t>RRES</t>
  </si>
  <si>
    <t xml:space="preserve">TRANS COST REC-RES  RE     00000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>RRGG</t>
  </si>
  <si>
    <t xml:space="preserve">RATE REDUCT-GS&gt;10KW RE     00000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>RRGL</t>
  </si>
  <si>
    <t xml:space="preserve">RATE REDUCT-GS&lt;10KW RE     00000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>RRINT</t>
  </si>
  <si>
    <t xml:space="preserve">REV REFUND-INTEREST CERRINT00211RRINTNN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 xml:space="preserve">RRINTREV REFUND-INTEREST NEELECTRIC            0001REVENUE REFUND                                    0110REV REFUND-INTEREST                               0020N                                                                                                                                                                                                                  </t>
  </si>
  <si>
    <t>RRNR</t>
  </si>
  <si>
    <t xml:space="preserve">RATE REDUCT-NONROAD RE     00000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>RRPS</t>
  </si>
  <si>
    <t xml:space="preserve">RATE REDUCT-PRIMARY RE     00000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>RRREV</t>
  </si>
  <si>
    <t xml:space="preserve">REVENUE RFD-REVENUE CERRREV00311RRREVNN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 xml:space="preserve">RRREVREVENUE RFD-REVENUE NEELECTRIC            0001REVENUE REFUND                                    0110REVENUE RFD-REVENUE                               0030R                                                                                                                                                                                                                  </t>
  </si>
  <si>
    <t>RRRS</t>
  </si>
  <si>
    <t xml:space="preserve">RATE REDUCT-RS SEC  RE     00000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>RRSL</t>
  </si>
  <si>
    <t xml:space="preserve">RATE REDUCT-ST LGHT RE     00000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>RRTS</t>
  </si>
  <si>
    <t xml:space="preserve">RATE REDUCT-TRANS   RE     00000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>RRTX1</t>
  </si>
  <si>
    <t xml:space="preserve">REVENUE REFUND-TAX 1CERRTX100411RRTX1NN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 xml:space="preserve">RRTX1REVENUE RFD-TAX 1   NEELECTRIC            0001REVENUE REFUND                                    0110REVENUE RFD-TAX 1                                 0040N                                                                                                                                                                                                                  </t>
  </si>
  <si>
    <t>RRTX2</t>
  </si>
  <si>
    <t xml:space="preserve">REVENUE REFUND-TAX 2CERRTX200511RRTX2NN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 xml:space="preserve">RRTX2REVENUE RFD-TAX 2   NEELECTRIC            0001REVENUE REFUND                                    0110REVENUE RFD-TAX 2                                 0050N                                                                                                                                                                                                                  </t>
  </si>
  <si>
    <t>RRTX3</t>
  </si>
  <si>
    <t xml:space="preserve">REVENUE REFUND-TAX 3CERRTX300611RRTX3NN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 xml:space="preserve">RRTX3REVENUE RFD-TAX 3   NEELECTRIC            0001REVENUE REFUND                                    0110REVENUE RFD-TAX 3                                 0060N                                                                                                                                                                                                                  </t>
  </si>
  <si>
    <t>RRUIN</t>
  </si>
  <si>
    <t xml:space="preserve">REV RFD-UNISSUED INTCERRUIN00711RRUINNN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 xml:space="preserve">RRUINREV RFD-UNISSUED INTNEELECTRIC            0001REVENUE REFUND                                    0110REV RFD-UNISSUED INT                              0070N                                                                                                                                                                                                                  </t>
  </si>
  <si>
    <t>RRURF</t>
  </si>
  <si>
    <t xml:space="preserve">REV RFD-UNISSD PRIN CERRURF00811RRURFNN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 xml:space="preserve">RRURFREV RFD-UNISSD PRIN NEELECTRIC            0001REVENUE REFUND                                    0110REV RFD-UNISSD PRIN                               0080N                                                                                                                                                                                                                  </t>
  </si>
  <si>
    <t>RRUT1</t>
  </si>
  <si>
    <t xml:space="preserve">REV RFD-UNISSUED TX1CERRUT100911RRUT1NN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 xml:space="preserve">RRUT1REV RFD-UNISSUED TX1NEELECTRIC            0001REVENUE REFUND                                    0110REV RFD-UNISSUED TX1                              0090N                                                                                                                                                                                                                  </t>
  </si>
  <si>
    <t>RRUT2</t>
  </si>
  <si>
    <t xml:space="preserve">REV RFD-UNISSUED TX2CERRUT201011RRUT2NN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 xml:space="preserve">RRUT2REV RFD-UNISSUED TX2NEELECTRIC            0001REVENUE REFUND                                    0110REV RFD-UNISSUED TX2                              0100N                                                                                                                                                                                                                  </t>
  </si>
  <si>
    <t>RRUT3</t>
  </si>
  <si>
    <t xml:space="preserve">REV RFD-UNISSUED TX3CERRUT301111RRUT3NN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 xml:space="preserve">RRUT3REV RFD-UNISSUED TX3NEELECTRIC            0001REVENUE REFUND                                    0110REV RFD-UNISSUED TX3                              0110N                                                                                                                                                                                                                  </t>
  </si>
  <si>
    <t>RSCHT</t>
  </si>
  <si>
    <t xml:space="preserve">REINSTATE SCHOOL TAXC      00000      Y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>RSICD</t>
  </si>
  <si>
    <t xml:space="preserve">RES SHOP INCEN CR-D RE     00000      N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>RSICR</t>
  </si>
  <si>
    <t xml:space="preserve">RES SHOP INCEN CR   RE     00000      N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>RSLST</t>
  </si>
  <si>
    <t xml:space="preserve">REINSTATE SALES TAX CE     00000      Y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>RSPRT</t>
  </si>
  <si>
    <t xml:space="preserve">REINSTATE SPEC REGULCE     00000      Y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>RSTCT</t>
  </si>
  <si>
    <t xml:space="preserve">REINSTATE STATE CONSCE     00000      Y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>RSTT</t>
  </si>
  <si>
    <t xml:space="preserve">REINSTATE STATE TAX CE     00000      Y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 xml:space="preserve">RSTT REINSTATE STATE TAX NEELECTRIC            0001MISCELLANEOUS/OTHER                               0150REINSTATE STATE TAX                               0328N                                                                                                                                                                                                                  </t>
  </si>
  <si>
    <t>RSURP</t>
  </si>
  <si>
    <t xml:space="preserve">REPR/RPLC SURG PTTR CERSURP16806RSURPOY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 xml:space="preserve">RSURPREPR/RPLC SURGE PTTRNEELECTRIC            0001MISC SERVICE REVENUES                             0060REPR/RPLC SURGE PTTR                              0330R                                                                                                                                                                                                                  </t>
  </si>
  <si>
    <t>RTESP</t>
  </si>
  <si>
    <t xml:space="preserve">ESP-REV. TRANSFER   CERTESP07513RTESPNY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 xml:space="preserve">RTESPA/R TRNSF TO ESP-REVNEELECTRIC            0001ELECTRIC TRANSFERS                                0130ESP-REVERSAL TRANSFER                             0080N                                                                                                                                                                                                                  </t>
  </si>
  <si>
    <t>RTRAN</t>
  </si>
  <si>
    <t xml:space="preserve">TRANS COST REC-TRANSRE     00000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>RTRIP</t>
  </si>
  <si>
    <t xml:space="preserve">RETURN TRIP FEE     CERTRIP01006RTRIPOY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 xml:space="preserve">RTRIPRETURN TRIP FEE     NEELECTRIC            0001MISC SERVICE REVENUES                             0060RETURN TRIP FEE                                   0025R                                                                                                                                                                                                                  </t>
  </si>
  <si>
    <t>RTRNF</t>
  </si>
  <si>
    <t xml:space="preserve">CHARGE-OFF REINSTATECE     00000      N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>RUSFR</t>
  </si>
  <si>
    <t xml:space="preserve">REINS USF RIDER     CE     00000      N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>RUTLT</t>
  </si>
  <si>
    <t xml:space="preserve">REINSTATE UTILITY TXCE     00000      Y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>SARMY</t>
  </si>
  <si>
    <t xml:space="preserve">SALVATION ARMY      CESARMY51010SARMYNY AGENCY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 xml:space="preserve">SARMYSALVATION ARMY      NEELECTRIC            0001ASSISTANCE PLANS                                  0100SALVATION ARMY ENERGY SHARE PRG                   0400C                                                                                                                                                                                                                  </t>
  </si>
  <si>
    <t>SBFD</t>
  </si>
  <si>
    <t xml:space="preserve">SYSTEM BENEFIT FEE-DRE     00000      N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 xml:space="preserve">                                               0000                                                  0000SYSTEM BENEFIT FUND (D)                           0000N                                                                                                                                                                                                                  </t>
  </si>
  <si>
    <t>SBFEE</t>
  </si>
  <si>
    <t xml:space="preserve">SYSTEM BENEFIT FEE  CESBFEE51510SBFEENY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 xml:space="preserve">SBFEESYSTEM BENEFIT FEE  NNELECTRIC            0001ASSISTANCE PLANS                                  0100SYSTEM BENEFIT FEE                                0410R                                                                                                                                                                                                                  </t>
  </si>
  <si>
    <t>SBFT</t>
  </si>
  <si>
    <t xml:space="preserve">SYSTEM BENEFIT FEE-TRE     00000      N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 xml:space="preserve">                                               0000                                                  0000SYSTEM BENEFIT FUND (T)                           0000N                                                                                                                                                                                                                  </t>
  </si>
  <si>
    <t>SBLSD</t>
  </si>
  <si>
    <t xml:space="preserve">SBFEE-LIGHTING SRV-DRE     00000      N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>SBLST</t>
  </si>
  <si>
    <t xml:space="preserve">SBFEE-LIGHTING SRV-TRE     00000      N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>SBPSD</t>
  </si>
  <si>
    <t xml:space="preserve">SBFEE-PRIMARY SERV-DRE     00000      N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>SBPST</t>
  </si>
  <si>
    <t xml:space="preserve">SBFEE-PRIMARY SERV-TRE     00000      N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>SBRSD</t>
  </si>
  <si>
    <t xml:space="preserve">SBFEE-RES SERV (D)  RE     00000      N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>SBRST</t>
  </si>
  <si>
    <t xml:space="preserve">SBFEE-RES SERV (T)  RE     00000      N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>SBSFE</t>
  </si>
  <si>
    <t xml:space="preserve">SPEC BILLING SERVICECESBSFE27006SBSFEOY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 xml:space="preserve">SBSFESPEC BILLING SERVICENEELECTRIC            0001MISC SERVICE REVENUES                             0060SPEC BILLING SERVICE                              0340R                                                                                                                                                                                                                  </t>
  </si>
  <si>
    <t>SBSGD</t>
  </si>
  <si>
    <t xml:space="preserve">SBFEE-SECONDARY&gt;10 DRE     00000      N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>SBSGT</t>
  </si>
  <si>
    <t xml:space="preserve">SBFEE-SECONDARY&gt;10 TRE     00000      N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>SBSLD</t>
  </si>
  <si>
    <t xml:space="preserve">SBFEE-SECONDARY&lt;10 DRE     00000      N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>SBSLT</t>
  </si>
  <si>
    <t xml:space="preserve">SBFEE-SECONDARY&lt;10 TRE     00000      N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>SBTSD</t>
  </si>
  <si>
    <t xml:space="preserve">SBFEE-TRANSMISSION-DRE     00000      N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>SBTST</t>
  </si>
  <si>
    <t xml:space="preserve">SBFEE-TRANSMISSION-TRE     00000      N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>SCNPD</t>
  </si>
  <si>
    <t xml:space="preserve">STATE CN TX NOT PAIDRESCNPD03008SCNPDNYT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 xml:space="preserve">SCNPDSTATE CN TX NOT PAIDNEELECTRIC            0001TAXES                                             0080STATE CN TX NOT PAID                              0220R                                                                                                                                                                                                                  </t>
  </si>
  <si>
    <t>SCTRF</t>
  </si>
  <si>
    <t xml:space="preserve">SERV COND TEMP REMVLCESCTRF16906SCTRFOY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 xml:space="preserve">SCTRFSERV COND TEMP REMVLNEELECTRIC            0001MISC SERVICE REVENUES                             0060SERV COND TEMP REMVL                              0350R                                                                                                                                                                                                                  </t>
  </si>
  <si>
    <t>SCUD</t>
  </si>
  <si>
    <t xml:space="preserve">STATE COL &amp; UNIV CR RE     00000      N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>SCUDD</t>
  </si>
  <si>
    <t xml:space="preserve">STATE COL &amp; UNV CR-DRE     00000      N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 xml:space="preserve">                                               0000                                                  0000STATE COLLEGE &amp; UNIV CREDIT (D)                   0000N                                                                                                                                                                                                                  </t>
  </si>
  <si>
    <t>SCUDT</t>
  </si>
  <si>
    <t xml:space="preserve">STATE COL &amp; UNV CR-TRE     00000      N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 xml:space="preserve">                                               0000                                                  0000STATE COLLEGE &amp; UNIV CREDIT (T)                   0000N                                                                                                                                                                                                                  </t>
  </si>
  <si>
    <t>SEAS</t>
  </si>
  <si>
    <t xml:space="preserve">SEASONAL USAGE CHRG CE     00000      N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 xml:space="preserve">SEAS SEASONAL USAGE CHRG NEELECTRIC            0001MISC SERVICE REVENUES                             0060SEASONAL USAGE CHARGE                             0355R                                                                                                                                                                                                                  </t>
  </si>
  <si>
    <t>SEDF</t>
  </si>
  <si>
    <t xml:space="preserve">SEDF COMUNITY ENHANCE FEEYEELECTRIC            0001REVENUES                                          0010COMMUNNITY ENHANCEMENT FEE                        0073R                                                                                                                                                                                                                  </t>
  </si>
  <si>
    <t>SELTR</t>
  </si>
  <si>
    <t xml:space="preserve">SECURITY LGHT REPAIRCESELTR17306SELTROY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 xml:space="preserve">SELTRSECURITY LGHT REPAIRNEELECTRIC            0001MISC SERVICE REVENUES                             0060SECURITY LIGHT REPAIR CHG                         0357R                                                                                                                                                                                                                  </t>
  </si>
  <si>
    <t>SER</t>
  </si>
  <si>
    <t xml:space="preserve">STATE EMERG RELIEF  CESER  52110SER  NY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 xml:space="preserve">SER  STATE EMERG RELIEF  NEELECTRIC            0001ASSISTANCE PLANS                                  0100STATE EMERG RELIEF                                0420C                                                                                                                                                                                                                  </t>
  </si>
  <si>
    <t>SMRFE</t>
  </si>
  <si>
    <t xml:space="preserve">SPECIAL MTRG REPORTSCESMRFE27506SMRFEOY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 xml:space="preserve">SMRFESPECIAL MTRG REPORTSNEELECTRIC            0001MISC SERVICE REVENUES                             0060SPECIAL MTRG REPORTS                              0360R                                                                                                                                                                                                                  </t>
  </si>
  <si>
    <t>SOLD</t>
  </si>
  <si>
    <t xml:space="preserve">SOLD RECEIVABLES    CESOLD 56015SOLD OY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 xml:space="preserve">SOLD SOLD RECEIVABLES    NEELECTRIC            0001MISCELLANEOUS/OTHER                               0150SOLD RECEIVABLES                                  0330N                                                                                                                                                                                                                  </t>
  </si>
  <si>
    <t>SPCJE</t>
  </si>
  <si>
    <t xml:space="preserve">SPECIAL JOURNAL ENTRCESPCJE57015SPCJENN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 xml:space="preserve">SPCJESPECIAL JOURNL ENTRYNEELECTRIC            0001MISCELLANEOUS/OTHER                               0150SPECIAL JOURNL ENTRY                              0340C                                                                                                                                                                                                                  </t>
  </si>
  <si>
    <t>SPSFE</t>
  </si>
  <si>
    <t xml:space="preserve">SPEC PROD/SERV FEE  CESPSFE28006SPSFEOY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 xml:space="preserve">SPSFESPEC PROD/SERV FEE  NEELECTRIC            0001MISC SERVICE REVENUES                             0060SPEC PROD/SERV FEE                                0370R                                                                                                                                                                                                                  </t>
  </si>
  <si>
    <t>SR1AL</t>
  </si>
  <si>
    <t xml:space="preserve">SR1ALSYSTM RSTRATION 1 ALNEELECTRIC            0001MISCELLANEOUS/OTHER                               0150SYSTEM RESTORATION 1 ALLOWANCE                    0453R                                                                                                                                                                                                                  </t>
  </si>
  <si>
    <t>SREIN</t>
  </si>
  <si>
    <t xml:space="preserve">SOLD RECV REINS     CESREIN56115SREINOY REINSTATE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 xml:space="preserve">SREINSOLD RECEV REINS    NEELECTRIC            0001MISCELLANEOUS/OTHER                               0150SOLD RECEIVABLES REINSTATE                        0331N                                                                                                                                                                                                                  </t>
  </si>
  <si>
    <t>SRFEE</t>
  </si>
  <si>
    <t xml:space="preserve">SPECIAL MTR READ FEECESRFEE29006SRFEEOY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 xml:space="preserve">SRFEESPECIAL MTR READ FEENEELECTRIC            0001MISC SERVICE REVENUES                             0060SPECIAL MTR READ FEE                              0380R                                                                                                                                                                                                                  </t>
  </si>
  <si>
    <t>SRNPD</t>
  </si>
  <si>
    <t xml:space="preserve">SPEC REG TX NOT PAIDRESRNPD03508SRNPDNYT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 xml:space="preserve">SRNPDSPEC REG TX NOT PAIDNEELECTRIC            0001TAXES                                             0080SPEC REG TX NOT PAID                              0230R                                                                                                                                                                                                                  </t>
  </si>
  <si>
    <t>STLRM</t>
  </si>
  <si>
    <t xml:space="preserve">STREET LIGHT REMOVALCESTLRM17406STLRMOY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 xml:space="preserve">STLRMSTREET LIGHT REMOVALNEELECTRIC            0001MISC SERVICE REVENUES                             0060STREET LIGHT REMOVAL CHG                          0388R                                                                                                                                                                                                                  </t>
  </si>
  <si>
    <t>SURGE</t>
  </si>
  <si>
    <t xml:space="preserve">SURGE WARDEN        CE     00000      N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 xml:space="preserve">SURGESURGE WARDEN        NEELECTRIC            0001MISC SERVICE REVENUES                             0060SURGE WARDEN                                      0385R                                                                                                                                                                                                                  </t>
  </si>
  <si>
    <t>SUTRR</t>
  </si>
  <si>
    <t xml:space="preserve">SALES/USE RDR RETAILCESUTRR56515SUTRROY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 xml:space="preserve">SUTRRSALES/USE RDR-RETAILNEELECTRIC            0001MISCELLANEOUS/OTHER                               0150SALES/USE TAX RIDER - RETAIL                      0332R                                                                                                                                                                                                                  </t>
  </si>
  <si>
    <t>SVCAN</t>
  </si>
  <si>
    <t xml:space="preserve">SERVICE CONN CANCEL CESVCAN30006SVCANOY CANCEL FEE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 xml:space="preserve">SVCANSERVICE CONN CANCEL NEELECTRIC            0001MISC SERVICE REVENUES                             0060SERVICE CONN CANCEL                               0390R                                                                                                                                                                                                                  </t>
  </si>
  <si>
    <t>SVCHG</t>
  </si>
  <si>
    <t xml:space="preserve">SERVICE CHARGE      CESVCHG31006SVCHGOY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 xml:space="preserve">SVCHGSERVICE CHARGE      NEELECTRIC            0001MISC SERVICE REVENUES                             0060SERVICE CHARGE                                    0400R                                                                                                                                                                                                                  </t>
  </si>
  <si>
    <t>SVCNO</t>
  </si>
  <si>
    <t xml:space="preserve">CONNECTION CHRG-OFFSCESVCNO27706SVCNOOY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 xml:space="preserve">SNCNOCONNECT CHRG-OFFSHFTNEELECTRIC            0001MISC SERVICE REVENUES                             0060CONNECT CHRG-OFFSHFT                              0405R                                                                                                                                                                                                                  </t>
  </si>
  <si>
    <t>SVCON</t>
  </si>
  <si>
    <t xml:space="preserve">SERVICE CONN CHARGE CESVCON33006SVCONOY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 xml:space="preserve">SVCONSERVICE CONN CHARGE NEELECTRIC            0001MISC SERVICE REVENUES                             0060SERVICE CONN CHARGE                               0410R                                                                                                                                                                                                                  </t>
  </si>
  <si>
    <t>SWCHG</t>
  </si>
  <si>
    <t xml:space="preserve">SUPPLIER SWITCH CHRGCESWCHG35006SWCHGOY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 xml:space="preserve">SWCHGSUPPLIER SWITCH CHRGNEELECTRIC            0001MISC SERVICE REVENUES                             0060SUPPLIER SWITCH CHRG                              0420R                                                                                                                                                                                                                  </t>
  </si>
  <si>
    <t>TADJC</t>
  </si>
  <si>
    <t xml:space="preserve">TRANS REVENUE-ADJ-CRRETADJC00403TNTRVBYRADJUSTMENT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 xml:space="preserve">TNTRVNET TRAN REV-1420XXXYEELECTRIC            0001TRANSMISSION REVENUES                             0030TRANS REVENUE-ADJ-CR                              0003R                                                                                                                                                                                                                  </t>
  </si>
  <si>
    <t>TADJD</t>
  </si>
  <si>
    <t xml:space="preserve">TRANS REVENUE-ADJ-DRRETADJD00303TNTRVBYRADJUSTMENT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 xml:space="preserve">TNTRVNET TRAN REV-1420XXXYEELECTRIC            0001TRANSMISSION REVENUES                             0030TRANS REVENUE-ADJ-DR                              0002R                                                                                                                                                                                                                  </t>
  </si>
  <si>
    <t>TBCFC</t>
  </si>
  <si>
    <t xml:space="preserve">TBC FACILITIES CHRG BETBCFC00000TBCFCOY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 xml:space="preserve">TBCFCTBC FACILITIES CHRG NEELECTRIC            0001MISCELLANEOUS/OTHER                               0150TBC FACILITIES CHRG                               0370R                                                                                                                                                                                                                  </t>
  </si>
  <si>
    <t>TC2AL</t>
  </si>
  <si>
    <t xml:space="preserve">TC2ALTRANSITION CHRG 2 ALNEELECTRIC            0001MISCELLANEOUS/OTHER                               0150TRANSITION CHRG 2 ALLOWANCE                       0346R                                                                                                                                                                                                                  </t>
  </si>
  <si>
    <t>TC3AL</t>
  </si>
  <si>
    <t xml:space="preserve">TC3ALTRANSITION CHRG 3 ALNEELECTRIC            0001MISCELLANEOUS/OTHER                               0150TRANSITION CHRG 3 ALLOWANCE                       0346R                                                                                                                                                                                                                  </t>
  </si>
  <si>
    <t>TCALN</t>
  </si>
  <si>
    <t xml:space="preserve">TRANSITION CHRG ALNCCETCALN00000TCALNNY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 xml:space="preserve">TCALNTRANSITION CHRG ALNCNEELECTRIC            0001MISCELLANEOUS/OTHER                               0150TRANSITION CHRG ALLOWANCE                         0345R                                                                                                                                                                                                                  </t>
  </si>
  <si>
    <t>TCARC</t>
  </si>
  <si>
    <t xml:space="preserve">TRANS REVENUE-CAR-CRRETCARC00603TNTRVBYRADJUSTMENT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 xml:space="preserve">TNTRVNET TRAN REV-1420XXXYEELECTRIC            0001TRANSMISSION REVENUES                             0030TRANS REVENUE-CAR-CR                              0005R                                                                                                                                                                                                                  </t>
  </si>
  <si>
    <t>TCARD</t>
  </si>
  <si>
    <t xml:space="preserve">TRANS REVENUE-CAR-DRRETCARD00503TNTRVBYRADJUSTMENT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 xml:space="preserve">TNTRVNET TRAN REV-1420XXXYEELECTRIC            0001TRANSMISSION REVENUES                             0030TRANS REVENUE-CAR-DR                              0004R                                                                                                                                                                                                                  </t>
  </si>
  <si>
    <t>TCCR</t>
  </si>
  <si>
    <t xml:space="preserve">TRANSITION CHARGE CRCETCCR 00000TCCR NY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 xml:space="preserve">TCCR TRANSITION CHRG CR  YEELECTRIC            0001MISCELLANEOUS/OTHER                               0150TRANSITION CHRG CR                                0345R                                                                                                                                                                                                                  </t>
  </si>
  <si>
    <t>TCRF</t>
  </si>
  <si>
    <t xml:space="preserve">TRANS COST RECOVRY-TRE     00000      N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 xml:space="preserve">                                               0000                                                  0000TRANSMISSION COST RECOVRY                         0000N                                                                                                                                                                                                                  </t>
  </si>
  <si>
    <t>TDISC</t>
  </si>
  <si>
    <t xml:space="preserve">TEMPORARY DISCONNECTCETDISC38006TDISCOY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 xml:space="preserve">TDISCTEMPORARY DISCONNECTNEELECTRIC            0001MISC SERVICE REVENUES                             0060TEMPORARY DISCONNECT FEE                          0420R                                                                                                                                                                                                                  </t>
  </si>
  <si>
    <t xml:space="preserve">TEMPORARY SERVICE   CETEMP 39006TEMP OY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 xml:space="preserve">TEMP TEMPORARY SERVICE   NEELECTRIC            0001MISC SERVICE REVENUES                             0060TEMPORARY SERVICE                                 0430R                                                                                                                                                                                                                  </t>
  </si>
  <si>
    <t>TFESP</t>
  </si>
  <si>
    <t xml:space="preserve">A/R TRANSFER FR-ESP CETFESP08013TFESPNY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 xml:space="preserve">TFESPA/R TRANSFER FR-ESP NEELECTRIC            0001ELECTRIC TRANSFERS                                0130A/R TRANSFER FR-ESP                               0100N                                                                                                                                                                                                                  </t>
  </si>
  <si>
    <t>THAW</t>
  </si>
  <si>
    <t xml:space="preserve">KPCO HEAP ASSISTANCERETHAW 07910THAW NY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 xml:space="preserve">THAW THAW ASSISTANCE     NEELECTRIC            0001ASSISTANCE PLANS                                  0100THAW ASSISTANCE                                   0210C                                                                                                                                                                                                                  </t>
  </si>
  <si>
    <t>TMANC</t>
  </si>
  <si>
    <t xml:space="preserve">TRANS REV-MAN ADJ-CRRETMANC00803TNTRVBYRADJUSTMENT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 xml:space="preserve">TNTRVNET TRAN REV-1420XXXYEELECTRIC            0001TRANSMISSION REVENUES                             0030TRANS REVENUE-MAN ADJ-CR                          0007R                                                                                                                                                                                                                  </t>
  </si>
  <si>
    <t>TMAND</t>
  </si>
  <si>
    <t xml:space="preserve">TRANS REV-MAN ADJ-DRRETMAND00703TNTRVBYRADJUSTMENT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 xml:space="preserve">TNTRVNET TRAN REV-1420XXXYEELECTRIC            0001TRANSMISSION REVENUES                             0030TRANS REVENUE-MAN ADJ-DR                          0006R                                                                                                                                                                                                                  </t>
  </si>
  <si>
    <t>TNTRV</t>
  </si>
  <si>
    <t xml:space="preserve">NET TRAN REV-1420XXX E     00000     NN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>TPPAR</t>
  </si>
  <si>
    <t xml:space="preserve">TEMP PURCH PWR ADJ  RETPPAR60015TPPARBY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>TRCFT</t>
  </si>
  <si>
    <t>TREV</t>
  </si>
  <si>
    <t xml:space="preserve">TRANSMISSION REVENUERETREV 00103TNTRVBYR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 xml:space="preserve">TNTRVNET TRAN REV-1420XXXYEELECTRIC            0001TRANSMISSION REVENUES                             0030TRANSMISSION REVENUE                              0001R                                                                                                                                                                                                                  </t>
  </si>
  <si>
    <t xml:space="preserve">A/R TRANSFER-FROM   CETRFFR09013TRNSFNN TRANSFER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 xml:space="preserve">TRFFRA/R TRANSFER-FROM   NEELECTRIC            0001ELECTRIC TRANSFERS                                0130A/R TRANSFER-FROM                                 0110C                                                                                                                                                                                                                  </t>
  </si>
  <si>
    <t xml:space="preserve">A/R TRANSFER-TO     CETRFTO10013TRNSFNN TRANSFER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 xml:space="preserve">TRFTOA/R TRANSFER-TO     NEELECTRIC            0001ELECTRIC TRANSFERS                                0130A/R TRANSFER-TO                                   0120C                                                                                                                                                                                                                  </t>
  </si>
  <si>
    <t>TRIP</t>
  </si>
  <si>
    <t xml:space="preserve">DISCONNECT TRIP CHG CETRIP 42006TRIP OY TRIP COLLECTION CHG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 xml:space="preserve">TRIP DISCONNECT TRIP CHG NEELECTRIC            0001MISC SERVICE REVENUES                             0060DISCONNECT TRIP CHG                               0440R                                                                                                                                                                                                                  </t>
  </si>
  <si>
    <t>TRNSF</t>
  </si>
  <si>
    <t xml:space="preserve">TRANSFER            CE     00000      N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>TRNSI</t>
  </si>
  <si>
    <t xml:space="preserve">UNISSUED RFD-INT    CERRINT00211RRINTNN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 xml:space="preserve">RRINTREV REFUND-INTEREST NEELECTRIC            0001REVENUE REFUND                                    0110REV REFUND-INTEREST                               0020C                                                                                                                                                                                                                  </t>
  </si>
  <si>
    <t>TRNSP</t>
  </si>
  <si>
    <t xml:space="preserve">UNISSUED RFD-REV    CERRREV00311RRREVNN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 xml:space="preserve">RRREVREVENUE RFD-REVENUE NEELECTRIC            0001REVENUE REFUND                                    0110REVENUE RFD-REVENUE                               0030C                                                                                                                                                                                                                  </t>
  </si>
  <si>
    <t>TRNST</t>
  </si>
  <si>
    <t xml:space="preserve">UNISSUED RFD-TAX    CERRTX100411RRTX1NN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 xml:space="preserve">RRTX1REVENUE RFD-TAX 1   NEELECTRIC            0001REVENUE REFUND                                    0110REVENUE RFD-TAX 1                                 0040C                                                                                                                                                                                                                  </t>
  </si>
  <si>
    <t>TRUST</t>
  </si>
  <si>
    <t xml:space="preserve">TRUSTEE             CETRUST62210TRUSTNY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 xml:space="preserve">TRUSTTRUSTEE             NEELECTRIC            0001ASSISTANCE PLANS                                  0100TRUSTEE                                           0440C                                                                                                                                                                                                                  </t>
  </si>
  <si>
    <t>TRVAC</t>
  </si>
  <si>
    <t xml:space="preserve">TRAN REVN-ASSOC CO  RETRVAC00405TRVACBYR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 xml:space="preserve">TRVACTRAN REVN-ASSOC CO  YEELECTRIC            0001ASSOC CO REVENUES                                 0050TRAN REVN-ASSOC CO                                0030B                                                                                                                                                                                                                  </t>
  </si>
  <si>
    <t>TTESP</t>
  </si>
  <si>
    <t xml:space="preserve">A/R TRANSFER TO-ESP CETTESP08513TTESPNY TRANSFER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 xml:space="preserve">TTESPA/R TRANSFER TO-ESP NEELECTRIC            0001ELECTRIC TRANSFERS                                0130A/R TRANSFER TO-ESP                               0090R                                                                                                                                                                                                                  </t>
  </si>
  <si>
    <t>TXADL</t>
  </si>
  <si>
    <t xml:space="preserve">TXADLTAX-ADDITIONAL CITY NEELECTRIC            0001TAXES                                             0080TAX-ADDITIONAL CITY                               0005R                                                                                                                                                                                                                  </t>
  </si>
  <si>
    <t>TXALT</t>
  </si>
  <si>
    <t xml:space="preserve">TXALTTAX-ALTERNATIVE ST  NEELECTRIC            0001TAXES                                             0080TAX-ALTERNATIVE STATE                             0015R                                                                                                                                                                                                                  </t>
  </si>
  <si>
    <t>TXCL1</t>
  </si>
  <si>
    <t xml:space="preserve">TXLOCTX-LOCAL CONSUMPTIONNEELECTRIC            0001TAXES                                             0080TAX-LOCAL CONSUMPTION                             0060R                                                                                                                                                                                                                  </t>
  </si>
  <si>
    <t>TXCL2</t>
  </si>
  <si>
    <t>TXCL3</t>
  </si>
  <si>
    <t>TXCNS</t>
  </si>
  <si>
    <t xml:space="preserve">TAX-LOCAL CONSUMERS RETXCNS00408TXCNSBYTTAX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 xml:space="preserve">TXCNSTAX-LOCAL CONSUMERS NEELECTRIC            0001TAXES                                             0080TAX-LOCAL CONSUMERS                               0010R                                                                                                                                                                                                                  </t>
  </si>
  <si>
    <t>TXCNT</t>
  </si>
  <si>
    <t xml:space="preserve">TAX-COUNTY          RETXCNT90108TXCNTBYTTAX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 xml:space="preserve">TXCNTTAX-COUNTY          NEELECTRIC            0001TAXES                                             0080TAX-COUNTY                                        0020R                                                                                                                                                                                                                  </t>
  </si>
  <si>
    <t>TXCTY</t>
  </si>
  <si>
    <t xml:space="preserve">TAX-CITY            RETXCTY90208TXCTYBYTTAX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 xml:space="preserve">TXCTYTAX-CITY            NEELECTRIC            0001TAXES                                             0080TAX-CITY                                          0030R                                                                                                                                                                                                                  </t>
  </si>
  <si>
    <t>TXECS</t>
  </si>
  <si>
    <t xml:space="preserve">TXECS               RETXECS05008TXECSBN TAX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>TXEX</t>
  </si>
  <si>
    <t xml:space="preserve">TX-OHIO EXCISE       E     00000     NN TAX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>TXEX1</t>
  </si>
  <si>
    <t xml:space="preserve">TX-EXCISE TIER 1    RETXEXC02008TXEXCBYTTAX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>TXEX2</t>
  </si>
  <si>
    <t xml:space="preserve">TX-EXCISE TIER 2    RETXEXC02008TXEXCBYTTAX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>TXEX3</t>
  </si>
  <si>
    <t xml:space="preserve">TX-EXCISE TIER 3    RETXEXC02008TXEXCBYTTAX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>TXEXC</t>
  </si>
  <si>
    <t xml:space="preserve">TX-EXCISE            E     00000     NN TAX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 xml:space="preserve">                                               0000                                                  0000TX-EXCISE                                         0000N                                                                                                                                                                                                                  </t>
  </si>
  <si>
    <t>TXFR</t>
  </si>
  <si>
    <t xml:space="preserve">TAX-FRANCHISE       RETXFR 90308TXFR BYTTAX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 xml:space="preserve">TXFR TAX-FRANCHISE       NEELECTRIC            0001TAXES                                             0080TAX-FRANCHISE                                     0050R                                                                                                                                                                                                                  </t>
  </si>
  <si>
    <t>TXFR1</t>
  </si>
  <si>
    <t xml:space="preserve">NETRVNET REVNEUE-1420XXX NEELECTRIC            0001REVENUES                                          0010REVENUE                                           0050R                                                                                                                                                                                                                  </t>
  </si>
  <si>
    <t>TXJA</t>
  </si>
  <si>
    <t xml:space="preserve">TXJA TAX-JAIL            NEELECTRIC            0001TAXES                                             0080TAX-JAIL                                          0035R                                                                                                                                                                                                                  </t>
  </si>
  <si>
    <t>TXKYF</t>
  </si>
  <si>
    <t xml:space="preserve">TAX-KY FRANCHISE FEERETXKYF00108TXKYFBY TAX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 xml:space="preserve">TXKYFTAX-KY FRANCHISE FEENEELECTRIC            0001TAXES                                             0080TAX-KY FRANCHISE FEE                              0070R                                                                                                                                                                                                                  </t>
  </si>
  <si>
    <t>TXLC</t>
  </si>
  <si>
    <t xml:space="preserve">TX-LOCAL CONSUMPTION E     00000     NN TAX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>TXLC1</t>
  </si>
  <si>
    <t xml:space="preserve">TX-LOCAL CONS TIER 1RETXLOC00508TXLOCBYTTAX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>TXLC2</t>
  </si>
  <si>
    <t xml:space="preserve">TX-LOCAL CONS TIER 2RETXLOC00508TXLOCBYTTAX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>TXLC3</t>
  </si>
  <si>
    <t xml:space="preserve">TX-LOCAL CONS TIER 3RETXLOC00508TXLOCBYTTAX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>TXLOC</t>
  </si>
  <si>
    <t xml:space="preserve">TXLOCTX-LOCAL CONSUMPTIONNEELECTRIC            0001TAXES                                             0080TAX-LOCAL CONSUMPTION                             0010R                                                                                                                                                                                                                  </t>
  </si>
  <si>
    <t>TXMNT</t>
  </si>
  <si>
    <t xml:space="preserve">TXMNTTAX-MAINTENANCE     NEELECTRIC            0001TAXES                                             0080TAX-MAINTENANCE                                   0045R                                                                                                                                                                                                                  </t>
  </si>
  <si>
    <t>TXRF</t>
  </si>
  <si>
    <t xml:space="preserve">TXRF TAX-FRANCHISE       NEELECTRIC            0001TAXES                                             0080TAX-FRANCHISE                                     0050R                                                                                                                                                                                                                  </t>
  </si>
  <si>
    <t>TXRNT</t>
  </si>
  <si>
    <t xml:space="preserve">TXRNTTAX-RENTAL INCOME   NEELECTRIC            0001TAXES                                             0080TAX-RENTAL INCOME                                 0054R                                                                                                                                                                                                                  </t>
  </si>
  <si>
    <t>TXSAL</t>
  </si>
  <si>
    <t xml:space="preserve">TAX-SALES           RETXSAL00208TXSALBY TAX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 xml:space="preserve">TXSALTAX-SALES           NEELECTRIC            0001TAXES                                             0080TAX-SALES                                         0070R                                                                                                                                                                                                                  </t>
  </si>
  <si>
    <t>TXSC</t>
  </si>
  <si>
    <t xml:space="preserve">TX-STATE CONSUMPTION E     00000     NN TAX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>TXSC1</t>
  </si>
  <si>
    <t xml:space="preserve">TX-STATE CONS TIER 1RETXSTC01008TXSTCBYTTAX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 xml:space="preserve">TXSTCTX-STATE CONSUMPTIONNEELECTRIC            0001TAXES                                             0080TX-STATE CONSUMPTION                              0110R                                                                                                                                                                                                                  </t>
  </si>
  <si>
    <t>TXSC2</t>
  </si>
  <si>
    <t xml:space="preserve">TX-STATE CONS TIER 2RETXSTC01008TXSTCBYTTAX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>TXSC3</t>
  </si>
  <si>
    <t xml:space="preserve">TX-STATE CONS TIER 3RETXSTC01008TXSTCBYTTAX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>TXSCH</t>
  </si>
  <si>
    <t xml:space="preserve">TAX-SCHOOL          RETXSCH00308TXSCHBY TAX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 xml:space="preserve">TXSCHTAX-SCHOOL          NEELECTRIC            0001TAXES                                             0080TAX-SCHOOL                                        0080R                                                                                                                                                                                                                  </t>
  </si>
  <si>
    <t>TXSCR</t>
  </si>
  <si>
    <t xml:space="preserve">TX-SALES TAX CREDIT CETXSCR02510TXSCRNY TAX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 xml:space="preserve">TXSCRTAX-SALES CREDIT    NEELECTRIC            0001TAXES                                             0080TAX-SALES CREDIT                                  0085R                                                                                                                                                                                                                  </t>
  </si>
  <si>
    <t>TXSP</t>
  </si>
  <si>
    <t xml:space="preserve">TXSP TAX-SPECIAL PURPOSE NEELECTRIC            0001TAXES                                             0080TAX-SPECIAL PURPOSE                               0075R                                                                                                                                                                                                                  </t>
  </si>
  <si>
    <t>TXSPC</t>
  </si>
  <si>
    <t xml:space="preserve">TXSPCTAX-SPECIAL         NEELECTRIC            0001TAXES                                             0080TAX-SPECIAL                                       0055R                                                                                                                                                                                                                  </t>
  </si>
  <si>
    <t>TXSPR</t>
  </si>
  <si>
    <t xml:space="preserve">TX-SPEC REGULATORY   E     00000     NN TAX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 xml:space="preserve">TXSPRTX-SPEC REGULATORY  NEELECTRIC            0001TAXES                                             0080TX-SPEC REGULATORY                                0090R                                                                                                                                                                                                                  </t>
  </si>
  <si>
    <t>TXSR</t>
  </si>
  <si>
    <t>TXSR1</t>
  </si>
  <si>
    <t xml:space="preserve">TX-SPECIAL REG TIER1RETXSPR01508TXSPRBYTTAX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>TXSR2</t>
  </si>
  <si>
    <t xml:space="preserve">TX-SPECIAL REG TIER2RETXSPR01508TXSPRBYTTAX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>TXSR3</t>
  </si>
  <si>
    <t xml:space="preserve">TX-SPECIAL REG TIER3RETXSPR01508TXSPRBYTTAX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>TXST</t>
  </si>
  <si>
    <t xml:space="preserve">TAX-STATE           RETXST 90408TXST BYTTAX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 xml:space="preserve">TXST TAX-STATE           NEELECTRIC            0001TAXES                                             0080TAX-STATE                                         0100R                                                                                                                                                                                                                  </t>
  </si>
  <si>
    <t>TXSTC</t>
  </si>
  <si>
    <t>TXUTL</t>
  </si>
  <si>
    <t xml:space="preserve">TAX-UTILITY         RETXUTL02408TXUTLBYTTAX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 xml:space="preserve">TXUTLTAX-UTILITY         NEELECTRIC            0001TAXES                                             0080TAX-UTILITY                                       0120R                                                                                                                                                                                                                  </t>
  </si>
  <si>
    <t>UFLF</t>
  </si>
  <si>
    <t xml:space="preserve">UG FACILITY LOCATIONCEUFLF 60006UFLF OY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 xml:space="preserve">UFLF UG FACILITY LOCATIONNEELECTRIC            0001MISC SERVICE REVENUES                             0060UG FACILITY LOCATION                              0450R                                                                                                                                                                                                                  </t>
  </si>
  <si>
    <t>USF1</t>
  </si>
  <si>
    <t xml:space="preserve">USF RIDER STEP 1    RE     00000      N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>USF1D</t>
  </si>
  <si>
    <t xml:space="preserve">USF RIDER STEP 1 (D)RE     00000      N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>USF2</t>
  </si>
  <si>
    <t xml:space="preserve">USF RIDER STEP 2    RE     00000      N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>USF2D</t>
  </si>
  <si>
    <t xml:space="preserve">USF RIDER STEP 2 (D)RE     00000      N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>USFCO</t>
  </si>
  <si>
    <t xml:space="preserve">USF CHARGE-OFF      CEUSFCO70015USFCONY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 xml:space="preserve">USFCOUSF CHARGE-OFF      NEELECTRIC            0001MISCELLANEOUS/OTHER                               0150USF CHARGE-OFF                                    0350B                                                                                                                                                                                                                  </t>
  </si>
  <si>
    <t>USFR</t>
  </si>
  <si>
    <t xml:space="preserve">USF RIDER           RE     00000      N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>USFRD</t>
  </si>
  <si>
    <t xml:space="preserve">USF RIDER-D         RE     00000      N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>USFRE</t>
  </si>
  <si>
    <t xml:space="preserve">USF REINSTATE CHGOF CEUSFRE70515USFRENY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 xml:space="preserve">USFREUSF REINSTATE CHGOF NEELECTRIC            0001MISCELLANEOUS/OTHER                               0150USF REINSTATE CHGOF                               0360B                                                                                                                                                                                                                  </t>
  </si>
  <si>
    <t>UTNPD</t>
  </si>
  <si>
    <t xml:space="preserve">UTILITY TAX NOT PAIDREUTNPD04008UTNPDNYTTAX UNPAID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 xml:space="preserve">UTNPDUTILITY TAX NOT PAIDNEELECTRIC            0001TAXES                                             0080UTILITY TAX NOT PAID                              0240R                                                                                                                                                                                                                  </t>
  </si>
  <si>
    <t>VAFCR</t>
  </si>
  <si>
    <t xml:space="preserve">VA FUEL FACTOR CR   REVAFCR00702GNTRVBYR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>VEDF</t>
  </si>
  <si>
    <t xml:space="preserve">VEDF VINITA ECON DEV     YEELECTRIC            0001REVENUES                                          0010VINITA ECON DEVELOP FEE                           0076R                                                                                                                                                                                                                  </t>
  </si>
  <si>
    <t>VFFCO</t>
  </si>
  <si>
    <t xml:space="preserve">VA FUEL CR-OCT      CEVFFCO00702GNTRVBYR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 xml:space="preserve">GNTRVNET GENR REV-1420XXXYEELECTRIC            0001GENERATION REVENUES                               0020VA OCTOBER FUEL FACTOR CREDIT                     0010R                                                                                                                                                                                                                  </t>
  </si>
  <si>
    <t>VFFCS</t>
  </si>
  <si>
    <t xml:space="preserve">VA FUEL CR-SEPT     CEVFFCS00702GNTRVBYR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 xml:space="preserve">GNTRVNET GENR REV-1420XXXYEELECTRIC            0001GENERATION REVENUES                               0020VA SEPTEMBER FUEL FACTOR CREDIT                   0011R                                                                                                                                                                                                                  </t>
  </si>
  <si>
    <t>VRFND</t>
  </si>
  <si>
    <t xml:space="preserve">VOID REFUND-FOREIGN CEVRFND00412VRFNDNN REFUND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 xml:space="preserve">VRFNDVOID REFUND-FOREIGN NEELECTRIC            0001PETTY CASH REFUNDS                                0120VOID REFUND-FOREIGN                               0050C                                                                                                                                                                                                                  </t>
  </si>
  <si>
    <t>VTRFR</t>
  </si>
  <si>
    <t xml:space="preserve">VENDOR TRANSFER-FROMCEVTRFR10113TRNSFNN TRANSFER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 xml:space="preserve">VTRFRVENDOR TRANSFER-FROMNEELECTRIC            0001ELECTRIC TRANSFERS                                0130VENDOR TRANSFER-FROM                              0125C                                                                                                                                                                                                                  </t>
  </si>
  <si>
    <t>VTRTO</t>
  </si>
  <si>
    <t xml:space="preserve">VENDOR TRANSFER-TO  CEVTRTO10013TRNSFNN TRANSFER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 xml:space="preserve">VTRTOVENDOR TRANSFER-TO  NEELECTRIC            0001ELECTRIC TRANSFERS                                0130VENDOR TRANSFER-TO                                0130C                                                                                                                                                                                                                  </t>
  </si>
  <si>
    <t>VWARR</t>
  </si>
  <si>
    <t xml:space="preserve">VENDOR WARRANTS     CEVWARR72310VWARRNY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 xml:space="preserve">VWARRVENDOR WARRANTS     NEELECTRIC            0001ASSISTANCE PLANS                                  0100VENDOR WARRANTS                                   0460C                                                                                                                                                                                                                  </t>
  </si>
  <si>
    <t>WCARE</t>
  </si>
  <si>
    <t xml:space="preserve">WINTERCARE          CEWCARE82410WCARENY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 xml:space="preserve">WCAREWINTERCARE          NEELECTRIC            0001ASSISTANCE PLANS                                  0100WINTERCARE                                        0480C                                                                                                                                                                                                                  </t>
  </si>
  <si>
    <t>WEDF</t>
  </si>
  <si>
    <t xml:space="preserve">WEATHERFORD ECON DEVREWEDF 02201WEDF BY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 xml:space="preserve">WEDF WEATHERFORD ECON DEVYEELECTRIC            0001REVENUES                                          0010WEATHERFORD ECON DEVELOP FEE                      0080R                                                                                                                                                                                                                  </t>
  </si>
  <si>
    <t>WV20%</t>
  </si>
  <si>
    <t xml:space="preserve">WVA 20% DISCOUNT    REWV20%92510WV20%BY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 xml:space="preserve">WV20%WV 20% DISCOUNT     NEELECTRIC            0001ASSISTANCE PLANS                                  0100WV 20% DISCOUNT                                   0500C                                                                                                                                                                                                                  </t>
  </si>
  <si>
    <t>WVREF</t>
  </si>
  <si>
    <t xml:space="preserve">WV RATE REFUND      CE     00000      N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 xml:space="preserve">NETRVNET REVENUE-1420XXX YEELECTRIC            0001REVENUES                                          0010REVENUE-WVREF                                     0030R                                                                                                                                                                                                                  </t>
  </si>
  <si>
    <t>WVUAP</t>
  </si>
  <si>
    <t xml:space="preserve">WV UTILITY ASST PGRMCEWVUAP21310WVUAPNY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 xml:space="preserve">WVUAPWV UTILITY ASSIST   NEELECTRIC            0001ASSISTANCE PLANS                                  0100WV UTILITY ASSISTANCE                             0490C                                                                                                                                                                                                                  </t>
  </si>
  <si>
    <t>XCNL</t>
  </si>
  <si>
    <t xml:space="preserve">EXCESS CR REF CANCELCE     00000     NN REFUND CANCEL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>XCRFR</t>
  </si>
  <si>
    <t xml:space="preserve">EXCESS CR TRANSFR FRCE     00000      N TRANSFER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>XCRTO</t>
  </si>
  <si>
    <t xml:space="preserve">EXCESS CR TRANSFR TOCE     00000      N TRANSFER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 xml:space="preserve">EXCESS DEBIT SET-UP CE     00000      N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>XREF</t>
  </si>
  <si>
    <t xml:space="preserve">EXCESS CREDIT REFUNDCEXREF 00912XREF NN REFUND CANCEL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 xml:space="preserve">XREF EXCESS CREDIT REFUNDNEELECTRIC            0001PETTY CASH REFUNDS                                0120EXCESS CREDIT REFUND                              0070C                                                                                                                                                                                                                  </t>
  </si>
  <si>
    <t>202407</t>
  </si>
  <si>
    <t>202408</t>
  </si>
  <si>
    <t>202409</t>
  </si>
  <si>
    <t>202410</t>
  </si>
  <si>
    <t>202411</t>
  </si>
  <si>
    <t>202412</t>
  </si>
  <si>
    <t>actual cost</t>
  </si>
  <si>
    <t>2024 Miscellaneous Charges</t>
  </si>
  <si>
    <t>COLLECTION/DISCONNECTION TRIP CHARGES</t>
  </si>
  <si>
    <t>Regular Hours ($4.70)</t>
  </si>
  <si>
    <t>OT (No Call Out Required) ($30)</t>
  </si>
  <si>
    <t>Call Out Required ($95)</t>
  </si>
  <si>
    <t>Sunday/Holiday ($124)</t>
  </si>
  <si>
    <t>ONPRM ($4.70)</t>
  </si>
  <si>
    <t>Field Revenue Specialist</t>
  </si>
  <si>
    <t>Reconnect
Regular Hours</t>
  </si>
  <si>
    <t>Hourly Rate</t>
  </si>
  <si>
    <t>Overtime</t>
  </si>
  <si>
    <t>Rate Used</t>
  </si>
  <si>
    <t>GL Unit</t>
  </si>
  <si>
    <t>Eff Date</t>
  </si>
  <si>
    <t>Act Fringe Rate</t>
  </si>
  <si>
    <t>BILL_ACCT_NB</t>
  </si>
  <si>
    <t>DEBT_AT</t>
  </si>
  <si>
    <t>Total Monthly Reconnection Trips</t>
  </si>
  <si>
    <t>MTEST ($48)</t>
  </si>
  <si>
    <t>METER TEST CHARGES</t>
  </si>
  <si>
    <t>Reconnection</t>
  </si>
  <si>
    <t>Act CIP fringe</t>
  </si>
  <si>
    <t>DEBT_TS</t>
  </si>
  <si>
    <t>DIR_TYPE_CD</t>
  </si>
  <si>
    <t>PROD_ORDR_NB</t>
  </si>
  <si>
    <t>PYMN_CSHR_CD_1</t>
  </si>
  <si>
    <t>PYMN_CSHR_CD_TYPE_1</t>
  </si>
  <si>
    <t>PYMN_CSHR_CD_2</t>
  </si>
  <si>
    <t>PYMN_CSHR_CD_TYPE_2</t>
  </si>
  <si>
    <t>PYMN_CSHR_CD_3</t>
  </si>
  <si>
    <t>PYMN_CSHR_CD_TYPE_3</t>
  </si>
  <si>
    <t>PYMN_CSHR_CD_4</t>
  </si>
  <si>
    <t>PYMN_CSHR_CD_TYPE_4</t>
  </si>
  <si>
    <t>PYMN_CSHR_CD_5</t>
  </si>
  <si>
    <t>PYMN_CSHR_CD_TYPE_5</t>
  </si>
  <si>
    <t>0346404703</t>
  </si>
  <si>
    <t>2024-05-13-17.30.37.613845</t>
  </si>
  <si>
    <t>6105</t>
  </si>
  <si>
    <t>0340405622</t>
  </si>
  <si>
    <t>2024-03-26-17.30.31.236087</t>
  </si>
  <si>
    <t>893</t>
  </si>
  <si>
    <t>BMX Guest - phone &amp; web</t>
  </si>
  <si>
    <t>0329401412</t>
  </si>
  <si>
    <t>2024-07-24-17.30.27.405371</t>
  </si>
  <si>
    <t>0362403161</t>
  </si>
  <si>
    <t>2024-09-10-08.10.00.441729</t>
  </si>
  <si>
    <t>890</t>
  </si>
  <si>
    <t>Paperless - BMX Registered</t>
  </si>
  <si>
    <t>0389202603</t>
  </si>
  <si>
    <t>2024-11-05-17.30.31.764237</t>
  </si>
  <si>
    <t>920</t>
  </si>
  <si>
    <t>BNYM - mailed checks except KY</t>
  </si>
  <si>
    <t>0344801253</t>
  </si>
  <si>
    <t>2024-05-28-17.30.37.882723</t>
  </si>
  <si>
    <t>0327091671</t>
  </si>
  <si>
    <t>2024-10-31-17.30.35.777059</t>
  </si>
  <si>
    <t>0372002491</t>
  </si>
  <si>
    <t>2024-07-08-08.07.16.759399</t>
  </si>
  <si>
    <t>0314668511</t>
  </si>
  <si>
    <t>2024-03-20-17.30.31.474616</t>
  </si>
  <si>
    <t>0329101372</t>
  </si>
  <si>
    <t>2024-03-21-17.30.33.152194</t>
  </si>
  <si>
    <t>2024-05-08-17.30.33.270439</t>
  </si>
  <si>
    <t>0360405390</t>
  </si>
  <si>
    <t>2024-07-25-08.10.36.737871</t>
  </si>
  <si>
    <t>0328203390</t>
  </si>
  <si>
    <t>2024-11-08-17.30.31.257366</t>
  </si>
  <si>
    <t>0388119225</t>
  </si>
  <si>
    <t>2024-04-23-17.30.29.737386</t>
  </si>
  <si>
    <t>6305</t>
  </si>
  <si>
    <t>0362403752</t>
  </si>
  <si>
    <t>2024-01-29-17.30.33.704811</t>
  </si>
  <si>
    <t>0335470294</t>
  </si>
  <si>
    <t>2024-11-14-17.30.32.165589</t>
  </si>
  <si>
    <t>0358705530</t>
  </si>
  <si>
    <t>2024-10-23-08.06.48.891740</t>
  </si>
  <si>
    <t>0354102643</t>
  </si>
  <si>
    <t>2024-03-08-08.07.16.895123</t>
  </si>
  <si>
    <t>0331106673</t>
  </si>
  <si>
    <t>2024-12-16-17.30.29.422816</t>
  </si>
  <si>
    <t>0348164623</t>
  </si>
  <si>
    <t>2024-07-23-17.30.32.180161</t>
  </si>
  <si>
    <t>0308340400</t>
  </si>
  <si>
    <t>2024-01-02-17.30.32.133374</t>
  </si>
  <si>
    <t>0306801528</t>
  </si>
  <si>
    <t>2024-01-30-17.30.26.891188</t>
  </si>
  <si>
    <t>0393468738</t>
  </si>
  <si>
    <t>2024-04-04-17.30.36.750235</t>
  </si>
  <si>
    <t>0351747580</t>
  </si>
  <si>
    <t>2024-09-11-17.30.28.629480</t>
  </si>
  <si>
    <t>0388800676</t>
  </si>
  <si>
    <t>2024-01-03-17.30.34.376003</t>
  </si>
  <si>
    <t>0395402611</t>
  </si>
  <si>
    <t>2024-08-07-17.30.30.338311</t>
  </si>
  <si>
    <t>0381001594</t>
  </si>
  <si>
    <t>2024-05-08-17.30.33.270399</t>
  </si>
  <si>
    <t>0363900509</t>
  </si>
  <si>
    <t>2024-05-24-17.30.31.969063</t>
  </si>
  <si>
    <t>0346304701</t>
  </si>
  <si>
    <t>2024-02-08-17.30.38.632370</t>
  </si>
  <si>
    <t>0358900821</t>
  </si>
  <si>
    <t>2024-03-06-17.30.29.705570</t>
  </si>
  <si>
    <t>0315775300</t>
  </si>
  <si>
    <t>2024-11-13-17.30.32.634329</t>
  </si>
  <si>
    <t>0328504880</t>
  </si>
  <si>
    <t>2024-10-09-17.30.30.742310</t>
  </si>
  <si>
    <t>0319602751</t>
  </si>
  <si>
    <t>2024-04-17-14.29.03.008647</t>
  </si>
  <si>
    <t>0365600735</t>
  </si>
  <si>
    <t>2024-10-25-17.30.30.767226</t>
  </si>
  <si>
    <t>0384805324</t>
  </si>
  <si>
    <t>2024-05-08-17.30.33.270559</t>
  </si>
  <si>
    <t>0387710300</t>
  </si>
  <si>
    <t>2024-05-03-17.30.35.056344</t>
  </si>
  <si>
    <t>0342301831</t>
  </si>
  <si>
    <t>2024-11-22-17.30.29.950091</t>
  </si>
  <si>
    <t>0373803901</t>
  </si>
  <si>
    <t>2024-12-16-17.30.29.422726</t>
  </si>
  <si>
    <t>0350736920</t>
  </si>
  <si>
    <t>2024-05-08-17.30.33.270459</t>
  </si>
  <si>
    <t>0337800510</t>
  </si>
  <si>
    <t>2024-01-17-17.30.32.353285</t>
  </si>
  <si>
    <t>0304629830</t>
  </si>
  <si>
    <t>2024-10-09-08.07.02.746005</t>
  </si>
  <si>
    <t>0351400959</t>
  </si>
  <si>
    <t>2024-01-19-17.30.33.616733</t>
  </si>
  <si>
    <t>0322904911</t>
  </si>
  <si>
    <t>2024-10-21-08.06.22.222812</t>
  </si>
  <si>
    <t>999</t>
  </si>
  <si>
    <t>AutoPay CPP</t>
  </si>
  <si>
    <t>0346204113</t>
  </si>
  <si>
    <t>2024-04-18-17.30.30.807302</t>
  </si>
  <si>
    <t>501</t>
  </si>
  <si>
    <t>Nonpaperless - BMX Registered Immediate</t>
  </si>
  <si>
    <t>0312502024</t>
  </si>
  <si>
    <t>2024-01-04-17.30.34.488064</t>
  </si>
  <si>
    <t>0371900409</t>
  </si>
  <si>
    <t>2024-03-26-17.30.31.235977</t>
  </si>
  <si>
    <t>0391003113</t>
  </si>
  <si>
    <t>2024-03-04-17.30.38.516521</t>
  </si>
  <si>
    <t>0320400032</t>
  </si>
  <si>
    <t>2024-05-09-08.10.07.019226</t>
  </si>
  <si>
    <t>0316401270</t>
  </si>
  <si>
    <t>2024-10-09-17.30.30.742260</t>
  </si>
  <si>
    <t>2024-10-31-17.30.35.777119</t>
  </si>
  <si>
    <t>0381798593</t>
  </si>
  <si>
    <t>2024-09-03-08.13.13.356680</t>
  </si>
  <si>
    <t>0340246170</t>
  </si>
  <si>
    <t>2024-03-20-17.30.31.474626</t>
  </si>
  <si>
    <t>0336702453</t>
  </si>
  <si>
    <t>2024-08-14-17.30.29.737309</t>
  </si>
  <si>
    <t>0354813991</t>
  </si>
  <si>
    <t>2024-02-26-08.06.52.907962</t>
  </si>
  <si>
    <t>0386073231</t>
  </si>
  <si>
    <t>2024-12-02-17.30.41.339049</t>
  </si>
  <si>
    <t>0366903450</t>
  </si>
  <si>
    <t>2024-12-11-17.30.30.574379</t>
  </si>
  <si>
    <t>0362202541</t>
  </si>
  <si>
    <t>2024-08-01-14.49.03.709321</t>
  </si>
  <si>
    <t>0312505662</t>
  </si>
  <si>
    <t>2024-10-18-17.30.35.012534</t>
  </si>
  <si>
    <t>0384212914</t>
  </si>
  <si>
    <t>2024-05-20-17.30.32.896689</t>
  </si>
  <si>
    <t>0352103661</t>
  </si>
  <si>
    <t>2024-02-21-17.30.29.461043</t>
  </si>
  <si>
    <t>0362100706</t>
  </si>
  <si>
    <t>2024-11-04-17.30.35.112531</t>
  </si>
  <si>
    <t>0315205323</t>
  </si>
  <si>
    <t>2024-10-24-17.30.36.606389</t>
  </si>
  <si>
    <t>898</t>
  </si>
  <si>
    <t>EDI ACH &amp; Bank Bill Pay</t>
  </si>
  <si>
    <t>0394303472</t>
  </si>
  <si>
    <t>2024-10-28-17.30.35.053438</t>
  </si>
  <si>
    <t>0301500944</t>
  </si>
  <si>
    <t>2024-04-16-17.30.31.082868</t>
  </si>
  <si>
    <t>0337337011</t>
  </si>
  <si>
    <t>2024-05-31-17.30.32.240563</t>
  </si>
  <si>
    <t>0304302600</t>
  </si>
  <si>
    <t>2024-07-09-17.30.28.378311</t>
  </si>
  <si>
    <t>0373401851</t>
  </si>
  <si>
    <t>2024-06-28-15.29.25.135874</t>
  </si>
  <si>
    <t>0339704101</t>
  </si>
  <si>
    <t>2024-01-17-17.30.32.353275</t>
  </si>
  <si>
    <t>0385102894</t>
  </si>
  <si>
    <t>2024-09-26-17.30.30.778790</t>
  </si>
  <si>
    <t>0324851171</t>
  </si>
  <si>
    <t>2024-10-03-17.30.31.916654</t>
  </si>
  <si>
    <t>2024-06-28-17.30.29.382935</t>
  </si>
  <si>
    <t>0315803614</t>
  </si>
  <si>
    <t>2024-09-09-17.30.32.019768</t>
  </si>
  <si>
    <t>0352902794</t>
  </si>
  <si>
    <t>2024-07-31-17.30.29.480109</t>
  </si>
  <si>
    <t>0325100131</t>
  </si>
  <si>
    <t>2024-04-29-17.30.36.032055</t>
  </si>
  <si>
    <t>0343741601</t>
  </si>
  <si>
    <t>2024-03-01-14.50.31.473022</t>
  </si>
  <si>
    <t>0354701496</t>
  </si>
  <si>
    <t>2024-07-17-14.50.55.107238</t>
  </si>
  <si>
    <t>0356955681</t>
  </si>
  <si>
    <t>2024-07-24-17.30.27.405361</t>
  </si>
  <si>
    <t>0341202634</t>
  </si>
  <si>
    <t>2024-09-05-17.30.30.490723</t>
  </si>
  <si>
    <t>0331989329</t>
  </si>
  <si>
    <t>2024-11-26-17.30.31.172705</t>
  </si>
  <si>
    <t>0369401732</t>
  </si>
  <si>
    <t>2024-04-01-17.30.41.784573</t>
  </si>
  <si>
    <t>0358655394</t>
  </si>
  <si>
    <t>2024-03-21-17.30.33.152184</t>
  </si>
  <si>
    <t>0358871130</t>
  </si>
  <si>
    <t>2024-04-17-17.30.29.783039</t>
  </si>
  <si>
    <t>0367300349</t>
  </si>
  <si>
    <t>2024-02-07-17.30.33.362323</t>
  </si>
  <si>
    <t>923</t>
  </si>
  <si>
    <t>BNYM - mailed checks KY</t>
  </si>
  <si>
    <t>0329159872</t>
  </si>
  <si>
    <t>2024-12-18-17.30.29.072660</t>
  </si>
  <si>
    <t>0362100608</t>
  </si>
  <si>
    <t>2024-05-03-08.07.30.234837</t>
  </si>
  <si>
    <t>0394000136</t>
  </si>
  <si>
    <t>2024-06-05-17.30.35.468518</t>
  </si>
  <si>
    <t>0386401685</t>
  </si>
  <si>
    <t>2024-06-28-17.30.29.382865</t>
  </si>
  <si>
    <t>0328520120</t>
  </si>
  <si>
    <t>2024-07-05-17.30.36.003597</t>
  </si>
  <si>
    <t>0313003830</t>
  </si>
  <si>
    <t>2024-07-15-17.30.36.510567</t>
  </si>
  <si>
    <t>0387853159</t>
  </si>
  <si>
    <t>2024-07-29-17.30.31.634742</t>
  </si>
  <si>
    <t>2024-01-19-08.08.11.725239</t>
  </si>
  <si>
    <t>0320400961</t>
  </si>
  <si>
    <t>2024-06-27-08.12.07.930011</t>
  </si>
  <si>
    <t>0399202371</t>
  </si>
  <si>
    <t>2024-09-09-17.30.32.019808</t>
  </si>
  <si>
    <t>895</t>
  </si>
  <si>
    <t>In-person pay station</t>
  </si>
  <si>
    <t>0343300626</t>
  </si>
  <si>
    <t>2024-01-09-17.30.30.411902</t>
  </si>
  <si>
    <t>0389500241</t>
  </si>
  <si>
    <t>2024-03-19-08.08.21.733715</t>
  </si>
  <si>
    <t>0341996023</t>
  </si>
  <si>
    <t>2024-09-30-17.30.39.689316</t>
  </si>
  <si>
    <t>0357603137</t>
  </si>
  <si>
    <t>2024-10-23-17.30.30.891828</t>
  </si>
  <si>
    <t>0339274474</t>
  </si>
  <si>
    <t>2024-03-14-17.30.32.752400</t>
  </si>
  <si>
    <t>0395459647</t>
  </si>
  <si>
    <t>2024-06-10-08.07.35.316559</t>
  </si>
  <si>
    <t>0329144021</t>
  </si>
  <si>
    <t>2024-09-16-18.49.40.011727</t>
  </si>
  <si>
    <t>0379401632</t>
  </si>
  <si>
    <t>2024-07-09-17.30.28.378301</t>
  </si>
  <si>
    <t>0364201472</t>
  </si>
  <si>
    <t>2024-01-09-17.30.30.412102</t>
  </si>
  <si>
    <t>0302305590</t>
  </si>
  <si>
    <t>2024-06-18-17.30.35.338105</t>
  </si>
  <si>
    <t>0301423750</t>
  </si>
  <si>
    <t>2024-03-13-08.06.43.044967</t>
  </si>
  <si>
    <t>0337100618</t>
  </si>
  <si>
    <t>2024-05-28-14.29.05.281760</t>
  </si>
  <si>
    <t>0345604953</t>
  </si>
  <si>
    <t>2024-03-07-17.30.33.419369</t>
  </si>
  <si>
    <t>0395708842</t>
  </si>
  <si>
    <t>2024-12-18-17.30.29.072630</t>
  </si>
  <si>
    <t>0368809650</t>
  </si>
  <si>
    <t>2024-02-22-17.30.34.393027</t>
  </si>
  <si>
    <t>2024-11-04-17.30.35.112481</t>
  </si>
  <si>
    <t>0341403427</t>
  </si>
  <si>
    <t>2024-02-20-08.07.13.443128</t>
  </si>
  <si>
    <t>0343401862</t>
  </si>
  <si>
    <t>2024-05-31-17.30.32.240573</t>
  </si>
  <si>
    <t>0391904914</t>
  </si>
  <si>
    <t>2024-05-17-17.30.32.751783</t>
  </si>
  <si>
    <t>0336390951</t>
  </si>
  <si>
    <t>2024-11-15-08.07.14.720969</t>
  </si>
  <si>
    <t>0352803713</t>
  </si>
  <si>
    <t>2024-05-20-17.30.32.896799</t>
  </si>
  <si>
    <t>0358702903</t>
  </si>
  <si>
    <t>2024-05-02-17.30.34.949268</t>
  </si>
  <si>
    <t>500</t>
  </si>
  <si>
    <t>Paperless - BMX Scheduled or Legacy Autopay</t>
  </si>
  <si>
    <t>0305626898</t>
  </si>
  <si>
    <t>2024-08-22-17.30.35.085611</t>
  </si>
  <si>
    <t>0336960021</t>
  </si>
  <si>
    <t>2024-06-06-17.30.32.161003</t>
  </si>
  <si>
    <t>0322589261</t>
  </si>
  <si>
    <t>2024-09-26-17.30.30.778850</t>
  </si>
  <si>
    <t>2024-11-05-17.30.31.764147</t>
  </si>
  <si>
    <t>0335964665</t>
  </si>
  <si>
    <t>2024-12-26-17.30.32.252009</t>
  </si>
  <si>
    <t>0313604521</t>
  </si>
  <si>
    <t>2024-07-11-21.06.22.752478</t>
  </si>
  <si>
    <t>0384101724</t>
  </si>
  <si>
    <t>2024-01-05-17.30.33.251946</t>
  </si>
  <si>
    <t>0395292580</t>
  </si>
  <si>
    <t>2024-06-21-14.30.36.987544</t>
  </si>
  <si>
    <t>0336501241</t>
  </si>
  <si>
    <t>2024-10-24-17.30.36.606509</t>
  </si>
  <si>
    <t>0361102954</t>
  </si>
  <si>
    <t>2024-03-11-08.07.05.932615</t>
  </si>
  <si>
    <t>0371017220</t>
  </si>
  <si>
    <t>2024-04-09-08.08.16.206456</t>
  </si>
  <si>
    <t>0334902793</t>
  </si>
  <si>
    <t>2024-06-20-17.30.28.778731</t>
  </si>
  <si>
    <t>2024-11-12-17.30.32.612703</t>
  </si>
  <si>
    <t>0343900351</t>
  </si>
  <si>
    <t>2024-01-18-17.30.30.636509</t>
  </si>
  <si>
    <t>0370020150</t>
  </si>
  <si>
    <t>2024-06-21-17.30.31.770994</t>
  </si>
  <si>
    <t>0321502502</t>
  </si>
  <si>
    <t>2024-06-21-14.30.36.987571</t>
  </si>
  <si>
    <t>0399200045</t>
  </si>
  <si>
    <t>2024-06-14-17.30.37.409059</t>
  </si>
  <si>
    <t>2024-01-10-17.30.31.239905</t>
  </si>
  <si>
    <t>0368200706</t>
  </si>
  <si>
    <t>2024-08-15-17.30.30.509157</t>
  </si>
  <si>
    <t>0399102182</t>
  </si>
  <si>
    <t>2024-06-03-17.30.41.249514</t>
  </si>
  <si>
    <t>0330882460</t>
  </si>
  <si>
    <t>2024-03-15-08.07.54.483221</t>
  </si>
  <si>
    <t>0381853110</t>
  </si>
  <si>
    <t>2024-10-22-17.30.28.717698</t>
  </si>
  <si>
    <t>0337800431</t>
  </si>
  <si>
    <t>2024-05-30-17.30.28.196317</t>
  </si>
  <si>
    <t>0362500500</t>
  </si>
  <si>
    <t>2024-07-02-17.30.32.069078</t>
  </si>
  <si>
    <t>0339202442</t>
  </si>
  <si>
    <t>2024-09-09-08.10.09.045116</t>
  </si>
  <si>
    <t>0358003890</t>
  </si>
  <si>
    <t>2024-02-07-17.30.33.362393</t>
  </si>
  <si>
    <t>0358100135</t>
  </si>
  <si>
    <t>2024-01-30-14.50.36.166672</t>
  </si>
  <si>
    <t>0362902107</t>
  </si>
  <si>
    <t>2024-11-07-17.30.33.181723</t>
  </si>
  <si>
    <t>0389324352</t>
  </si>
  <si>
    <t>2024-08-06-17.30.30.223997</t>
  </si>
  <si>
    <t>0301931515</t>
  </si>
  <si>
    <t>2024-07-18-17.30.31.245284</t>
  </si>
  <si>
    <t>0349602930</t>
  </si>
  <si>
    <t>2024-01-18-17.30.30.636469</t>
  </si>
  <si>
    <t>0363705073</t>
  </si>
  <si>
    <t>2024-01-10-17.30.31.239875</t>
  </si>
  <si>
    <t>0388975352</t>
  </si>
  <si>
    <t>2024-07-05-08.07.03.953032</t>
  </si>
  <si>
    <t>0342674731</t>
  </si>
  <si>
    <t>2024-11-08-17.30.31.257396</t>
  </si>
  <si>
    <t>0327800327</t>
  </si>
  <si>
    <t>2024-10-10-17.30.26.749402</t>
  </si>
  <si>
    <t>0336200858</t>
  </si>
  <si>
    <t>2024-04-08-19.07.55.113906</t>
  </si>
  <si>
    <t>0332837481</t>
  </si>
  <si>
    <t>2024-05-20-17.30.32.896769</t>
  </si>
  <si>
    <t>0363700421</t>
  </si>
  <si>
    <t>2024-05-03-17.30.35.056454</t>
  </si>
  <si>
    <t>0342621383</t>
  </si>
  <si>
    <t>2024-05-10-17.30.34.921827</t>
  </si>
  <si>
    <t>0337300954</t>
  </si>
  <si>
    <t>2024-02-08-17.30.38.632360</t>
  </si>
  <si>
    <t>2024-04-16-17.30.31.082848</t>
  </si>
  <si>
    <t>0393902044</t>
  </si>
  <si>
    <t>2024-04-01-17.30.41.784663</t>
  </si>
  <si>
    <t>0304439290</t>
  </si>
  <si>
    <t>2024-11-25-17.30.34.714916</t>
  </si>
  <si>
    <t>0380200532</t>
  </si>
  <si>
    <t>2024-09-23-07.02.37.214943</t>
  </si>
  <si>
    <t>0381557960</t>
  </si>
  <si>
    <t>2024-02-29-14.50.34.339828</t>
  </si>
  <si>
    <t>0304447071</t>
  </si>
  <si>
    <t>2024-08-12-17.30.31.598493</t>
  </si>
  <si>
    <t>0313202898</t>
  </si>
  <si>
    <t>2024-03-08-17.30.33.466507</t>
  </si>
  <si>
    <t>0374701983</t>
  </si>
  <si>
    <t>2024-02-29-17.30.29.727286</t>
  </si>
  <si>
    <t>0383603880</t>
  </si>
  <si>
    <t>2024-07-17-17.30.30.396068</t>
  </si>
  <si>
    <t>0333303602</t>
  </si>
  <si>
    <t>2024-10-10-17.30.26.749482</t>
  </si>
  <si>
    <t>0331800533</t>
  </si>
  <si>
    <t>2024-05-07-17.30.31.626212</t>
  </si>
  <si>
    <t>0311836571</t>
  </si>
  <si>
    <t>2024-11-05-17.30.31.764247</t>
  </si>
  <si>
    <t>0395786470</t>
  </si>
  <si>
    <t>2024-01-19-08.08.11.725909</t>
  </si>
  <si>
    <t>0395139131</t>
  </si>
  <si>
    <t>2024-07-16-18.08.29.471176</t>
  </si>
  <si>
    <t>0389603464</t>
  </si>
  <si>
    <t>2024-03-14-17.30.32.752440</t>
  </si>
  <si>
    <t>0318104255</t>
  </si>
  <si>
    <t>2024-06-27-17.30.29.212517</t>
  </si>
  <si>
    <t>0366702781</t>
  </si>
  <si>
    <t>2024-02-08-17.30.38.632320</t>
  </si>
  <si>
    <t>0373202422</t>
  </si>
  <si>
    <t>2024-03-21-17.30.33.152274</t>
  </si>
  <si>
    <t>0399500327</t>
  </si>
  <si>
    <t>2024-08-12-17.30.31.598513</t>
  </si>
  <si>
    <t>2024-04-08-19.07.55.113946</t>
  </si>
  <si>
    <t>0366000636</t>
  </si>
  <si>
    <t>2024-07-25-17.30.27.463281</t>
  </si>
  <si>
    <t>0347660851</t>
  </si>
  <si>
    <t>2024-01-08-08.06.00.909464</t>
  </si>
  <si>
    <t>2024-08-23-08.04.52.733182</t>
  </si>
  <si>
    <t>0389403750</t>
  </si>
  <si>
    <t>2024-03-11-17.30.38.885904</t>
  </si>
  <si>
    <t>0387701210</t>
  </si>
  <si>
    <t>2024-12-13-17.30.33.101973</t>
  </si>
  <si>
    <t>0310216250</t>
  </si>
  <si>
    <t>2024-01-05-17.30.33.252026</t>
  </si>
  <si>
    <t>0332503025</t>
  </si>
  <si>
    <t>2024-09-09-17.30.32.019838</t>
  </si>
  <si>
    <t>0371003781</t>
  </si>
  <si>
    <t>2024-07-16-08.07.47.477723</t>
  </si>
  <si>
    <t>0395800205</t>
  </si>
  <si>
    <t>2024-07-11-10.21.56.850282</t>
  </si>
  <si>
    <t>0385703940</t>
  </si>
  <si>
    <t>2024-11-13-08.07.27.340960</t>
  </si>
  <si>
    <t>0371400758</t>
  </si>
  <si>
    <t>2024-10-22-08.07.04.776745</t>
  </si>
  <si>
    <t>0353188351</t>
  </si>
  <si>
    <t>2024-05-30-17.30.28.196267</t>
  </si>
  <si>
    <t>0311401411</t>
  </si>
  <si>
    <t>2024-08-29-17.30.32.842870</t>
  </si>
  <si>
    <t>0322503350</t>
  </si>
  <si>
    <t>2024-12-03-17.30.28.886871</t>
  </si>
  <si>
    <t>0304702287</t>
  </si>
  <si>
    <t>2024-09-18-17.30.28.805763</t>
  </si>
  <si>
    <t>0394101578</t>
  </si>
  <si>
    <t>2024-04-04-17.30.36.750205</t>
  </si>
  <si>
    <t>0326986881</t>
  </si>
  <si>
    <t>2024-11-07-17.30.33.181683</t>
  </si>
  <si>
    <t>2024-09-26-17.30.30.778860</t>
  </si>
  <si>
    <t>0312183434</t>
  </si>
  <si>
    <t>2024-01-05-17.30.33.251986</t>
  </si>
  <si>
    <t>0331901342</t>
  </si>
  <si>
    <t>2024-07-31-08.06.29.127355</t>
  </si>
  <si>
    <t>0361800827</t>
  </si>
  <si>
    <t>2024-04-01-17.30.41.784753</t>
  </si>
  <si>
    <t>0308400220</t>
  </si>
  <si>
    <t>2024-11-21-17.30.32.281949</t>
  </si>
  <si>
    <t>0338100064</t>
  </si>
  <si>
    <t>2024-04-09-17.30.31.759571</t>
  </si>
  <si>
    <t>0339000707</t>
  </si>
  <si>
    <t>2024-08-09-17.30.34.700213</t>
  </si>
  <si>
    <t>0344602552</t>
  </si>
  <si>
    <t>2024-07-10-08.07.06.212147</t>
  </si>
  <si>
    <t>0334400249</t>
  </si>
  <si>
    <t>2024-01-10-17.30.31.239895</t>
  </si>
  <si>
    <t>0390002131</t>
  </si>
  <si>
    <t>2024-05-16-17.30.35.217760</t>
  </si>
  <si>
    <t>0340402530</t>
  </si>
  <si>
    <t>2024-07-10-08.07.06.212377</t>
  </si>
  <si>
    <t>0310200029</t>
  </si>
  <si>
    <t>2024-05-06-19.32.23.410918</t>
  </si>
  <si>
    <t>0358869501</t>
  </si>
  <si>
    <t>2024-02-23-17.30.30.285194</t>
  </si>
  <si>
    <t>0321000731</t>
  </si>
  <si>
    <t>2024-10-09-08.07.02.745575</t>
  </si>
  <si>
    <t>0337707916</t>
  </si>
  <si>
    <t>2024-12-10-12.32.45.954264</t>
  </si>
  <si>
    <t>0362102314</t>
  </si>
  <si>
    <t>2024-06-25-17.30.33.907241</t>
  </si>
  <si>
    <t>0341100699</t>
  </si>
  <si>
    <t>2024-06-27-17.30.29.212617</t>
  </si>
  <si>
    <t>0355426297</t>
  </si>
  <si>
    <t>2024-09-25-17.30.33.195879</t>
  </si>
  <si>
    <t>0316405021</t>
  </si>
  <si>
    <t>2024-09-20-08.06.54.014627</t>
  </si>
  <si>
    <t>0321605071</t>
  </si>
  <si>
    <t>2024-07-08-17.30.31.535795</t>
  </si>
  <si>
    <t>0309701703</t>
  </si>
  <si>
    <t>2024-12-02-17.30.41.339009</t>
  </si>
  <si>
    <t>0387002982</t>
  </si>
  <si>
    <t>2024-07-11-10.21.56.849272</t>
  </si>
  <si>
    <t>0357405419</t>
  </si>
  <si>
    <t>2024-01-11-14.50.33.421643</t>
  </si>
  <si>
    <t>0315902738</t>
  </si>
  <si>
    <t>2024-04-26-17.30.32.110616</t>
  </si>
  <si>
    <t>0357705093</t>
  </si>
  <si>
    <t>2024-12-17-08.02.39.387000</t>
  </si>
  <si>
    <t>0390903462</t>
  </si>
  <si>
    <t>2024-01-18-17.30.30.636569</t>
  </si>
  <si>
    <t>2024-05-20-17.30.32.896789</t>
  </si>
  <si>
    <t>2024-04-17-17.30.29.783019</t>
  </si>
  <si>
    <t>0347800650</t>
  </si>
  <si>
    <t>2024-05-09-17.30.35.107703</t>
  </si>
  <si>
    <t>0352902134</t>
  </si>
  <si>
    <t>2024-01-26-17.30.30.891368</t>
  </si>
  <si>
    <t>0350701984</t>
  </si>
  <si>
    <t>2024-06-28-17.30.29.382885</t>
  </si>
  <si>
    <t>0301102653</t>
  </si>
  <si>
    <t>2024-10-30-17.30.30.005788</t>
  </si>
  <si>
    <t>2024-07-24-17.30.27.405231</t>
  </si>
  <si>
    <t>0327701536</t>
  </si>
  <si>
    <t>2024-01-03-17.30.34.376113</t>
  </si>
  <si>
    <t>0318150643</t>
  </si>
  <si>
    <t>2024-10-31-17.30.35.777009</t>
  </si>
  <si>
    <t>0340000242</t>
  </si>
  <si>
    <t>2024-06-10-17.30.33.037586</t>
  </si>
  <si>
    <t>0332176863</t>
  </si>
  <si>
    <t>2024-10-15-07.03.02.012451</t>
  </si>
  <si>
    <t>0399104892</t>
  </si>
  <si>
    <t>2024-03-21-17.30.33.152244</t>
  </si>
  <si>
    <t>2024-05-13-17.30.37.613865</t>
  </si>
  <si>
    <t>0389824434</t>
  </si>
  <si>
    <t>2024-10-23-17.30.30.891858</t>
  </si>
  <si>
    <t>0307103951</t>
  </si>
  <si>
    <t>2024-05-14-17.30.30.343712</t>
  </si>
  <si>
    <t>0306100834</t>
  </si>
  <si>
    <t>2024-07-29-17.30.31.634792</t>
  </si>
  <si>
    <t>0304839391</t>
  </si>
  <si>
    <t>2024-04-22-17.30.36.950375</t>
  </si>
  <si>
    <t>0392902290</t>
  </si>
  <si>
    <t>2024-06-10-17.30.33.037596</t>
  </si>
  <si>
    <t>0349015321</t>
  </si>
  <si>
    <t>2024-10-11-17.30.35.096570</t>
  </si>
  <si>
    <t>0339500240</t>
  </si>
  <si>
    <t>2024-10-15-08.08.09.405114</t>
  </si>
  <si>
    <t>0352218020</t>
  </si>
  <si>
    <t>2024-09-27-17.38.12.787676</t>
  </si>
  <si>
    <t>0312602681</t>
  </si>
  <si>
    <t>2024-08-09-17.30.34.700153</t>
  </si>
  <si>
    <t>0360503846</t>
  </si>
  <si>
    <t>2024-10-15-17.30.32.255097</t>
  </si>
  <si>
    <t>2024-08-29-17.30.32.842840</t>
  </si>
  <si>
    <t>0370101780</t>
  </si>
  <si>
    <t>2024-01-03-08.07.21.299479</t>
  </si>
  <si>
    <t>0389401538</t>
  </si>
  <si>
    <t>2024-01-26-17.30.30.891348</t>
  </si>
  <si>
    <t>0325800220</t>
  </si>
  <si>
    <t>2024-06-24-17.30.35.189334</t>
  </si>
  <si>
    <t>0396413920</t>
  </si>
  <si>
    <t>2024-05-29-17.30.34.087632</t>
  </si>
  <si>
    <t>0355011390</t>
  </si>
  <si>
    <t>2024-03-27-08.16.23.477448</t>
  </si>
  <si>
    <t>0324402109</t>
  </si>
  <si>
    <t>2024-08-26-17.30.32.546366</t>
  </si>
  <si>
    <t>0300200114</t>
  </si>
  <si>
    <t>2024-02-15-17.30.37.685893</t>
  </si>
  <si>
    <t>0376202165</t>
  </si>
  <si>
    <t>2024-10-30-14.48.17.892038</t>
  </si>
  <si>
    <t>0318130480</t>
  </si>
  <si>
    <t>2024-03-22-17.30.33.445648</t>
  </si>
  <si>
    <t>0359907823</t>
  </si>
  <si>
    <t>2024-06-26-17.30.31.720991</t>
  </si>
  <si>
    <t>0331658722</t>
  </si>
  <si>
    <t>2024-01-19-17.30.33.616603</t>
  </si>
  <si>
    <t>0356174292</t>
  </si>
  <si>
    <t>2024-10-24-17.30.36.606419</t>
  </si>
  <si>
    <t>0304905728</t>
  </si>
  <si>
    <t>2024-06-21-17.30.31.770894</t>
  </si>
  <si>
    <t>0357200300</t>
  </si>
  <si>
    <t>2024-01-30-08.08.13.363430</t>
  </si>
  <si>
    <t>0319658560</t>
  </si>
  <si>
    <t>2024-07-18-17.30.31.245264</t>
  </si>
  <si>
    <t>0376581221</t>
  </si>
  <si>
    <t>2024-01-04-17.30.34.487974</t>
  </si>
  <si>
    <t>0397791700</t>
  </si>
  <si>
    <t>2024-11-12-17.30.32.612673</t>
  </si>
  <si>
    <t>0371600030</t>
  </si>
  <si>
    <t>2024-06-05-17.30.35.468608</t>
  </si>
  <si>
    <t>0341944191</t>
  </si>
  <si>
    <t>2024-11-07-17.30.33.181773</t>
  </si>
  <si>
    <t>2024-05-13-08.06.57.995763</t>
  </si>
  <si>
    <t>0317603031</t>
  </si>
  <si>
    <t>2024-08-12-17.30.31.598473</t>
  </si>
  <si>
    <t>0360563824</t>
  </si>
  <si>
    <t>2024-03-01-17.30.32.887949</t>
  </si>
  <si>
    <t>0333701797</t>
  </si>
  <si>
    <t>2024-01-11-17.30.29.112011</t>
  </si>
  <si>
    <t>0385100327</t>
  </si>
  <si>
    <t>2024-05-03-17.30.35.056444</t>
  </si>
  <si>
    <t>0388700797</t>
  </si>
  <si>
    <t>2024-02-28-17.30.31.563384</t>
  </si>
  <si>
    <t>0373602634</t>
  </si>
  <si>
    <t>2024-04-10-08.06.51.248482</t>
  </si>
  <si>
    <t>0351401853</t>
  </si>
  <si>
    <t>2024-10-03-17.30.31.916634</t>
  </si>
  <si>
    <t>0357801152</t>
  </si>
  <si>
    <t>2024-10-16-17.30.30.109987</t>
  </si>
  <si>
    <t>0357704970</t>
  </si>
  <si>
    <t>2024-08-02-17.30.39.947938</t>
  </si>
  <si>
    <t>0366279932</t>
  </si>
  <si>
    <t>2024-07-05-17.30.36.003587</t>
  </si>
  <si>
    <t>0384100943</t>
  </si>
  <si>
    <t>2024-02-23-17.30.30.285094</t>
  </si>
  <si>
    <t>0378501786</t>
  </si>
  <si>
    <t>2024-12-16-17.30.29.422806</t>
  </si>
  <si>
    <t>0391900439</t>
  </si>
  <si>
    <t>2024-09-10-17.30.33.500857</t>
  </si>
  <si>
    <t>0386802000</t>
  </si>
  <si>
    <t>2024-03-06-07.03.12.520789</t>
  </si>
  <si>
    <t>891</t>
  </si>
  <si>
    <t>MyCheckFree &amp; FiServ bank billpay</t>
  </si>
  <si>
    <t>0355129545</t>
  </si>
  <si>
    <t>2024-08-05-17.30.38.234993</t>
  </si>
  <si>
    <t>0376489494</t>
  </si>
  <si>
    <t>2024-06-13-17.30.33.898549</t>
  </si>
  <si>
    <t>0385036292</t>
  </si>
  <si>
    <t>2024-03-18-17.30.32.440129</t>
  </si>
  <si>
    <t>0354003371</t>
  </si>
  <si>
    <t>2024-05-09-17.30.35.107693</t>
  </si>
  <si>
    <t>0323724616</t>
  </si>
  <si>
    <t>2024-05-14-08.09.48.293822</t>
  </si>
  <si>
    <t>0315686748</t>
  </si>
  <si>
    <t>2024-11-25-17.30.34.714876</t>
  </si>
  <si>
    <t>0387900841</t>
  </si>
  <si>
    <t>2024-01-26-08.08.28.383589</t>
  </si>
  <si>
    <t>2024-11-08-17.30.31.257356</t>
  </si>
  <si>
    <t>0352000616</t>
  </si>
  <si>
    <t>2024-09-27-17.38.12.787706</t>
  </si>
  <si>
    <t>0315903131</t>
  </si>
  <si>
    <t>2024-06-05-17.30.35.468528</t>
  </si>
  <si>
    <t>2024-07-31-17.30.29.479919</t>
  </si>
  <si>
    <t>2024-11-05-17.30.31.764277</t>
  </si>
  <si>
    <t>0325300643</t>
  </si>
  <si>
    <t>2024-04-01-17.30.41.784863</t>
  </si>
  <si>
    <t>0372124040</t>
  </si>
  <si>
    <t>2024-06-27-17.30.29.212487</t>
  </si>
  <si>
    <t>0326100941</t>
  </si>
  <si>
    <t>2024-12-11-17.30.30.574439</t>
  </si>
  <si>
    <t>0379342020</t>
  </si>
  <si>
    <t>2024-12-23-17.30.33.694337</t>
  </si>
  <si>
    <t>0331704751</t>
  </si>
  <si>
    <t>2024-01-18-17.30.30.636579</t>
  </si>
  <si>
    <t>0314100302</t>
  </si>
  <si>
    <t>2024-05-21-14.30.24.735305</t>
  </si>
  <si>
    <t>2024-07-23-14.51.29.769422</t>
  </si>
  <si>
    <t>0338400203</t>
  </si>
  <si>
    <t>2024-08-27-17.30.29.282216</t>
  </si>
  <si>
    <t>2024-07-16-18.08.29.471196</t>
  </si>
  <si>
    <t>0391300057</t>
  </si>
  <si>
    <t>2024-07-03-17.30.34.380580</t>
  </si>
  <si>
    <t>0307100444</t>
  </si>
  <si>
    <t>2024-09-18-17.30.28.805703</t>
  </si>
  <si>
    <t>2024-07-31-17.30.29.479929</t>
  </si>
  <si>
    <t>0327101288</t>
  </si>
  <si>
    <t>2024-06-04-14.28.56.127821</t>
  </si>
  <si>
    <t>0345601623</t>
  </si>
  <si>
    <t>2024-07-29-17.30.31.634732</t>
  </si>
  <si>
    <t>0343611052</t>
  </si>
  <si>
    <t>2024-04-09-17.30.31.759581</t>
  </si>
  <si>
    <t>0327279504</t>
  </si>
  <si>
    <t>2024-03-04-17.30.38.516551</t>
  </si>
  <si>
    <t>0338602860</t>
  </si>
  <si>
    <t>2024-08-08-14.31.17.307808</t>
  </si>
  <si>
    <t>0316086004</t>
  </si>
  <si>
    <t>2024-03-14-08.11.24.142701</t>
  </si>
  <si>
    <t>0341552717</t>
  </si>
  <si>
    <t>2024-05-02-17.30.34.949258</t>
  </si>
  <si>
    <t>0384702781</t>
  </si>
  <si>
    <t>2024-12-03-17.30.28.886821</t>
  </si>
  <si>
    <t>2024-02-27-17.30.31.779649</t>
  </si>
  <si>
    <t>2024-04-17-17.30.29.783029</t>
  </si>
  <si>
    <t>0335821440</t>
  </si>
  <si>
    <t>2024-05-29-17.30.34.087682</t>
  </si>
  <si>
    <t>0342100904</t>
  </si>
  <si>
    <t>2024-08-01-08.09.46.367767</t>
  </si>
  <si>
    <t>0386693450</t>
  </si>
  <si>
    <t>2024-09-12-17.30.27.119729</t>
  </si>
  <si>
    <t>0348440620</t>
  </si>
  <si>
    <t>2024-09-16-18.49.40.011827</t>
  </si>
  <si>
    <t>0368251992</t>
  </si>
  <si>
    <t>2024-10-24-17.30.36.606359</t>
  </si>
  <si>
    <t>0301000130</t>
  </si>
  <si>
    <t>2024-09-16-14.50.05.124167</t>
  </si>
  <si>
    <t>2024-01-09-17.30.30.411882</t>
  </si>
  <si>
    <t>0368886170</t>
  </si>
  <si>
    <t>2024-12-30-17.30.28.181270</t>
  </si>
  <si>
    <t>0361582970</t>
  </si>
  <si>
    <t>2024-08-05-18.05.28.547428</t>
  </si>
  <si>
    <t>2024-07-11-10.21.56.850112</t>
  </si>
  <si>
    <t>0337714280</t>
  </si>
  <si>
    <t>2024-10-28-17.30.35.053468</t>
  </si>
  <si>
    <t>0338901570</t>
  </si>
  <si>
    <t>2024-09-16-08.07.47.911522</t>
  </si>
  <si>
    <t>0314954700</t>
  </si>
  <si>
    <t>2024-01-09-17.30.30.412082</t>
  </si>
  <si>
    <t>0363527761</t>
  </si>
  <si>
    <t>2024-01-05-17.30.33.251996</t>
  </si>
  <si>
    <t>0378795990</t>
  </si>
  <si>
    <t>2024-02-06-17.30.28.092183</t>
  </si>
  <si>
    <t>0313306700</t>
  </si>
  <si>
    <t>2024-05-06-19.32.23.410978</t>
  </si>
  <si>
    <t>0305801011</t>
  </si>
  <si>
    <t>2024-08-20-17.30.26.360513</t>
  </si>
  <si>
    <t>0328202821</t>
  </si>
  <si>
    <t>2024-05-01-17.30.33.868318</t>
  </si>
  <si>
    <t>2024-03-06-17.30.29.705560</t>
  </si>
  <si>
    <t>0361103550</t>
  </si>
  <si>
    <t>2024-11-14-17.30.32.165729</t>
  </si>
  <si>
    <t>0301805146</t>
  </si>
  <si>
    <t>2024-06-24-17.30.35.189294</t>
  </si>
  <si>
    <t>0302000854</t>
  </si>
  <si>
    <t>2024-01-31-17.30.27.948447</t>
  </si>
  <si>
    <t>2024-11-05-17.30.31.764157</t>
  </si>
  <si>
    <t>0392901842</t>
  </si>
  <si>
    <t>2024-12-17-17.30.31.181540</t>
  </si>
  <si>
    <t>0349000930</t>
  </si>
  <si>
    <t>2024-04-24-17.30.34.651207</t>
  </si>
  <si>
    <t>0321481941</t>
  </si>
  <si>
    <t>2024-11-15-17.30.32.580859</t>
  </si>
  <si>
    <t>0326405104</t>
  </si>
  <si>
    <t>2024-03-18-17.30.32.440179</t>
  </si>
  <si>
    <t>0372200432</t>
  </si>
  <si>
    <t>2024-03-14-08.11.24.142441</t>
  </si>
  <si>
    <t>0308000702</t>
  </si>
  <si>
    <t>2024-08-28-08.04.13.156832</t>
  </si>
  <si>
    <t>0395400511</t>
  </si>
  <si>
    <t>2024-02-07-17.30.33.362303</t>
  </si>
  <si>
    <t>2024-11-04-17.30.35.112511</t>
  </si>
  <si>
    <t>2024-06-17-17.30.37.525613</t>
  </si>
  <si>
    <t>0365363120</t>
  </si>
  <si>
    <t>2024-12-02-08.07.26.969786</t>
  </si>
  <si>
    <t>0315805005</t>
  </si>
  <si>
    <t>2024-07-30-17.30.27.809935</t>
  </si>
  <si>
    <t>0313300231</t>
  </si>
  <si>
    <t>2024-05-13-17.30.37.613985</t>
  </si>
  <si>
    <t>0385300344</t>
  </si>
  <si>
    <t>2024-10-25-17.30.30.767206</t>
  </si>
  <si>
    <t>0330443289</t>
  </si>
  <si>
    <t>2024-03-01-14.50.31.473018</t>
  </si>
  <si>
    <t>0332100696</t>
  </si>
  <si>
    <t>2024-10-29-17.30.30.770811</t>
  </si>
  <si>
    <t>2024-08-22-08.05.48.953430</t>
  </si>
  <si>
    <t>0336803160</t>
  </si>
  <si>
    <t>2024-01-04-17.30.34.488074</t>
  </si>
  <si>
    <t>0308904630</t>
  </si>
  <si>
    <t>2024-03-20-17.30.31.474686</t>
  </si>
  <si>
    <t>0329803142</t>
  </si>
  <si>
    <t>2024-11-01-17.30.33.597204</t>
  </si>
  <si>
    <t>0356585499</t>
  </si>
  <si>
    <t>2024-01-04-17.30.34.487994</t>
  </si>
  <si>
    <t>0396714586</t>
  </si>
  <si>
    <t>2024-08-28-17.30.28.527444</t>
  </si>
  <si>
    <t>0376003209</t>
  </si>
  <si>
    <t>2024-01-10-17.30.31.239855</t>
  </si>
  <si>
    <t>0391839312</t>
  </si>
  <si>
    <t>2024-01-03-17.30.34.376033</t>
  </si>
  <si>
    <t>0394559050</t>
  </si>
  <si>
    <t>2024-06-27-17.30.29.212497</t>
  </si>
  <si>
    <t>0362506684</t>
  </si>
  <si>
    <t>2024-09-03-17.30.42.480679</t>
  </si>
  <si>
    <t>2024-08-07-17.30.30.338461</t>
  </si>
  <si>
    <t>0307900400</t>
  </si>
  <si>
    <t>2024-04-24-17.30.34.651167</t>
  </si>
  <si>
    <t>0326611952</t>
  </si>
  <si>
    <t>2024-07-29-17.30.31.634802</t>
  </si>
  <si>
    <t>0362001203</t>
  </si>
  <si>
    <t>2024-01-17-17.30.32.353265</t>
  </si>
  <si>
    <t>0366605673</t>
  </si>
  <si>
    <t>2024-08-20-17.30.26.360483</t>
  </si>
  <si>
    <t>0331401872</t>
  </si>
  <si>
    <t>2024-10-01-17.30.33.364815</t>
  </si>
  <si>
    <t>0336405660</t>
  </si>
  <si>
    <t>2024-07-05-17.30.36.003607</t>
  </si>
  <si>
    <t>0303200430</t>
  </si>
  <si>
    <t>2024-02-22-17.30.34.392997</t>
  </si>
  <si>
    <t>2024-12-02-17.30.41.338959</t>
  </si>
  <si>
    <t>0386004980</t>
  </si>
  <si>
    <t>2024-12-12-08.08.25.607154</t>
  </si>
  <si>
    <t>2024-03-21-17.30.33.152284</t>
  </si>
  <si>
    <t>0388787515</t>
  </si>
  <si>
    <t>2024-06-05-17.30.35.468548</t>
  </si>
  <si>
    <t>0356405160</t>
  </si>
  <si>
    <t>2024-06-14-17.30.37.409069</t>
  </si>
  <si>
    <t>0351100054</t>
  </si>
  <si>
    <t>2024-08-02-17.30.39.947978</t>
  </si>
  <si>
    <t>0354506610</t>
  </si>
  <si>
    <t>2024-04-04-17.30.36.750225</t>
  </si>
  <si>
    <t>0389210820</t>
  </si>
  <si>
    <t>2024-12-26-17.30.32.251969</t>
  </si>
  <si>
    <t>2024-12-30-17.30.28.181280</t>
  </si>
  <si>
    <t>0357600020</t>
  </si>
  <si>
    <t>2024-07-25-14.49.55.325906</t>
  </si>
  <si>
    <t>0375802500</t>
  </si>
  <si>
    <t>2024-06-10-08.07.35.316929</t>
  </si>
  <si>
    <t>0383990568</t>
  </si>
  <si>
    <t>2024-10-17-17.30.36.224225</t>
  </si>
  <si>
    <t>0388800811</t>
  </si>
  <si>
    <t>2024-06-03-17.30.41.249554</t>
  </si>
  <si>
    <t>0373501831</t>
  </si>
  <si>
    <t>2024-12-13-17.30.33.101913</t>
  </si>
  <si>
    <t>0375900524</t>
  </si>
  <si>
    <t>2024-03-11-17.30.38.885894</t>
  </si>
  <si>
    <t>0390700842</t>
  </si>
  <si>
    <t>2024-04-30-17.30.34.478475</t>
  </si>
  <si>
    <t>0338300009</t>
  </si>
  <si>
    <t>2024-11-26-08.16.47.144753</t>
  </si>
  <si>
    <t>0347501511</t>
  </si>
  <si>
    <t>2024-09-03-17.30.42.480689</t>
  </si>
  <si>
    <t>2024-10-30-17.30.30.005808</t>
  </si>
  <si>
    <t>0392501282</t>
  </si>
  <si>
    <t>2024-08-28-17.30.28.527474</t>
  </si>
  <si>
    <t>0343100627</t>
  </si>
  <si>
    <t>2024-01-25-17.30.30.942446</t>
  </si>
  <si>
    <t>2024-11-19-17.30.33.875228</t>
  </si>
  <si>
    <t>2024-07-15-17.30.36.510847</t>
  </si>
  <si>
    <t>0350260330</t>
  </si>
  <si>
    <t>2024-10-07-14.48.33.851134</t>
  </si>
  <si>
    <t>0370400073</t>
  </si>
  <si>
    <t>2024-01-29-17.30.33.704851</t>
  </si>
  <si>
    <t>0391805323</t>
  </si>
  <si>
    <t>2024-08-22-17.30.35.085621</t>
  </si>
  <si>
    <t>0324402110</t>
  </si>
  <si>
    <t>2024-04-08-19.07.55.113886</t>
  </si>
  <si>
    <t>0370901251</t>
  </si>
  <si>
    <t>2024-05-20-17.30.32.896909</t>
  </si>
  <si>
    <t>0398500346</t>
  </si>
  <si>
    <t>2024-12-23-17.30.33.694357</t>
  </si>
  <si>
    <t>0315101584</t>
  </si>
  <si>
    <t>2024-12-26-17.30.32.251949</t>
  </si>
  <si>
    <t>0316703572</t>
  </si>
  <si>
    <t>2024-10-07-17.30.29.939893</t>
  </si>
  <si>
    <t>0358973443</t>
  </si>
  <si>
    <t>2024-11-22-14.48.52.773214</t>
  </si>
  <si>
    <t>0311682863</t>
  </si>
  <si>
    <t>2024-06-20-17.30.28.778721</t>
  </si>
  <si>
    <t>0397250033</t>
  </si>
  <si>
    <t>2024-10-23-17.30.30.891898</t>
  </si>
  <si>
    <t>0302432840</t>
  </si>
  <si>
    <t>2024-09-11-17.30.28.629530</t>
  </si>
  <si>
    <t>0368503140</t>
  </si>
  <si>
    <t>2024-06-07-17.30.28.663730</t>
  </si>
  <si>
    <t>2024-08-19-17.30.33.087096</t>
  </si>
  <si>
    <t>0355802040</t>
  </si>
  <si>
    <t>2024-03-06-08.06.08.885246</t>
  </si>
  <si>
    <t>2024-02-05-19.19.56.786248</t>
  </si>
  <si>
    <t>0328759305</t>
  </si>
  <si>
    <t>2024-03-22-08.08.21.479535</t>
  </si>
  <si>
    <t>0398987332</t>
  </si>
  <si>
    <t>2024-01-23-17.30.28.920740</t>
  </si>
  <si>
    <t>2024-03-15-17.30.32.033534</t>
  </si>
  <si>
    <t>0349415870</t>
  </si>
  <si>
    <t>2024-09-11-17.30.28.629450</t>
  </si>
  <si>
    <t>2024-08-06-17.30.30.223937</t>
  </si>
  <si>
    <t>2024-07-05-17.30.36.003647</t>
  </si>
  <si>
    <t>0316438041</t>
  </si>
  <si>
    <t>2024-03-28-14.29.10.872081</t>
  </si>
  <si>
    <t>0388420420</t>
  </si>
  <si>
    <t>2024-06-17-14.29.47.275605</t>
  </si>
  <si>
    <t>0388003280</t>
  </si>
  <si>
    <t>2024-05-14-08.09.48.294092</t>
  </si>
  <si>
    <t>0301700804</t>
  </si>
  <si>
    <t>2024-10-17-17.30.36.224325</t>
  </si>
  <si>
    <t>0398903139</t>
  </si>
  <si>
    <t>2024-03-05-17.30.30.553313</t>
  </si>
  <si>
    <t>2024-05-20-17.30.32.896679</t>
  </si>
  <si>
    <t>0361403550</t>
  </si>
  <si>
    <t>2024-04-10-17.30.32.840615</t>
  </si>
  <si>
    <t>0340705302</t>
  </si>
  <si>
    <t>2024-05-16-17.30.35.217710</t>
  </si>
  <si>
    <t>0378834841</t>
  </si>
  <si>
    <t>2024-02-14-17.30.32.792424</t>
  </si>
  <si>
    <t>0379001250</t>
  </si>
  <si>
    <t>2024-02-29-17.30.29.727316</t>
  </si>
  <si>
    <t>0318800318</t>
  </si>
  <si>
    <t>2024-10-01-14.29.23.431593</t>
  </si>
  <si>
    <t>0393503363</t>
  </si>
  <si>
    <t>2024-12-26-17.30.32.252049</t>
  </si>
  <si>
    <t>0373200146</t>
  </si>
  <si>
    <t>2024-11-19-17.30.33.875248</t>
  </si>
  <si>
    <t>0379175831</t>
  </si>
  <si>
    <t>2024-05-22-17.30.32.581985</t>
  </si>
  <si>
    <t>0376105933</t>
  </si>
  <si>
    <t>2024-02-07-17.30.33.362273</t>
  </si>
  <si>
    <t>0391100658</t>
  </si>
  <si>
    <t>2024-05-30-08.11.34.028188</t>
  </si>
  <si>
    <t>0319623780</t>
  </si>
  <si>
    <t>2024-08-28-17.30.28.527524</t>
  </si>
  <si>
    <t>0395852391</t>
  </si>
  <si>
    <t>2024-09-05-17.30.30.490783</t>
  </si>
  <si>
    <t>2024-03-18-17.30.32.440169</t>
  </si>
  <si>
    <t>0341338530</t>
  </si>
  <si>
    <t>2024-11-21-17.30.32.282019</t>
  </si>
  <si>
    <t>2024-04-22-08.06.53.273902</t>
  </si>
  <si>
    <t>0325004221</t>
  </si>
  <si>
    <t>2024-01-11-17.30.29.111921</t>
  </si>
  <si>
    <t>0387603780</t>
  </si>
  <si>
    <t>2024-07-09-17.30.28.378291</t>
  </si>
  <si>
    <t>0380000747</t>
  </si>
  <si>
    <t>2024-06-06-08.10.23.398059</t>
  </si>
  <si>
    <t>2024-03-12-17.30.30.888564</t>
  </si>
  <si>
    <t>0350836563</t>
  </si>
  <si>
    <t>2024-09-25-17.30.33.195909</t>
  </si>
  <si>
    <t>2024-01-25-17.30.30.942436</t>
  </si>
  <si>
    <t>0395404124</t>
  </si>
  <si>
    <t>2024-09-16-08.07.47.912452</t>
  </si>
  <si>
    <t>0343800230</t>
  </si>
  <si>
    <t>2024-12-26-17.30.32.251999</t>
  </si>
  <si>
    <t>0334805795</t>
  </si>
  <si>
    <t>2024-10-17-17.30.36.224285</t>
  </si>
  <si>
    <t>0366695103</t>
  </si>
  <si>
    <t>2024-06-20-17.30.28.778751</t>
  </si>
  <si>
    <t>0394000062</t>
  </si>
  <si>
    <t>2024-08-29-17.30.32.842860</t>
  </si>
  <si>
    <t>0355021864</t>
  </si>
  <si>
    <t>2024-07-02-17.30.32.069128</t>
  </si>
  <si>
    <t>0309300227</t>
  </si>
  <si>
    <t>2024-10-09-17.30.30.742320</t>
  </si>
  <si>
    <t>2024-10-07-17.30.29.939973</t>
  </si>
  <si>
    <t>0352601835</t>
  </si>
  <si>
    <t>2024-04-03-17.30.34.731962</t>
  </si>
  <si>
    <t>0385005333</t>
  </si>
  <si>
    <t>2024-01-22-17.30.38.792884</t>
  </si>
  <si>
    <t>0347218793</t>
  </si>
  <si>
    <t>2024-06-17-17.30.37.525603</t>
  </si>
  <si>
    <t>0396090670</t>
  </si>
  <si>
    <t>2024-04-23-17.30.29.737296</t>
  </si>
  <si>
    <t>0339781120</t>
  </si>
  <si>
    <t>2024-12-13-17.30.33.101953</t>
  </si>
  <si>
    <t>0316504024</t>
  </si>
  <si>
    <t>2024-04-18-17.30.30.807172</t>
  </si>
  <si>
    <t>2024-04-30-17.30.34.478465</t>
  </si>
  <si>
    <t>0360002472</t>
  </si>
  <si>
    <t>2024-12-02-17.30.41.339099</t>
  </si>
  <si>
    <t>0337501291</t>
  </si>
  <si>
    <t>2024-10-30-08.06.17.638684</t>
  </si>
  <si>
    <t>2024-05-01-17.30.33.868238</t>
  </si>
  <si>
    <t>2024-03-21-17.30.33.152254</t>
  </si>
  <si>
    <t>0377600045</t>
  </si>
  <si>
    <t>2024-08-01-17.30.32.966652</t>
  </si>
  <si>
    <t>0386401684</t>
  </si>
  <si>
    <t>2024-01-10-17.30.31.239955</t>
  </si>
  <si>
    <t>0315701204</t>
  </si>
  <si>
    <t>2024-04-01-08.07.20.192270</t>
  </si>
  <si>
    <t>0381601201</t>
  </si>
  <si>
    <t>2024-06-18-17.30.35.338145</t>
  </si>
  <si>
    <t>0344801521</t>
  </si>
  <si>
    <t>2024-03-27-17.30.34.888572</t>
  </si>
  <si>
    <t>2024-05-14-17.30.30.343732</t>
  </si>
  <si>
    <t>0376605342</t>
  </si>
  <si>
    <t>2024-10-23-17.30.30.891908</t>
  </si>
  <si>
    <t>2024-10-09-17.30.30.742330</t>
  </si>
  <si>
    <t>2024-04-16-17.30.31.082838</t>
  </si>
  <si>
    <t>2024-09-09-17.30.32.019828</t>
  </si>
  <si>
    <t>0352874061</t>
  </si>
  <si>
    <t>2024-10-25-17.30.30.767176</t>
  </si>
  <si>
    <t>0341304751</t>
  </si>
  <si>
    <t>2024-07-30-17.30.27.809955</t>
  </si>
  <si>
    <t>0346966280</t>
  </si>
  <si>
    <t>2024-02-22-17.30.34.393017</t>
  </si>
  <si>
    <t>0365341040</t>
  </si>
  <si>
    <t>2024-09-04-17.30.33.152581</t>
  </si>
  <si>
    <t>0314265600</t>
  </si>
  <si>
    <t>2024-11-22-17.30.29.950041</t>
  </si>
  <si>
    <t>0340178870</t>
  </si>
  <si>
    <t>2024-08-20-17.30.26.360433</t>
  </si>
  <si>
    <t>0327602463</t>
  </si>
  <si>
    <t>2024-12-09-17.30.36.307325</t>
  </si>
  <si>
    <t>0305400054</t>
  </si>
  <si>
    <t>2024-06-27-17.30.29.212527</t>
  </si>
  <si>
    <t>0336320640</t>
  </si>
  <si>
    <t>2024-02-14-17.30.32.792474</t>
  </si>
  <si>
    <t>2024-09-26-17.30.30.778840</t>
  </si>
  <si>
    <t>2024-05-13-17.30.37.613855</t>
  </si>
  <si>
    <t>0336883001</t>
  </si>
  <si>
    <t>2024-10-02-17.30.32.538738</t>
  </si>
  <si>
    <t>0358600232</t>
  </si>
  <si>
    <t>2024-05-31-14.28.23.149906</t>
  </si>
  <si>
    <t>0370904507</t>
  </si>
  <si>
    <t>2024-09-10-17.30.33.500817</t>
  </si>
  <si>
    <t>0392630302</t>
  </si>
  <si>
    <t>2024-12-18-17.30.29.072620</t>
  </si>
  <si>
    <t>0332804480</t>
  </si>
  <si>
    <t>2024-08-21-17.30.34.070633</t>
  </si>
  <si>
    <t>0343231335</t>
  </si>
  <si>
    <t>2024-03-18-17.30.32.440199</t>
  </si>
  <si>
    <t>0335600650</t>
  </si>
  <si>
    <t>2024-11-25-17.30.34.714926</t>
  </si>
  <si>
    <t>2024-08-14-17.30.29.737329</t>
  </si>
  <si>
    <t>0351867642</t>
  </si>
  <si>
    <t>2024-10-09-17.30.30.742280</t>
  </si>
  <si>
    <t>0319200848</t>
  </si>
  <si>
    <t>2024-06-06-17.30.32.161043</t>
  </si>
  <si>
    <t>0380605485</t>
  </si>
  <si>
    <t>2024-09-10-17.30.33.500977</t>
  </si>
  <si>
    <t>2024-06-13-17.30.33.898559</t>
  </si>
  <si>
    <t>0363800417</t>
  </si>
  <si>
    <t>2024-12-26-17.30.32.251919</t>
  </si>
  <si>
    <t>2024-08-13-17.30.32.468549</t>
  </si>
  <si>
    <t>0333102933</t>
  </si>
  <si>
    <t>2024-02-15-17.30.37.685823</t>
  </si>
  <si>
    <t>0334231422</t>
  </si>
  <si>
    <t>2024-12-19-17.30.33.514341</t>
  </si>
  <si>
    <t>0375950261</t>
  </si>
  <si>
    <t>2024-03-13-17.30.32.949471</t>
  </si>
  <si>
    <t>0366405354</t>
  </si>
  <si>
    <t>2024-03-15-17.30.32.033614</t>
  </si>
  <si>
    <t>0362253548</t>
  </si>
  <si>
    <t>2024-02-27-17.30.31.779599</t>
  </si>
  <si>
    <t>0336903637</t>
  </si>
  <si>
    <t>2024-04-30-17.30.34.478415</t>
  </si>
  <si>
    <t>0396300650</t>
  </si>
  <si>
    <t>2024-01-18-08.05.30.217629</t>
  </si>
  <si>
    <t>0396701826</t>
  </si>
  <si>
    <t>2024-04-17-17.30.29.783069</t>
  </si>
  <si>
    <t>0314185160</t>
  </si>
  <si>
    <t>2024-11-06-08.05.44.311427</t>
  </si>
  <si>
    <t>0343301676</t>
  </si>
  <si>
    <t>2024-04-01-08.07.20.191700</t>
  </si>
  <si>
    <t>0398184580</t>
  </si>
  <si>
    <t>2024-01-11-14.50.33.421642</t>
  </si>
  <si>
    <t>0345817980</t>
  </si>
  <si>
    <t>2024-03-18-17.30.32.440149</t>
  </si>
  <si>
    <t>0348303954</t>
  </si>
  <si>
    <t>2024-10-11-08.16.08.838408</t>
  </si>
  <si>
    <t>0394350861</t>
  </si>
  <si>
    <t>2024-08-12-17.30.31.598573</t>
  </si>
  <si>
    <t>0323677780</t>
  </si>
  <si>
    <t>2024-09-23-17.30.39.392065</t>
  </si>
  <si>
    <t>0365837541</t>
  </si>
  <si>
    <t>2024-12-04-14.27.56.976944</t>
  </si>
  <si>
    <t>0366700473</t>
  </si>
  <si>
    <t>2024-05-03-17.30.35.056424</t>
  </si>
  <si>
    <t>0324504531</t>
  </si>
  <si>
    <t>2024-11-08-17.30.31.257466</t>
  </si>
  <si>
    <t>2024-11-25-08.07.29.051792</t>
  </si>
  <si>
    <t>2024-05-01-17.30.33.868258</t>
  </si>
  <si>
    <t>0310002823</t>
  </si>
  <si>
    <t>2024-12-03-17.30.28.886811</t>
  </si>
  <si>
    <t>0345202022</t>
  </si>
  <si>
    <t>2024-01-24-17.30.32.352439</t>
  </si>
  <si>
    <t>2024-04-24-17.30.34.651187</t>
  </si>
  <si>
    <t>0345003104</t>
  </si>
  <si>
    <t>2024-05-08-14.29.36.680570</t>
  </si>
  <si>
    <t>2024-04-17-17.30.29.783009</t>
  </si>
  <si>
    <t>0372884612</t>
  </si>
  <si>
    <t>2024-04-18-17.30.30.807222</t>
  </si>
  <si>
    <t>0344902290</t>
  </si>
  <si>
    <t>2024-02-01-17.30.34.407408</t>
  </si>
  <si>
    <t>0312702485</t>
  </si>
  <si>
    <t>2024-05-03-17.30.35.056464</t>
  </si>
  <si>
    <t>0337136631</t>
  </si>
  <si>
    <t>2024-03-26-17.30.31.236017</t>
  </si>
  <si>
    <t>0396343611</t>
  </si>
  <si>
    <t>2024-07-02-17.30.32.069088</t>
  </si>
  <si>
    <t>0316900550</t>
  </si>
  <si>
    <t>2024-01-25-17.30.30.942356</t>
  </si>
  <si>
    <t>2024-02-07-17.30.33.362363</t>
  </si>
  <si>
    <t>0303003569</t>
  </si>
  <si>
    <t>2024-06-20-08.11.54.111514</t>
  </si>
  <si>
    <t>2024-02-07-17.30.33.362353</t>
  </si>
  <si>
    <t>2024-08-05-08.06.07.869658</t>
  </si>
  <si>
    <t>0389916912</t>
  </si>
  <si>
    <t>2024-12-16-17.30.29.422826</t>
  </si>
  <si>
    <t>2024-11-25-17.30.34.714756</t>
  </si>
  <si>
    <t>0324502380</t>
  </si>
  <si>
    <t>2024-10-18-17.30.35.012374</t>
  </si>
  <si>
    <t>2024-09-16-18.49.40.011817</t>
  </si>
  <si>
    <t>2024-04-09-17.30.31.759631</t>
  </si>
  <si>
    <t>0321813950</t>
  </si>
  <si>
    <t>2024-09-06-17.30.31.468338</t>
  </si>
  <si>
    <t>0364800332</t>
  </si>
  <si>
    <t>2024-07-05-14.28.14.034645</t>
  </si>
  <si>
    <t>0369801346</t>
  </si>
  <si>
    <t>2024-12-03-17.30.28.886791</t>
  </si>
  <si>
    <t>0335700541</t>
  </si>
  <si>
    <t>2024-04-03-17.30.34.731942</t>
  </si>
  <si>
    <t>2024-10-23-17.30.30.892018</t>
  </si>
  <si>
    <t>0384404731</t>
  </si>
  <si>
    <t>2024-10-07-17.30.29.939873</t>
  </si>
  <si>
    <t>2024-04-23-17.30.29.737256</t>
  </si>
  <si>
    <t>0354805296</t>
  </si>
  <si>
    <t>2024-09-17-17.30.32.835014</t>
  </si>
  <si>
    <t>2024-06-20-17.30.28.778841</t>
  </si>
  <si>
    <t>0332601571</t>
  </si>
  <si>
    <t>2024-01-04-17.30.34.488134</t>
  </si>
  <si>
    <t>502</t>
  </si>
  <si>
    <t>Nonpaperless - BMX Registered Scheduled</t>
  </si>
  <si>
    <t>0364103384</t>
  </si>
  <si>
    <t>2024-03-20-17.30.31.474736</t>
  </si>
  <si>
    <t>2024-12-06-17.30.30.263831</t>
  </si>
  <si>
    <t>0337369955</t>
  </si>
  <si>
    <t>2024-12-10-17.30.33.951817</t>
  </si>
  <si>
    <t>0326300195</t>
  </si>
  <si>
    <t>2024-10-31-17.30.35.776989</t>
  </si>
  <si>
    <t>0333871190</t>
  </si>
  <si>
    <t>2024-06-03-18.05.28.263829</t>
  </si>
  <si>
    <t>0367529520</t>
  </si>
  <si>
    <t>2024-02-20-17.30.28.672089</t>
  </si>
  <si>
    <t>0398912555</t>
  </si>
  <si>
    <t>2024-09-10-17.30.33.500867</t>
  </si>
  <si>
    <t>0357902310</t>
  </si>
  <si>
    <t>2024-11-06-17.30.33.649130</t>
  </si>
  <si>
    <t>2024-04-18-17.30.30.807312</t>
  </si>
  <si>
    <t>0375000183</t>
  </si>
  <si>
    <t>2024-09-12-17.30.27.119669</t>
  </si>
  <si>
    <t>2024-07-02-17.30.32.069298</t>
  </si>
  <si>
    <t>0368103610</t>
  </si>
  <si>
    <t>2024-06-27-17.30.29.212647</t>
  </si>
  <si>
    <t>0395121177</t>
  </si>
  <si>
    <t>2024-09-11-17.30.28.629500</t>
  </si>
  <si>
    <t>0342210086</t>
  </si>
  <si>
    <t>2024-06-13-17.30.33.898619</t>
  </si>
  <si>
    <t>0337600686</t>
  </si>
  <si>
    <t>2024-07-01-08.07.26.913954</t>
  </si>
  <si>
    <t>0391264131</t>
  </si>
  <si>
    <t>2024-04-08-08.06.16.238770</t>
  </si>
  <si>
    <t>0336701971</t>
  </si>
  <si>
    <t>2024-05-09-14.29.54.551456</t>
  </si>
  <si>
    <t>0301001142</t>
  </si>
  <si>
    <t>2024-06-27-17.30.29.212627</t>
  </si>
  <si>
    <t>2024-11-07-17.30.33.181713</t>
  </si>
  <si>
    <t>0375125384</t>
  </si>
  <si>
    <t>2024-12-02-17.30.41.338939</t>
  </si>
  <si>
    <t>2024-08-08-08.11.06.340211</t>
  </si>
  <si>
    <t>0351543393</t>
  </si>
  <si>
    <t>2024-05-23-17.30.33.732840</t>
  </si>
  <si>
    <t>0387400024</t>
  </si>
  <si>
    <t>2024-02-09-17.30.31.051631</t>
  </si>
  <si>
    <t>0391123240</t>
  </si>
  <si>
    <t>2024-04-19-17.30.31.686915</t>
  </si>
  <si>
    <t>0304101300</t>
  </si>
  <si>
    <t>2024-04-29-17.30.36.032085</t>
  </si>
  <si>
    <t>0356904722</t>
  </si>
  <si>
    <t>2024-11-14-17.30.32.165699</t>
  </si>
  <si>
    <t>0383700266</t>
  </si>
  <si>
    <t>2024-04-23-14.28.56.678666</t>
  </si>
  <si>
    <t>0372701286</t>
  </si>
  <si>
    <t>2024-09-16-18.49.40.011777</t>
  </si>
  <si>
    <t>0375700820</t>
  </si>
  <si>
    <t>2024-12-06-08.07.17.003862</t>
  </si>
  <si>
    <t>0309703637</t>
  </si>
  <si>
    <t>2024-12-23-17.30.33.694367</t>
  </si>
  <si>
    <t>2024-11-04-17.30.35.112491</t>
  </si>
  <si>
    <t>0347400075</t>
  </si>
  <si>
    <t>2024-09-09-08.10.09.045416</t>
  </si>
  <si>
    <t>0368600603</t>
  </si>
  <si>
    <t>2024-06-19-17.30.29.232309</t>
  </si>
  <si>
    <t>2024-02-26-17.30.34.016250</t>
  </si>
  <si>
    <t>0371100939</t>
  </si>
  <si>
    <t>2024-09-10-17.30.33.500967</t>
  </si>
  <si>
    <t>0323000657</t>
  </si>
  <si>
    <t>2024-09-16-18.49.40.011837</t>
  </si>
  <si>
    <t>2024-09-26-17.30.30.778890</t>
  </si>
  <si>
    <t>0393681751</t>
  </si>
  <si>
    <t>2024-06-21-17.30.31.771044</t>
  </si>
  <si>
    <t>0385502015</t>
  </si>
  <si>
    <t>2024-09-16-08.07.47.913262</t>
  </si>
  <si>
    <t>2024-10-29-14.47.33.313016</t>
  </si>
  <si>
    <t>0307729390</t>
  </si>
  <si>
    <t>2024-09-25-17.30.33.195819</t>
  </si>
  <si>
    <t>0365789770</t>
  </si>
  <si>
    <t>2024-08-08-17.48.21.453506</t>
  </si>
  <si>
    <t>0342989343</t>
  </si>
  <si>
    <t>2024-09-25-17.30.33.195769</t>
  </si>
  <si>
    <t>0355520591</t>
  </si>
  <si>
    <t>2024-09-05-17.30.30.490693</t>
  </si>
  <si>
    <t>0393296804</t>
  </si>
  <si>
    <t>2024-04-11-17.30.34.104402</t>
  </si>
  <si>
    <t>0349101811</t>
  </si>
  <si>
    <t>2024-05-08-17.30.33.270489</t>
  </si>
  <si>
    <t>0318103040</t>
  </si>
  <si>
    <t>2024-03-26-17.30.31.236097</t>
  </si>
  <si>
    <t>2024-04-29-17.30.36.032165</t>
  </si>
  <si>
    <t>0390033103</t>
  </si>
  <si>
    <t>2024-11-19-17.30.33.875188</t>
  </si>
  <si>
    <t>0355100216</t>
  </si>
  <si>
    <t>2024-12-05-17.30.33.163035</t>
  </si>
  <si>
    <t>0384801451</t>
  </si>
  <si>
    <t>2024-08-30-08.13.20.844835</t>
  </si>
  <si>
    <t>2024-06-20-17.30.28.778741</t>
  </si>
  <si>
    <t>0392241950</t>
  </si>
  <si>
    <t>2024-02-29-17.30.29.727306</t>
  </si>
  <si>
    <t>0322103376</t>
  </si>
  <si>
    <t>2024-02-14-17.30.32.792414</t>
  </si>
  <si>
    <t>0380302634</t>
  </si>
  <si>
    <t>2024-04-12-17.30.31.760202</t>
  </si>
  <si>
    <t>0365601528</t>
  </si>
  <si>
    <t>2024-08-29-17.30.32.842850</t>
  </si>
  <si>
    <t>0334522613</t>
  </si>
  <si>
    <t>2024-10-29-17.30.30.770891</t>
  </si>
  <si>
    <t>0384200636</t>
  </si>
  <si>
    <t>2024-08-07-17.30.30.338391</t>
  </si>
  <si>
    <t>0389601936</t>
  </si>
  <si>
    <t>2024-04-22-17.30.36.950355</t>
  </si>
  <si>
    <t>0324400461</t>
  </si>
  <si>
    <t>2024-04-01-17.30.41.784603</t>
  </si>
  <si>
    <t>2024-10-22-17.30.28.717658</t>
  </si>
  <si>
    <t>0303666250</t>
  </si>
  <si>
    <t>2024-12-17-17.30.31.181530</t>
  </si>
  <si>
    <t>0328937386</t>
  </si>
  <si>
    <t>2024-08-08-17.48.21.453536</t>
  </si>
  <si>
    <t>0371000918</t>
  </si>
  <si>
    <t>2024-04-03-08.07.05.144715</t>
  </si>
  <si>
    <t>0358180860</t>
  </si>
  <si>
    <t>2024-12-04-08.07.03.485870</t>
  </si>
  <si>
    <t>0324803012</t>
  </si>
  <si>
    <t>2024-10-31-15.13.13.115607</t>
  </si>
  <si>
    <t>2024-04-23-17.30.29.737396</t>
  </si>
  <si>
    <t>2024-07-29-17.30.31.634752</t>
  </si>
  <si>
    <t>0330800045</t>
  </si>
  <si>
    <t>2024-06-24-17.30.35.189344</t>
  </si>
  <si>
    <t>0377200601</t>
  </si>
  <si>
    <t>2024-02-26-17.30.34.016300</t>
  </si>
  <si>
    <t>0304305758</t>
  </si>
  <si>
    <t>2024-05-20-17.30.32.896929</t>
  </si>
  <si>
    <t>0345225204</t>
  </si>
  <si>
    <t>2024-10-22-17.30.28.717638</t>
  </si>
  <si>
    <t>0308047781</t>
  </si>
  <si>
    <t>2024-12-26-08.10.05.597752</t>
  </si>
  <si>
    <t>0338879542</t>
  </si>
  <si>
    <t>2024-10-30-14.48.17.892004</t>
  </si>
  <si>
    <t>2024-01-16-17.30.33.655939</t>
  </si>
  <si>
    <t>0367601082</t>
  </si>
  <si>
    <t>2024-07-01-08.07.26.913854</t>
  </si>
  <si>
    <t>0327404700</t>
  </si>
  <si>
    <t>2024-05-09-17.30.35.107813</t>
  </si>
  <si>
    <t>2024-10-30-14.48.17.892001</t>
  </si>
  <si>
    <t>0370004499</t>
  </si>
  <si>
    <t>2024-12-11-17.30.30.574369</t>
  </si>
  <si>
    <t>0358900822</t>
  </si>
  <si>
    <t>2024-04-22-17.30.36.950365</t>
  </si>
  <si>
    <t>0303969905</t>
  </si>
  <si>
    <t>2024-08-15-17.30.30.509167</t>
  </si>
  <si>
    <t>0366207301</t>
  </si>
  <si>
    <t>2024-01-26-17.30.30.891358</t>
  </si>
  <si>
    <t>0384500900</t>
  </si>
  <si>
    <t>2024-04-24-17.30.34.651137</t>
  </si>
  <si>
    <t>0338705370</t>
  </si>
  <si>
    <t>2024-04-18-08.10.22.826975</t>
  </si>
  <si>
    <t>2024-11-22-17.30.29.950131</t>
  </si>
  <si>
    <t>0363785570</t>
  </si>
  <si>
    <t>2024-01-02-17.30.32.133464</t>
  </si>
  <si>
    <t>0390980774</t>
  </si>
  <si>
    <t>2024-01-17-17.30.32.353335</t>
  </si>
  <si>
    <t>0325204861</t>
  </si>
  <si>
    <t>2024-06-10-17.30.33.037626</t>
  </si>
  <si>
    <t>0381400408</t>
  </si>
  <si>
    <t>2024-09-17-17.30.32.834974</t>
  </si>
  <si>
    <t>2024-02-22-08.10.41.927390</t>
  </si>
  <si>
    <t>2024-04-26-17.30.32.110516</t>
  </si>
  <si>
    <t>0311005740</t>
  </si>
  <si>
    <t>2024-02-26-17.30.34.016330</t>
  </si>
  <si>
    <t>2024-05-21-08.08.53.040638</t>
  </si>
  <si>
    <t>0307400619</t>
  </si>
  <si>
    <t>2024-05-30-08.11.34.029478</t>
  </si>
  <si>
    <t>0326908905</t>
  </si>
  <si>
    <t>2024-07-29-17.30.31.634772</t>
  </si>
  <si>
    <t>0320401983</t>
  </si>
  <si>
    <t>2024-05-09-17.30.35.107623</t>
  </si>
  <si>
    <t>2024-02-22-08.10.41.927410</t>
  </si>
  <si>
    <t>0385112122</t>
  </si>
  <si>
    <t>2024-01-02-17.30.32.133384</t>
  </si>
  <si>
    <t>0334002151</t>
  </si>
  <si>
    <t>2024-02-06-08.08.40.961630</t>
  </si>
  <si>
    <t>0362869777</t>
  </si>
  <si>
    <t>2024-02-16-17.30.37.223323</t>
  </si>
  <si>
    <t>2024-09-26-17.30.30.778930</t>
  </si>
  <si>
    <t>0355536340</t>
  </si>
  <si>
    <t>2024-07-15-17.30.36.510777</t>
  </si>
  <si>
    <t>0366705032</t>
  </si>
  <si>
    <t>2024-02-22-08.10.41.927810</t>
  </si>
  <si>
    <t>0349556424</t>
  </si>
  <si>
    <t>2024-11-26-17.30.31.172695</t>
  </si>
  <si>
    <t>0323401340</t>
  </si>
  <si>
    <t>2024-05-02-17.30.34.949438</t>
  </si>
  <si>
    <t>2024-12-04-08.07.03.486360</t>
  </si>
  <si>
    <t>0378005325</t>
  </si>
  <si>
    <t>2024-07-18-17.30.31.245314</t>
  </si>
  <si>
    <t>0365400428</t>
  </si>
  <si>
    <t>2024-12-04-08.07.03.485860</t>
  </si>
  <si>
    <t>0367005370</t>
  </si>
  <si>
    <t>2024-09-06-17.30.31.468408</t>
  </si>
  <si>
    <t>0372805183</t>
  </si>
  <si>
    <t>2024-06-27-17.30.29.212637</t>
  </si>
  <si>
    <t>0334403973</t>
  </si>
  <si>
    <t>2024-06-26-17.30.31.721031</t>
  </si>
  <si>
    <t>0343501080</t>
  </si>
  <si>
    <t>2024-03-01-17.30.32.887999</t>
  </si>
  <si>
    <t>0380701983</t>
  </si>
  <si>
    <t>2024-06-28-17.30.29.382875</t>
  </si>
  <si>
    <t>0342500234</t>
  </si>
  <si>
    <t>2024-04-11-08.10.55.891541</t>
  </si>
  <si>
    <t>2024-01-22-17.30.38.792844</t>
  </si>
  <si>
    <t>0399104894</t>
  </si>
  <si>
    <t>2024-09-12-17.30.27.119759</t>
  </si>
  <si>
    <t>0392597101</t>
  </si>
  <si>
    <t>2024-10-08-17.45.58.124357</t>
  </si>
  <si>
    <t>0354300908</t>
  </si>
  <si>
    <t>2024-08-09-17.30.34.700203</t>
  </si>
  <si>
    <t>0353460704</t>
  </si>
  <si>
    <t>2024-01-29-17.30.33.704831</t>
  </si>
  <si>
    <t>0378801630</t>
  </si>
  <si>
    <t>2024-06-20-17.30.28.778851</t>
  </si>
  <si>
    <t>0319795120</t>
  </si>
  <si>
    <t>2024-08-16-08.07.05.543677</t>
  </si>
  <si>
    <t>0376001766</t>
  </si>
  <si>
    <t>2024-05-20-17.30.32.896859</t>
  </si>
  <si>
    <t>0391100164</t>
  </si>
  <si>
    <t>2024-07-24-17.30.27.405351</t>
  </si>
  <si>
    <t>0360880050</t>
  </si>
  <si>
    <t>2024-02-22-17.30.34.392977</t>
  </si>
  <si>
    <t>0342000005</t>
  </si>
  <si>
    <t>2024-09-27-08.08.40.925676</t>
  </si>
  <si>
    <t>2024-03-18-17.30.32.440109</t>
  </si>
  <si>
    <t>0369700215</t>
  </si>
  <si>
    <t>2024-05-24-17.30.31.969123</t>
  </si>
  <si>
    <t>0329702272</t>
  </si>
  <si>
    <t>2024-11-04-17.30.35.112431</t>
  </si>
  <si>
    <t>0306826991</t>
  </si>
  <si>
    <t>2024-11-12-17.30.32.612643</t>
  </si>
  <si>
    <t>0325604207</t>
  </si>
  <si>
    <t>2024-12-03-17.30.28.886751</t>
  </si>
  <si>
    <t>0303500537</t>
  </si>
  <si>
    <t>2024-02-08-17.30.38.632340</t>
  </si>
  <si>
    <t>0330705667</t>
  </si>
  <si>
    <t>2024-07-05-17.30.36.003617</t>
  </si>
  <si>
    <t>0326800663</t>
  </si>
  <si>
    <t>2024-11-27-17.30.32.626043</t>
  </si>
  <si>
    <t>0301601770</t>
  </si>
  <si>
    <t>2024-12-02-08.07.26.969756</t>
  </si>
  <si>
    <t>0391403220</t>
  </si>
  <si>
    <t>2024-06-21-14.30.36.987601</t>
  </si>
  <si>
    <t>0356116553</t>
  </si>
  <si>
    <t>2024-12-27-17.32.04.834632</t>
  </si>
  <si>
    <t>0341300213</t>
  </si>
  <si>
    <t>2024-09-05-17.30.30.490773</t>
  </si>
  <si>
    <t>0386400319</t>
  </si>
  <si>
    <t>2024-05-28-17.30.37.882823</t>
  </si>
  <si>
    <t>0308195622</t>
  </si>
  <si>
    <t>2024-03-01-14.50.31.473019</t>
  </si>
  <si>
    <t>0358400603</t>
  </si>
  <si>
    <t>2024-01-19-17.30.33.616683</t>
  </si>
  <si>
    <t>0346100675</t>
  </si>
  <si>
    <t>2024-02-01-08.11.36.854042</t>
  </si>
  <si>
    <t>0302500175</t>
  </si>
  <si>
    <t>2024-10-15-17.30.32.255047</t>
  </si>
  <si>
    <t>0349495580</t>
  </si>
  <si>
    <t>2024-05-15-17.31.58.843633</t>
  </si>
  <si>
    <t>0355182280</t>
  </si>
  <si>
    <t>2024-01-10-17.30.31.239925</t>
  </si>
  <si>
    <t>0385504142</t>
  </si>
  <si>
    <t>2024-08-23-17.30.35.619784</t>
  </si>
  <si>
    <t>0340054181</t>
  </si>
  <si>
    <t>2024-07-10-17.30.35.009241</t>
  </si>
  <si>
    <t>0353000531</t>
  </si>
  <si>
    <t>2024-05-09-17.30.35.107803</t>
  </si>
  <si>
    <t>0389896580</t>
  </si>
  <si>
    <t>2024-06-21-17.30.31.770904</t>
  </si>
  <si>
    <t>0312200232</t>
  </si>
  <si>
    <t>2024-04-01-17.30.41.784793</t>
  </si>
  <si>
    <t>0320610059</t>
  </si>
  <si>
    <t>2024-07-25-17.30.27.463151</t>
  </si>
  <si>
    <t>0313000007</t>
  </si>
  <si>
    <t>2024-04-01-08.07.20.193450</t>
  </si>
  <si>
    <t>0354504780</t>
  </si>
  <si>
    <t>2024-10-30-17.30.30.005828</t>
  </si>
  <si>
    <t>0347402250</t>
  </si>
  <si>
    <t>2024-06-06-17.30.32.161053</t>
  </si>
  <si>
    <t>0341534940</t>
  </si>
  <si>
    <t>2024-07-25-17.30.27.463241</t>
  </si>
  <si>
    <t>0358800485</t>
  </si>
  <si>
    <t>2024-04-24-17.30.34.651227</t>
  </si>
  <si>
    <t>0340104151</t>
  </si>
  <si>
    <t>2024-04-11-17.30.34.104352</t>
  </si>
  <si>
    <t>0374120811</t>
  </si>
  <si>
    <t>2024-07-05-08.07.03.953112</t>
  </si>
  <si>
    <t>0343100389</t>
  </si>
  <si>
    <t>2024-07-25-08.10.36.736851</t>
  </si>
  <si>
    <t>0399663985</t>
  </si>
  <si>
    <t>2024-05-14-17.30.30.343692</t>
  </si>
  <si>
    <t>0340300811</t>
  </si>
  <si>
    <t>2024-05-03-17.30.35.056374</t>
  </si>
  <si>
    <t>0397801115</t>
  </si>
  <si>
    <t>2024-03-28-17.30.35.273686</t>
  </si>
  <si>
    <t>0328391123</t>
  </si>
  <si>
    <t>2024-05-30-17.30.28.196257</t>
  </si>
  <si>
    <t>0300905130</t>
  </si>
  <si>
    <t>2024-09-17-17.30.32.835084</t>
  </si>
  <si>
    <t>0372104673</t>
  </si>
  <si>
    <t>2024-05-24-08.09.44.140300</t>
  </si>
  <si>
    <t>0392504670</t>
  </si>
  <si>
    <t>2024-06-06-17.30.32.161103</t>
  </si>
  <si>
    <t>0348005320</t>
  </si>
  <si>
    <t>2024-06-13-17.30.33.898519</t>
  </si>
  <si>
    <t>0363800813</t>
  </si>
  <si>
    <t>2024-02-07-17.30.33.362293</t>
  </si>
  <si>
    <t>903</t>
  </si>
  <si>
    <t>Manual Posting KY</t>
  </si>
  <si>
    <t>0310015611</t>
  </si>
  <si>
    <t>2024-04-15-17.30.31.718540</t>
  </si>
  <si>
    <t>0300409781</t>
  </si>
  <si>
    <t>2024-07-15-17.30.36.510527</t>
  </si>
  <si>
    <t>0375000131</t>
  </si>
  <si>
    <t>2024-06-10-17.30.33.037636</t>
  </si>
  <si>
    <t>0339503250</t>
  </si>
  <si>
    <t>2024-07-31-17.30.29.480049</t>
  </si>
  <si>
    <t>0380801402</t>
  </si>
  <si>
    <t>2024-12-02-08.07.26.972156</t>
  </si>
  <si>
    <t>0309101260</t>
  </si>
  <si>
    <t>2024-05-31-17.30.32.240593</t>
  </si>
  <si>
    <t>0352402320</t>
  </si>
  <si>
    <t>2024-10-23-17.30.30.891968</t>
  </si>
  <si>
    <t>0393344273</t>
  </si>
  <si>
    <t>2024-06-03-17.30.41.249474</t>
  </si>
  <si>
    <t>0395561530</t>
  </si>
  <si>
    <t>2024-05-20-17.30.32.896849</t>
  </si>
  <si>
    <t>0399602791</t>
  </si>
  <si>
    <t>2024-08-14-17.30.29.737319</t>
  </si>
  <si>
    <t>0324800336</t>
  </si>
  <si>
    <t>2024-11-13-11.29.12.094955</t>
  </si>
  <si>
    <t>0331401532</t>
  </si>
  <si>
    <t>2024-03-13-17.30.32.949391</t>
  </si>
  <si>
    <t>0370603084</t>
  </si>
  <si>
    <t>2024-07-05-17.30.36.003757</t>
  </si>
  <si>
    <t>0394126451</t>
  </si>
  <si>
    <t>2024-05-17-17.30.32.751813</t>
  </si>
  <si>
    <t>0339003180</t>
  </si>
  <si>
    <t>2024-05-16-17.30.35.217780</t>
  </si>
  <si>
    <t>0392305210</t>
  </si>
  <si>
    <t>2024-12-02-17.30.41.338929</t>
  </si>
  <si>
    <t>2024-06-18-17.30.35.338125</t>
  </si>
  <si>
    <t>0374014860</t>
  </si>
  <si>
    <t>2024-02-06-08.08.40.962440</t>
  </si>
  <si>
    <t>0318023880</t>
  </si>
  <si>
    <t>2024-11-14-17.30.32.165599</t>
  </si>
  <si>
    <t>2024-08-16-08.07.05.542747</t>
  </si>
  <si>
    <t>0361900502</t>
  </si>
  <si>
    <t>2024-05-14-14.29.39.834406</t>
  </si>
  <si>
    <t>0328901763</t>
  </si>
  <si>
    <t>2024-07-19-17.30.30.333974</t>
  </si>
  <si>
    <t>2024-01-02-17.30.32.133484</t>
  </si>
  <si>
    <t>0302929130</t>
  </si>
  <si>
    <t>2024-06-26-17.30.31.721071</t>
  </si>
  <si>
    <t>0319476831</t>
  </si>
  <si>
    <t>2024-08-01-17.30.32.966662</t>
  </si>
  <si>
    <t>0305394790</t>
  </si>
  <si>
    <t>2024-03-21-15.29.17.633095</t>
  </si>
  <si>
    <t>2024-12-26-17.30.32.251899</t>
  </si>
  <si>
    <t>2024-06-27-17.30.29.212677</t>
  </si>
  <si>
    <t>0347873691</t>
  </si>
  <si>
    <t>2024-11-14-17.30.32.165579</t>
  </si>
  <si>
    <t>0336200380</t>
  </si>
  <si>
    <t>2024-06-28-08.08.09.981703</t>
  </si>
  <si>
    <t>0370701872</t>
  </si>
  <si>
    <t>2024-07-29-17.30.31.634632</t>
  </si>
  <si>
    <t>0394300677</t>
  </si>
  <si>
    <t>2024-01-04-17.30.34.487944</t>
  </si>
  <si>
    <t>0346202939</t>
  </si>
  <si>
    <t>2024-03-15-17.30.32.033544</t>
  </si>
  <si>
    <t>0393031475</t>
  </si>
  <si>
    <t>2024-08-21-17.30.34.070663</t>
  </si>
  <si>
    <t>0325503706</t>
  </si>
  <si>
    <t>2024-09-03-17.30.42.480589</t>
  </si>
  <si>
    <t>2024-07-23-17.30.32.180221</t>
  </si>
  <si>
    <t>0367782200</t>
  </si>
  <si>
    <t>2024-12-30-08.10.43.650306</t>
  </si>
  <si>
    <t>0339036750</t>
  </si>
  <si>
    <t>2024-10-29-17.30.30.770831</t>
  </si>
  <si>
    <t>2024-05-08-08.06.33.787676</t>
  </si>
  <si>
    <t>0355200376</t>
  </si>
  <si>
    <t>2024-12-16-17.30.29.422786</t>
  </si>
  <si>
    <t>0352800004</t>
  </si>
  <si>
    <t>2024-05-28-17.30.37.882833</t>
  </si>
  <si>
    <t>2024-04-08-19.07.55.113876</t>
  </si>
  <si>
    <t>0325002699</t>
  </si>
  <si>
    <t>2024-02-06-17.30.28.092143</t>
  </si>
  <si>
    <t>0309232190</t>
  </si>
  <si>
    <t>2024-02-13-17.30.29.811868</t>
  </si>
  <si>
    <t>0304802528</t>
  </si>
  <si>
    <t>2024-09-13-15.14.11.593572</t>
  </si>
  <si>
    <t>0324404760</t>
  </si>
  <si>
    <t>2024-10-21-17.30.34.016088</t>
  </si>
  <si>
    <t>0339896972</t>
  </si>
  <si>
    <t>2024-06-21-17.30.31.770984</t>
  </si>
  <si>
    <t>0389681433</t>
  </si>
  <si>
    <t>2024-03-20-17.30.31.474716</t>
  </si>
  <si>
    <t>2024-03-28-17.30.35.273706</t>
  </si>
  <si>
    <t>0380383264</t>
  </si>
  <si>
    <t>2024-12-02-17.30.41.339039</t>
  </si>
  <si>
    <t>0324000419</t>
  </si>
  <si>
    <t>2024-03-27-17.30.34.888552</t>
  </si>
  <si>
    <t>0327605884</t>
  </si>
  <si>
    <t>2024-03-12-17.30.30.888624</t>
  </si>
  <si>
    <t>0376903096</t>
  </si>
  <si>
    <t>2024-12-10-17.30.33.951797</t>
  </si>
  <si>
    <t>2024-03-11-17.30.38.885914</t>
  </si>
  <si>
    <t>0368340722</t>
  </si>
  <si>
    <t>2024-11-06-17.30.33.649100</t>
  </si>
  <si>
    <t>0322100361</t>
  </si>
  <si>
    <t>2024-08-08-17.48.21.453486</t>
  </si>
  <si>
    <t>2024-09-12-08.12.45.993963</t>
  </si>
  <si>
    <t>2024-06-26-17.30.31.720921</t>
  </si>
  <si>
    <t>0337204271</t>
  </si>
  <si>
    <t>2024-12-11-08.06.54.955114</t>
  </si>
  <si>
    <t>2024-05-13-17.30.37.614045</t>
  </si>
  <si>
    <t>0322900502</t>
  </si>
  <si>
    <t>2024-09-17-14.50.58.454401</t>
  </si>
  <si>
    <t>0360578470</t>
  </si>
  <si>
    <t>2024-07-24-08.06.55.995110</t>
  </si>
  <si>
    <t>2024-03-22-17.30.33.445738</t>
  </si>
  <si>
    <t>0368100053</t>
  </si>
  <si>
    <t>2024-02-26-14.50.32.211188</t>
  </si>
  <si>
    <t>0333200340</t>
  </si>
  <si>
    <t>2024-02-26-17.30.34.016270</t>
  </si>
  <si>
    <t>0380900420</t>
  </si>
  <si>
    <t>2024-11-14-17.30.32.165609</t>
  </si>
  <si>
    <t>2024-07-16-18.08.29.471146</t>
  </si>
  <si>
    <t>0348800334</t>
  </si>
  <si>
    <t>2024-04-02-17.30.34.288467</t>
  </si>
  <si>
    <t>0397300872</t>
  </si>
  <si>
    <t>2024-07-02-08.12.26.830193</t>
  </si>
  <si>
    <t>0320000670</t>
  </si>
  <si>
    <t>2024-05-03-08.07.30.234827</t>
  </si>
  <si>
    <t>0342203792</t>
  </si>
  <si>
    <t>2024-09-10-17.30.33.500987</t>
  </si>
  <si>
    <t>0356433277</t>
  </si>
  <si>
    <t>2024-05-02-17.30.34.949388</t>
  </si>
  <si>
    <t>2024-08-06-17.30.30.223897</t>
  </si>
  <si>
    <t>2024-01-18-17.30.30.636559</t>
  </si>
  <si>
    <t>0371001330</t>
  </si>
  <si>
    <t>2024-09-26-17.30.30.778960</t>
  </si>
  <si>
    <t>0357905581</t>
  </si>
  <si>
    <t>2024-06-21-17.30.31.771014</t>
  </si>
  <si>
    <t>0337804478</t>
  </si>
  <si>
    <t>2024-01-19-17.30.33.616703</t>
  </si>
  <si>
    <t>0340000307</t>
  </si>
  <si>
    <t>2024-01-30-08.08.13.363820</t>
  </si>
  <si>
    <t>0316259370</t>
  </si>
  <si>
    <t>2024-06-11-08.07.34.215764</t>
  </si>
  <si>
    <t>0350804466</t>
  </si>
  <si>
    <t>2024-10-07-17.30.29.939863</t>
  </si>
  <si>
    <t>0340275300</t>
  </si>
  <si>
    <t>2024-12-30-08.10.43.649336</t>
  </si>
  <si>
    <t>2024-08-07-17.30.30.338441</t>
  </si>
  <si>
    <t>2024-05-10-08.07.46.597353</t>
  </si>
  <si>
    <t>2024-11-08-17.30.31.257446</t>
  </si>
  <si>
    <t>0350303961</t>
  </si>
  <si>
    <t>2024-07-18-17.30.31.245294</t>
  </si>
  <si>
    <t>2024-11-05-17.30.31.764287</t>
  </si>
  <si>
    <t>0399200027</t>
  </si>
  <si>
    <t>2024-05-06-19.32.23.410928</t>
  </si>
  <si>
    <t>2024-07-15-17.30.36.510577</t>
  </si>
  <si>
    <t>2024-06-06-08.10.23.397259</t>
  </si>
  <si>
    <t>0378663140</t>
  </si>
  <si>
    <t>2024-09-20-14.30.31.818258</t>
  </si>
  <si>
    <t>0381104767</t>
  </si>
  <si>
    <t>2024-02-26-17.30.34.016340</t>
  </si>
  <si>
    <t>2024-12-03-17.30.28.886831</t>
  </si>
  <si>
    <t>0308344591</t>
  </si>
  <si>
    <t>2024-06-26-08.09.33.404649</t>
  </si>
  <si>
    <t>2024-05-22-17.30.32.582015</t>
  </si>
  <si>
    <t>2024-05-30-08.11.34.028538</t>
  </si>
  <si>
    <t>2024-08-21-17.30.34.070713</t>
  </si>
  <si>
    <t>2024-10-08-08.07.34.707802</t>
  </si>
  <si>
    <t>0329003014</t>
  </si>
  <si>
    <t>2024-06-11-17.30.35.021595</t>
  </si>
  <si>
    <t>2024-05-24-17.30.31.969033</t>
  </si>
  <si>
    <t>2024-08-09-08.06.41.572410</t>
  </si>
  <si>
    <t>2024-04-05-08.06.43.573476</t>
  </si>
  <si>
    <t>0333904770</t>
  </si>
  <si>
    <t>2024-09-18-17.30.28.805693</t>
  </si>
  <si>
    <t>0309300274</t>
  </si>
  <si>
    <t>2024-09-30-17.30.39.689186</t>
  </si>
  <si>
    <t>2024-09-24-08.08.16.766050</t>
  </si>
  <si>
    <t>902</t>
  </si>
  <si>
    <t>Manual Posting Except KY</t>
  </si>
  <si>
    <t>0318650212</t>
  </si>
  <si>
    <t>2024-01-04-08.07.58.006306</t>
  </si>
  <si>
    <t>0312335920</t>
  </si>
  <si>
    <t>2024-04-01-17.30.41.784853</t>
  </si>
  <si>
    <t>0397552164</t>
  </si>
  <si>
    <t>2024-10-01-17.30.33.364735</t>
  </si>
  <si>
    <t>2024-02-21-08.06.40.880212</t>
  </si>
  <si>
    <t>0318604713</t>
  </si>
  <si>
    <t>2024-04-01-17.30.41.784733</t>
  </si>
  <si>
    <t>0348645905</t>
  </si>
  <si>
    <t>2024-10-18-17.30.35.012474</t>
  </si>
  <si>
    <t>0313827993</t>
  </si>
  <si>
    <t>2024-06-27-17.30.29.212607</t>
  </si>
  <si>
    <t>0316938230</t>
  </si>
  <si>
    <t>2024-09-10-17.30.33.500897</t>
  </si>
  <si>
    <t>0322880334</t>
  </si>
  <si>
    <t>2024-02-07-17.30.33.362263</t>
  </si>
  <si>
    <t>0325200424</t>
  </si>
  <si>
    <t>2024-04-29-08.07.55.195506</t>
  </si>
  <si>
    <t>0322702292</t>
  </si>
  <si>
    <t>2024-07-09-08.07.59.294173</t>
  </si>
  <si>
    <t>0330604637</t>
  </si>
  <si>
    <t>2024-03-05-17.30.30.553253</t>
  </si>
  <si>
    <t>0355900897</t>
  </si>
  <si>
    <t>2024-12-02-17.30.41.339169</t>
  </si>
  <si>
    <t>0316521883</t>
  </si>
  <si>
    <t>2024-04-25-17.30.31.225677</t>
  </si>
  <si>
    <t>0340800254</t>
  </si>
  <si>
    <t>2024-07-03-17.30.34.380670</t>
  </si>
  <si>
    <t>0361200623</t>
  </si>
  <si>
    <t>2024-02-08-17.30.38.632310</t>
  </si>
  <si>
    <t>0336901023</t>
  </si>
  <si>
    <t>2024-11-20-17.30.31.540250</t>
  </si>
  <si>
    <t>0320553593</t>
  </si>
  <si>
    <t>2024-09-11-17.30.28.629370</t>
  </si>
  <si>
    <t>0319103385</t>
  </si>
  <si>
    <t>2024-01-26-17.30.30.891338</t>
  </si>
  <si>
    <t>0393600138</t>
  </si>
  <si>
    <t>2024-03-22-17.30.33.445658</t>
  </si>
  <si>
    <t>0399300213</t>
  </si>
  <si>
    <t>2024-09-20-08.06.54.016547</t>
  </si>
  <si>
    <t>0333700541</t>
  </si>
  <si>
    <t>2024-02-23-08.07.41.703903</t>
  </si>
  <si>
    <t>0345001803</t>
  </si>
  <si>
    <t>2024-01-02-17.30.32.133354</t>
  </si>
  <si>
    <t>0381900248</t>
  </si>
  <si>
    <t>2024-12-12-08.08.25.607304</t>
  </si>
  <si>
    <t>0320252910</t>
  </si>
  <si>
    <t>2024-10-30-14.48.17.892055</t>
  </si>
  <si>
    <t>0325402091</t>
  </si>
  <si>
    <t>2024-01-15-17.30.34.619311</t>
  </si>
  <si>
    <t>0325890642</t>
  </si>
  <si>
    <t>2024-12-02-08.07.26.972316</t>
  </si>
  <si>
    <t>0338900581</t>
  </si>
  <si>
    <t>2024-05-01-08.08.04.451018</t>
  </si>
  <si>
    <t>0377688061</t>
  </si>
  <si>
    <t>2024-10-28-17.30.35.053418</t>
  </si>
  <si>
    <t>0334700308</t>
  </si>
  <si>
    <t>2024-03-06-17.30.29.705610</t>
  </si>
  <si>
    <t>0347902113</t>
  </si>
  <si>
    <t>2024-12-31-08.06.35.915606</t>
  </si>
  <si>
    <t>0323945610</t>
  </si>
  <si>
    <t>2024-11-22-17.30.29.950071</t>
  </si>
  <si>
    <t>0368600906</t>
  </si>
  <si>
    <t>2024-03-19-13.20.02.642070</t>
  </si>
  <si>
    <t>0367000744</t>
  </si>
  <si>
    <t>2024-09-26-08.11.12.527422</t>
  </si>
  <si>
    <t>0325436232</t>
  </si>
  <si>
    <t>2024-10-28-17.30.35.053458</t>
  </si>
  <si>
    <t>0336042051</t>
  </si>
  <si>
    <t>2024-03-14-17.30.32.752410</t>
  </si>
  <si>
    <t>0351302880</t>
  </si>
  <si>
    <t>2024-07-09-08.07.59.295063</t>
  </si>
  <si>
    <t>0361502041</t>
  </si>
  <si>
    <t>2024-03-05-17.30.30.553293</t>
  </si>
  <si>
    <t>0358503608</t>
  </si>
  <si>
    <t>2024-08-05-18.05.28.547438</t>
  </si>
  <si>
    <t>0340401217</t>
  </si>
  <si>
    <t>2024-04-29-08.07.55.195076</t>
  </si>
  <si>
    <t>0374705613</t>
  </si>
  <si>
    <t>2024-10-17-17.30.36.224245</t>
  </si>
  <si>
    <t>0372364448</t>
  </si>
  <si>
    <t>2024-12-04-17.30.32.061551</t>
  </si>
  <si>
    <t>0370454162</t>
  </si>
  <si>
    <t>2024-06-14-08.08.43.460610</t>
  </si>
  <si>
    <t>0398605385</t>
  </si>
  <si>
    <t>2024-03-14-17.30.32.752460</t>
  </si>
  <si>
    <t>0301103550</t>
  </si>
  <si>
    <t>2024-11-14-17.30.32.165649</t>
  </si>
  <si>
    <t>0337400045</t>
  </si>
  <si>
    <t>2024-12-18-17.30.29.072650</t>
  </si>
  <si>
    <t>0327100405</t>
  </si>
  <si>
    <t>2024-07-16-18.08.29.471136</t>
  </si>
  <si>
    <t>0349100006</t>
  </si>
  <si>
    <t>2024-05-23-08.16.31.793089</t>
  </si>
  <si>
    <t>0355202639</t>
  </si>
  <si>
    <t>2024-03-08-08.07.16.894193</t>
  </si>
  <si>
    <t>0349369780</t>
  </si>
  <si>
    <t>2024-01-31-17.30.27.948477</t>
  </si>
  <si>
    <t>0372025473</t>
  </si>
  <si>
    <t>2024-12-13-17.30.33.102073</t>
  </si>
  <si>
    <t>0339935810</t>
  </si>
  <si>
    <t>2024-04-17-17.30.29.783059</t>
  </si>
  <si>
    <t>0364305320</t>
  </si>
  <si>
    <t>2024-06-27-17.30.29.212557</t>
  </si>
  <si>
    <t>0305500118</t>
  </si>
  <si>
    <t>2024-05-23-17.30.33.732860</t>
  </si>
  <si>
    <t>0319541774</t>
  </si>
  <si>
    <t>2024-05-14-17.30.30.343702</t>
  </si>
  <si>
    <t>2024-05-14-17.30.30.343612</t>
  </si>
  <si>
    <t>0392902683</t>
  </si>
  <si>
    <t>2024-02-08-17.30.38.632380</t>
  </si>
  <si>
    <t>0371200331</t>
  </si>
  <si>
    <t>2024-11-04-17.30.35.112421</t>
  </si>
  <si>
    <t>0370003956</t>
  </si>
  <si>
    <t>2024-07-31-17.30.29.479989</t>
  </si>
  <si>
    <t>0383700506</t>
  </si>
  <si>
    <t>2024-12-16-17.30.29.422716</t>
  </si>
  <si>
    <t>0361702298</t>
  </si>
  <si>
    <t>2024-08-12-17.30.31.598543</t>
  </si>
  <si>
    <t>0324700163</t>
  </si>
  <si>
    <t>2024-06-06-17.30.32.161033</t>
  </si>
  <si>
    <t>0367703613</t>
  </si>
  <si>
    <t>2024-11-14-08.09.16.921463</t>
  </si>
  <si>
    <t>0354604593</t>
  </si>
  <si>
    <t>2024-07-25-17.30.27.463201</t>
  </si>
  <si>
    <t>0373401510</t>
  </si>
  <si>
    <t>2024-11-27-08.06.41.700094</t>
  </si>
  <si>
    <t>0344702341</t>
  </si>
  <si>
    <t>2024-11-14-17.30.32.165689</t>
  </si>
  <si>
    <t>0317105910</t>
  </si>
  <si>
    <t>2024-04-23-17.30.29.737356</t>
  </si>
  <si>
    <t>0313901610</t>
  </si>
  <si>
    <t>2024-01-16-17.30.33.655999</t>
  </si>
  <si>
    <t>0305194082</t>
  </si>
  <si>
    <t>2024-05-06-19.32.23.410948</t>
  </si>
  <si>
    <t>0384522464</t>
  </si>
  <si>
    <t>2024-12-26-08.10.05.599302</t>
  </si>
  <si>
    <t>0320990461</t>
  </si>
  <si>
    <t>2024-01-04-08.07.58.006526</t>
  </si>
  <si>
    <t>0309600809</t>
  </si>
  <si>
    <t>2024-01-25-17.30.30.942416</t>
  </si>
  <si>
    <t>0317100919</t>
  </si>
  <si>
    <t>2024-11-05-17.30.31.764127</t>
  </si>
  <si>
    <t>0399405572</t>
  </si>
  <si>
    <t>2024-10-18-17.30.35.012414</t>
  </si>
  <si>
    <t>0345740898</t>
  </si>
  <si>
    <t>2024-08-16-17.30.35.615982</t>
  </si>
  <si>
    <t>0332200639</t>
  </si>
  <si>
    <t>2024-06-21-17.30.31.771034</t>
  </si>
  <si>
    <t>0379403503</t>
  </si>
  <si>
    <t>2024-08-30-17.30.33.873842</t>
  </si>
  <si>
    <t>0340623377</t>
  </si>
  <si>
    <t>2024-07-08-17.30.31.535765</t>
  </si>
  <si>
    <t>0395135171</t>
  </si>
  <si>
    <t>2024-02-09-17.30.31.051611</t>
  </si>
  <si>
    <t>0384405063</t>
  </si>
  <si>
    <t>2024-07-17-17.30.30.396058</t>
  </si>
  <si>
    <t>0365346480</t>
  </si>
  <si>
    <t>2024-03-25-17.30.35.276812</t>
  </si>
  <si>
    <t>0385000316</t>
  </si>
  <si>
    <t>2024-06-13-17.30.33.898589</t>
  </si>
  <si>
    <t>0332502764</t>
  </si>
  <si>
    <t>2024-07-03-17.30.34.380740</t>
  </si>
  <si>
    <t>0338300114</t>
  </si>
  <si>
    <t>2024-10-01-17.30.33.364805</t>
  </si>
  <si>
    <t>2024-08-05-17.30.38.235013</t>
  </si>
  <si>
    <t>0322669044</t>
  </si>
  <si>
    <t>2024-01-23-17.30.28.920880</t>
  </si>
  <si>
    <t>0352400880</t>
  </si>
  <si>
    <t>2024-07-22-17.30.32.953334</t>
  </si>
  <si>
    <t>0334403220</t>
  </si>
  <si>
    <t>2024-06-21-14.30.36.987567</t>
  </si>
  <si>
    <t>0395202690</t>
  </si>
  <si>
    <t>2024-08-21-17.30.34.070723</t>
  </si>
  <si>
    <t>0346574305</t>
  </si>
  <si>
    <t>2024-09-17-17.30.32.835054</t>
  </si>
  <si>
    <t>2024-03-06-17.30.29.705500</t>
  </si>
  <si>
    <t>0392302630</t>
  </si>
  <si>
    <t>2024-08-20-17.30.26.360463</t>
  </si>
  <si>
    <t>2024-04-24-17.30.34.651197</t>
  </si>
  <si>
    <t>0385902960</t>
  </si>
  <si>
    <t>2024-06-06-08.10.23.397629</t>
  </si>
  <si>
    <t>0399414098</t>
  </si>
  <si>
    <t>2024-05-31-17.30.32.240613</t>
  </si>
  <si>
    <t>0332580052</t>
  </si>
  <si>
    <t>2024-01-24-17.30.32.352449</t>
  </si>
  <si>
    <t>0382564210</t>
  </si>
  <si>
    <t>2024-01-23-17.30.28.920820</t>
  </si>
  <si>
    <t>0372002012</t>
  </si>
  <si>
    <t>2024-06-07-17.30.28.663750</t>
  </si>
  <si>
    <t>0316700165</t>
  </si>
  <si>
    <t>2024-10-28-17.30.35.053478</t>
  </si>
  <si>
    <t>0319106224</t>
  </si>
  <si>
    <t>2024-06-20-14.29.41.302562</t>
  </si>
  <si>
    <t>0337604407</t>
  </si>
  <si>
    <t>2024-01-16-17.30.33.655959</t>
  </si>
  <si>
    <t>0383204161</t>
  </si>
  <si>
    <t>2024-10-07-17.30.29.939963</t>
  </si>
  <si>
    <t>0372500726</t>
  </si>
  <si>
    <t>2024-11-05-08.07.41.476726</t>
  </si>
  <si>
    <t>2024-02-26-17.30.34.016350</t>
  </si>
  <si>
    <t>0315001234</t>
  </si>
  <si>
    <t>2024-02-05-19.19.56.786058</t>
  </si>
  <si>
    <t>0378229330</t>
  </si>
  <si>
    <t>2024-01-12-17.30.30.074062</t>
  </si>
  <si>
    <t>0320801353</t>
  </si>
  <si>
    <t>2024-01-24-17.30.32.352419</t>
  </si>
  <si>
    <t>0336402100</t>
  </si>
  <si>
    <t>2024-03-05-17.30.30.553283</t>
  </si>
  <si>
    <t>2024-11-21-08.11.42.843744</t>
  </si>
  <si>
    <t>0351905400</t>
  </si>
  <si>
    <t>2024-08-14-17.30.29.737289</t>
  </si>
  <si>
    <t>2024-09-25-17.30.33.195869</t>
  </si>
  <si>
    <t>0351904447</t>
  </si>
  <si>
    <t>2024-10-29-17.30.30.770901</t>
  </si>
  <si>
    <t>2024-06-06-17.30.32.161153</t>
  </si>
  <si>
    <t>0344123714</t>
  </si>
  <si>
    <t>2024-10-31-17.30.35.777099</t>
  </si>
  <si>
    <t>2024-05-08-08.06.33.786646</t>
  </si>
  <si>
    <t>2024-05-09-08.10.07.020236</t>
  </si>
  <si>
    <t>0311800847</t>
  </si>
  <si>
    <t>2024-07-16-14.30.34.471011</t>
  </si>
  <si>
    <t>2024-08-13-17.30.32.468519</t>
  </si>
  <si>
    <t>0326975570</t>
  </si>
  <si>
    <t>2024-05-13-17.30.37.613895</t>
  </si>
  <si>
    <t>0338272551</t>
  </si>
  <si>
    <t>2024-07-26-17.30.33.092182</t>
  </si>
  <si>
    <t>0391500155</t>
  </si>
  <si>
    <t>2024-12-16-08.05.31.316397</t>
  </si>
  <si>
    <t>2024-05-30-08.11.34.029018</t>
  </si>
  <si>
    <t>0300001649</t>
  </si>
  <si>
    <t>2024-01-23-17.30.28.920730</t>
  </si>
  <si>
    <t>2024-10-18-17.30.35.012424</t>
  </si>
  <si>
    <t>2024-02-16-17.30.37.223303</t>
  </si>
  <si>
    <t>0326102739</t>
  </si>
  <si>
    <t>2024-09-06-14.50.09.410321</t>
  </si>
  <si>
    <t>0315286652</t>
  </si>
  <si>
    <t>2024-12-19-17.30.33.514391</t>
  </si>
  <si>
    <t>0385400846</t>
  </si>
  <si>
    <t>2024-06-05-14.50.03.900439</t>
  </si>
  <si>
    <t>0365056756</t>
  </si>
  <si>
    <t>2024-07-02-17.30.32.069278</t>
  </si>
  <si>
    <t>0327903123</t>
  </si>
  <si>
    <t>2024-12-13-17.30.33.101983</t>
  </si>
  <si>
    <t>2024-12-16-17.30.29.422796</t>
  </si>
  <si>
    <t>0305134771</t>
  </si>
  <si>
    <t>2024-07-23-17.30.32.180231</t>
  </si>
  <si>
    <t>0330168720</t>
  </si>
  <si>
    <t>2024-05-15-17.31.58.843663</t>
  </si>
  <si>
    <t>2024-07-26-17.30.33.092162</t>
  </si>
  <si>
    <t>2024-06-27-17.30.29.212657</t>
  </si>
  <si>
    <t>0365000077</t>
  </si>
  <si>
    <t>2024-05-02-17.30.34.949308</t>
  </si>
  <si>
    <t>0303101738</t>
  </si>
  <si>
    <t>2024-10-15-17.30.32.255167</t>
  </si>
  <si>
    <t>0313127590</t>
  </si>
  <si>
    <t>2024-10-08-17.45.58.124387</t>
  </si>
  <si>
    <t>0372500126</t>
  </si>
  <si>
    <t>2024-04-08-19.07.55.113896</t>
  </si>
  <si>
    <t>0321900119</t>
  </si>
  <si>
    <t>2024-12-18-17.30.29.072690</t>
  </si>
  <si>
    <t>0396187459</t>
  </si>
  <si>
    <t>2024-09-16-18.49.40.011667</t>
  </si>
  <si>
    <t>2024-03-20-17.30.31.474656</t>
  </si>
  <si>
    <t>0350102709</t>
  </si>
  <si>
    <t>2024-10-16-17.30.30.109957</t>
  </si>
  <si>
    <t>0373811081</t>
  </si>
  <si>
    <t>2024-06-10-17.30.33.037716</t>
  </si>
  <si>
    <t>0375900034</t>
  </si>
  <si>
    <t>2024-07-15-17.30.36.510627</t>
  </si>
  <si>
    <t>0337801234</t>
  </si>
  <si>
    <t>2024-10-24-17.30.36.606369</t>
  </si>
  <si>
    <t>0369903701</t>
  </si>
  <si>
    <t>2024-04-09-17.30.31.759591</t>
  </si>
  <si>
    <t>0331704811</t>
  </si>
  <si>
    <t>2024-03-22-17.30.33.445618</t>
  </si>
  <si>
    <t>2024-03-01-17.30.32.887959</t>
  </si>
  <si>
    <t>2024-01-22-17.30.38.792864</t>
  </si>
  <si>
    <t>0346185065</t>
  </si>
  <si>
    <t>2024-07-02-14.50.13.806671</t>
  </si>
  <si>
    <t>2024-08-13-17.30.32.468539</t>
  </si>
  <si>
    <t>0379601643</t>
  </si>
  <si>
    <t>2024-02-05-19.19.56.786048</t>
  </si>
  <si>
    <t>0316281736</t>
  </si>
  <si>
    <t>2024-02-20-17.30.28.672149</t>
  </si>
  <si>
    <t>0303100013</t>
  </si>
  <si>
    <t>2024-01-23-17.30.28.920870</t>
  </si>
  <si>
    <t>0373900622</t>
  </si>
  <si>
    <t>2024-06-11-08.07.34.215734</t>
  </si>
  <si>
    <t>2024-06-06-08.10.23.397269</t>
  </si>
  <si>
    <t>2024-12-17-08.02.39.387580</t>
  </si>
  <si>
    <t>0318604351</t>
  </si>
  <si>
    <t>2024-11-21-17.30.32.281989</t>
  </si>
  <si>
    <t>0307931985</t>
  </si>
  <si>
    <t>2024-11-21-17.30.32.282009</t>
  </si>
  <si>
    <t>0392701650</t>
  </si>
  <si>
    <t>2024-01-02-17.30.32.133404</t>
  </si>
  <si>
    <t>0317503323</t>
  </si>
  <si>
    <t>2024-01-02-17.30.32.133424</t>
  </si>
  <si>
    <t>0341400610</t>
  </si>
  <si>
    <t>2024-12-04-17.30.32.061521</t>
  </si>
  <si>
    <t>0395698400</t>
  </si>
  <si>
    <t>2024-11-08-17.30.31.257376</t>
  </si>
  <si>
    <t>0325115340</t>
  </si>
  <si>
    <t>2024-11-07-17.30.33.181673</t>
  </si>
  <si>
    <t>0341396640</t>
  </si>
  <si>
    <t>2024-10-15-17.30.32.255207</t>
  </si>
  <si>
    <t>0335439267</t>
  </si>
  <si>
    <t>2024-01-30-17.30.26.891198</t>
  </si>
  <si>
    <t>0328700581</t>
  </si>
  <si>
    <t>2024-05-06-19.32.23.410888</t>
  </si>
  <si>
    <t>0342400080</t>
  </si>
  <si>
    <t>2024-10-30-17.30.30.005868</t>
  </si>
  <si>
    <t>0350060390</t>
  </si>
  <si>
    <t>2024-12-31-17.30.30.030746</t>
  </si>
  <si>
    <t>2024-10-07-17.30.29.939993</t>
  </si>
  <si>
    <t>0380806456</t>
  </si>
  <si>
    <t>2024-03-26-17.30.31.236107</t>
  </si>
  <si>
    <t>0368604150</t>
  </si>
  <si>
    <t>2024-11-05-17.30.31.764307</t>
  </si>
  <si>
    <t>0394300891</t>
  </si>
  <si>
    <t>2024-08-07-17.30.30.338491</t>
  </si>
  <si>
    <t>0327700802</t>
  </si>
  <si>
    <t>2024-10-10-17.30.26.749432</t>
  </si>
  <si>
    <t>0359183362</t>
  </si>
  <si>
    <t>2024-06-04-17.32.17.428017</t>
  </si>
  <si>
    <t>0330206991</t>
  </si>
  <si>
    <t>2024-03-19-17.30.31.052595</t>
  </si>
  <si>
    <t>2024-08-16-08.07.05.542067</t>
  </si>
  <si>
    <t>0316902543</t>
  </si>
  <si>
    <t>2024-03-08-08.07.16.895113</t>
  </si>
  <si>
    <t>0346501351</t>
  </si>
  <si>
    <t>2024-11-25-14.30.15.315968</t>
  </si>
  <si>
    <t>0378300631</t>
  </si>
  <si>
    <t>2024-10-29-08.07.11.658469</t>
  </si>
  <si>
    <t>0363768171</t>
  </si>
  <si>
    <t>2024-09-10-15.16.22.402107</t>
  </si>
  <si>
    <t>0398184801</t>
  </si>
  <si>
    <t>2024-08-12-17.30.31.598553</t>
  </si>
  <si>
    <t>2024-05-01-08.08.04.449908</t>
  </si>
  <si>
    <t>2024-02-14-08.07.56.606535</t>
  </si>
  <si>
    <t>2024-01-12-17.30.30.074072</t>
  </si>
  <si>
    <t>2024-03-15-17.30.32.033594</t>
  </si>
  <si>
    <t>0323730910</t>
  </si>
  <si>
    <t>2024-02-09-07.03.26.055332</t>
  </si>
  <si>
    <t>0388400753</t>
  </si>
  <si>
    <t>2024-02-27-08.09.29.414545</t>
  </si>
  <si>
    <t>0343000706</t>
  </si>
  <si>
    <t>2024-08-09-14.30.11.674020</t>
  </si>
  <si>
    <t>0305643391</t>
  </si>
  <si>
    <t>2024-06-05-17.30.35.468618</t>
  </si>
  <si>
    <t>0332801168</t>
  </si>
  <si>
    <t>2024-07-22-17.30.32.953254</t>
  </si>
  <si>
    <t>0355200375</t>
  </si>
  <si>
    <t>2024-10-18-17.30.35.012524</t>
  </si>
  <si>
    <t>0302837051</t>
  </si>
  <si>
    <t>2024-12-02-17.30.41.338899</t>
  </si>
  <si>
    <t>0377205131</t>
  </si>
  <si>
    <t>2024-04-23-17.30.29.737376</t>
  </si>
  <si>
    <t>0375600446</t>
  </si>
  <si>
    <t>2024-04-15-08.07.25.332745</t>
  </si>
  <si>
    <t>0359382020</t>
  </si>
  <si>
    <t>2024-01-16-17.30.33.655929</t>
  </si>
  <si>
    <t>2024-07-19-17.30.30.333954</t>
  </si>
  <si>
    <t>0357016050</t>
  </si>
  <si>
    <t>2024-03-08-17.30.33.466497</t>
  </si>
  <si>
    <t>0326503953</t>
  </si>
  <si>
    <t>2024-02-21-08.06.40.879712</t>
  </si>
  <si>
    <t>0337200035</t>
  </si>
  <si>
    <t>2024-11-26-17.30.31.172655</t>
  </si>
  <si>
    <t>0324300512</t>
  </si>
  <si>
    <t>2024-02-16-17.30.37.223333</t>
  </si>
  <si>
    <t>0342102791</t>
  </si>
  <si>
    <t>2024-03-12-17.30.30.888634</t>
  </si>
  <si>
    <t>0394747760</t>
  </si>
  <si>
    <t>2024-09-30-17.30.39.689166</t>
  </si>
  <si>
    <t>0348411977</t>
  </si>
  <si>
    <t>2024-04-24-17.30.34.651177</t>
  </si>
  <si>
    <t>0376805073</t>
  </si>
  <si>
    <t>2024-04-25-17.30.31.225687</t>
  </si>
  <si>
    <t>0389604784</t>
  </si>
  <si>
    <t>2024-05-28-17.30.37.882713</t>
  </si>
  <si>
    <t>0311503153</t>
  </si>
  <si>
    <t>2024-01-09-17.30.30.412002</t>
  </si>
  <si>
    <t>0373439021</t>
  </si>
  <si>
    <t>2024-02-15-17.30.37.685853</t>
  </si>
  <si>
    <t>0362716650</t>
  </si>
  <si>
    <t>2024-02-13-17.30.29.811828</t>
  </si>
  <si>
    <t>2024-07-18-17.30.31.245354</t>
  </si>
  <si>
    <t>0331701244</t>
  </si>
  <si>
    <t>2024-08-30-17.30.33.873852</t>
  </si>
  <si>
    <t>0383002149</t>
  </si>
  <si>
    <t>2024-09-12-08.12.45.993953</t>
  </si>
  <si>
    <t>0393872070</t>
  </si>
  <si>
    <t>2024-10-30-17.30.30.005758</t>
  </si>
  <si>
    <t>0336624750</t>
  </si>
  <si>
    <t>2024-01-23-17.30.28.920840</t>
  </si>
  <si>
    <t>0370504353</t>
  </si>
  <si>
    <t>2024-06-18-17.30.35.338045</t>
  </si>
  <si>
    <t>0336501457</t>
  </si>
  <si>
    <t>2024-11-25-17.30.34.714896</t>
  </si>
  <si>
    <t>0371799433</t>
  </si>
  <si>
    <t>2024-06-26-17.30.31.720981</t>
  </si>
  <si>
    <t>2024-09-05-17.30.30.490763</t>
  </si>
  <si>
    <t>0332500110</t>
  </si>
  <si>
    <t>2024-04-24-17.30.34.651217</t>
  </si>
  <si>
    <t>2024-03-27-17.30.34.888532</t>
  </si>
  <si>
    <t>0368218100</t>
  </si>
  <si>
    <t>2024-07-05-08.07.03.953042</t>
  </si>
  <si>
    <t>0362903768</t>
  </si>
  <si>
    <t>2024-11-05-17.30.31.764167</t>
  </si>
  <si>
    <t>0351905822</t>
  </si>
  <si>
    <t>2024-12-18-17.30.29.072610</t>
  </si>
  <si>
    <t>0367300990</t>
  </si>
  <si>
    <t>2024-06-21-17.30.31.770914</t>
  </si>
  <si>
    <t>0373502610</t>
  </si>
  <si>
    <t>2024-02-29-17.30.29.727226</t>
  </si>
  <si>
    <t>0329367279</t>
  </si>
  <si>
    <t>2024-04-26-17.30.32.110606</t>
  </si>
  <si>
    <t>0352368361</t>
  </si>
  <si>
    <t>2024-07-17-08.07.15.341431</t>
  </si>
  <si>
    <t>0348801420</t>
  </si>
  <si>
    <t>2024-12-11-17.30.30.574349</t>
  </si>
  <si>
    <t>0360103982</t>
  </si>
  <si>
    <t>2024-10-31-17.30.35.777039</t>
  </si>
  <si>
    <t>0362204971</t>
  </si>
  <si>
    <t>2024-05-02-17.30.34.949348</t>
  </si>
  <si>
    <t>0342200340</t>
  </si>
  <si>
    <t>2024-12-30-08.10.43.649326</t>
  </si>
  <si>
    <t>0380305020</t>
  </si>
  <si>
    <t>2024-03-20-17.30.31.474606</t>
  </si>
  <si>
    <t>0326179696</t>
  </si>
  <si>
    <t>2024-11-12-17.30.32.612723</t>
  </si>
  <si>
    <t>0376644313</t>
  </si>
  <si>
    <t>2024-04-16-14.51.22.667421</t>
  </si>
  <si>
    <t>0328504878</t>
  </si>
  <si>
    <t>2024-01-18-17.30.30.636479</t>
  </si>
  <si>
    <t>0361000086</t>
  </si>
  <si>
    <t>2024-04-15-17.30.31.718500</t>
  </si>
  <si>
    <t>0389604061</t>
  </si>
  <si>
    <t>2024-06-14-17.30.37.409079</t>
  </si>
  <si>
    <t>0330212401</t>
  </si>
  <si>
    <t>2024-11-15-17.30.32.580869</t>
  </si>
  <si>
    <t>0359622762</t>
  </si>
  <si>
    <t>2024-05-20-17.30.32.896869</t>
  </si>
  <si>
    <t>0360300937</t>
  </si>
  <si>
    <t>2024-04-02-17.30.34.288507</t>
  </si>
  <si>
    <t>0394890420</t>
  </si>
  <si>
    <t>2024-11-07-17.30.33.181743</t>
  </si>
  <si>
    <t>0312603420</t>
  </si>
  <si>
    <t>2024-02-23-17.30.30.285174</t>
  </si>
  <si>
    <t>0307240293</t>
  </si>
  <si>
    <t>2024-09-06-17.30.31.468548</t>
  </si>
  <si>
    <t>0352200842</t>
  </si>
  <si>
    <t>2024-07-15-17.30.36.510707</t>
  </si>
  <si>
    <t>0320901704</t>
  </si>
  <si>
    <t>2024-01-16-17.30.33.655979</t>
  </si>
  <si>
    <t>0329303944</t>
  </si>
  <si>
    <t>2024-05-09-17.30.35.107633</t>
  </si>
  <si>
    <t>0334602004</t>
  </si>
  <si>
    <t>2024-09-25-17.30.33.195859</t>
  </si>
  <si>
    <t>0373803541</t>
  </si>
  <si>
    <t>2024-12-10-17.30.33.951857</t>
  </si>
  <si>
    <t>0359624075</t>
  </si>
  <si>
    <t>2024-05-28-17.30.37.882683</t>
  </si>
  <si>
    <t>0304901491</t>
  </si>
  <si>
    <t>2024-05-31-08.09.23.607942</t>
  </si>
  <si>
    <t>0378200555</t>
  </si>
  <si>
    <t>2024-01-18-17.30.30.636589</t>
  </si>
  <si>
    <t>0338236611</t>
  </si>
  <si>
    <t>2024-10-11-08.16.08.838418</t>
  </si>
  <si>
    <t>0383202693</t>
  </si>
  <si>
    <t>2024-02-14-08.07.56.606525</t>
  </si>
  <si>
    <t>0397602930</t>
  </si>
  <si>
    <t>2024-11-08-08.15.49.290181</t>
  </si>
  <si>
    <t>2024-09-11-17.30.28.629360</t>
  </si>
  <si>
    <t>0316100618</t>
  </si>
  <si>
    <t>2024-08-05-08.06.07.869688</t>
  </si>
  <si>
    <t>2024-10-23-17.30.30.891868</t>
  </si>
  <si>
    <t>2024-04-26-17.30.32.110646</t>
  </si>
  <si>
    <t>0390300615</t>
  </si>
  <si>
    <t>2024-05-29-17.30.34.087652</t>
  </si>
  <si>
    <t>0325601673</t>
  </si>
  <si>
    <t>2024-02-21-17.30.29.460993</t>
  </si>
  <si>
    <t>0317453701</t>
  </si>
  <si>
    <t>2024-06-06-17.30.32.161013</t>
  </si>
  <si>
    <t>0303804440</t>
  </si>
  <si>
    <t>2024-06-06-17.30.32.161083</t>
  </si>
  <si>
    <t>2024-01-24-17.30.32.352429</t>
  </si>
  <si>
    <t>0317365328</t>
  </si>
  <si>
    <t>2024-04-15-17.30.31.718550</t>
  </si>
  <si>
    <t>0361200908</t>
  </si>
  <si>
    <t>2024-05-16-17.30.35.217740</t>
  </si>
  <si>
    <t>0338900204</t>
  </si>
  <si>
    <t>2024-03-22-17.30.33.445688</t>
  </si>
  <si>
    <t>2024-08-07-08.06.45.008694</t>
  </si>
  <si>
    <t>0341002324</t>
  </si>
  <si>
    <t>2024-06-11-17.30.35.021735</t>
  </si>
  <si>
    <t>0375803693</t>
  </si>
  <si>
    <t>2024-08-16-17.30.35.615992</t>
  </si>
  <si>
    <t>2024-01-25-17.30.30.942406</t>
  </si>
  <si>
    <t>0356702376</t>
  </si>
  <si>
    <t>2024-08-02-17.30.39.947968</t>
  </si>
  <si>
    <t>0361089405</t>
  </si>
  <si>
    <t>2024-06-06-17.30.32.161133</t>
  </si>
  <si>
    <t>0306804473</t>
  </si>
  <si>
    <t>2024-07-22-17.30.32.953244</t>
  </si>
  <si>
    <t>0383015968</t>
  </si>
  <si>
    <t>2024-12-26-17.30.32.252039</t>
  </si>
  <si>
    <t>0319702532</t>
  </si>
  <si>
    <t>2024-09-27-14.32.24.343716</t>
  </si>
  <si>
    <t>0394472630</t>
  </si>
  <si>
    <t>2024-11-15-08.07.14.720939</t>
  </si>
  <si>
    <t>0309041525</t>
  </si>
  <si>
    <t>2024-06-11-17.30.35.021765</t>
  </si>
  <si>
    <t>0330954921</t>
  </si>
  <si>
    <t>2024-07-24-17.30.27.405311</t>
  </si>
  <si>
    <t>2024-09-12-08.12.45.993973</t>
  </si>
  <si>
    <t>0366605534</t>
  </si>
  <si>
    <t>2024-10-07-17.30.29.939923</t>
  </si>
  <si>
    <t>0359492560</t>
  </si>
  <si>
    <t>2024-10-18-17.30.35.012454</t>
  </si>
  <si>
    <t>0371503535</t>
  </si>
  <si>
    <t>2024-10-09-17.30.30.742250</t>
  </si>
  <si>
    <t>0329417578</t>
  </si>
  <si>
    <t>2024-12-16-17.30.29.422736</t>
  </si>
  <si>
    <t>0347200736</t>
  </si>
  <si>
    <t>2024-07-11-10.21.56.850992</t>
  </si>
  <si>
    <t>0330000397</t>
  </si>
  <si>
    <t>2024-12-30-07.02.58.340717</t>
  </si>
  <si>
    <t>0375102823</t>
  </si>
  <si>
    <t>2024-04-05-17.30.34.908240</t>
  </si>
  <si>
    <t>0353104216</t>
  </si>
  <si>
    <t>2024-11-13-17.30.32.634309</t>
  </si>
  <si>
    <t>0386803200</t>
  </si>
  <si>
    <t>2024-02-21-08.06.40.879512</t>
  </si>
  <si>
    <t>0308836740</t>
  </si>
  <si>
    <t>2024-09-16-18.49.40.011717</t>
  </si>
  <si>
    <t>2024-10-10-08.01.15.445892</t>
  </si>
  <si>
    <t>0371400635</t>
  </si>
  <si>
    <t>2024-06-13-08.04.20.722009</t>
  </si>
  <si>
    <t>0385800002</t>
  </si>
  <si>
    <t>2024-10-29-17.30.30.770791</t>
  </si>
  <si>
    <t>0372611935</t>
  </si>
  <si>
    <t>2024-10-22-17.30.28.717678</t>
  </si>
  <si>
    <t>0353100128</t>
  </si>
  <si>
    <t>2024-05-28-17.30.37.882853</t>
  </si>
  <si>
    <t>0327077260</t>
  </si>
  <si>
    <t>2024-10-03-17.30.31.916624</t>
  </si>
  <si>
    <t>0340705304</t>
  </si>
  <si>
    <t>2024-11-15-17.30.32.581009</t>
  </si>
  <si>
    <t>0392400512</t>
  </si>
  <si>
    <t>2024-10-31-15.13.13.115565</t>
  </si>
  <si>
    <t>0336302220</t>
  </si>
  <si>
    <t>2024-05-30-14.50.52.491571</t>
  </si>
  <si>
    <t>0374919586</t>
  </si>
  <si>
    <t>2024-05-02-17.30.34.949428</t>
  </si>
  <si>
    <t>0343250745</t>
  </si>
  <si>
    <t>2024-09-23-17.30.39.392085</t>
  </si>
  <si>
    <t>0390701052</t>
  </si>
  <si>
    <t>2024-08-16-17.30.35.616032</t>
  </si>
  <si>
    <t>0338104805</t>
  </si>
  <si>
    <t>2024-04-23-17.30.29.737276</t>
  </si>
  <si>
    <t>0380905411</t>
  </si>
  <si>
    <t>2024-10-22-08.07.04.776375</t>
  </si>
  <si>
    <t>0371246840</t>
  </si>
  <si>
    <t>2024-09-26-17.30.30.778950</t>
  </si>
  <si>
    <t>0376602037</t>
  </si>
  <si>
    <t>2024-07-12-07.03.42.121612</t>
  </si>
  <si>
    <t>0318105879</t>
  </si>
  <si>
    <t>2024-02-08-17.30.38.632290</t>
  </si>
  <si>
    <t>0322800254</t>
  </si>
  <si>
    <t>2024-05-22-14.52.05.855192</t>
  </si>
  <si>
    <t>0362605572</t>
  </si>
  <si>
    <t>2024-11-20-17.30.31.540180</t>
  </si>
  <si>
    <t>0355849014</t>
  </si>
  <si>
    <t>2024-05-08-17.30.33.270499</t>
  </si>
  <si>
    <t>0331194850</t>
  </si>
  <si>
    <t>2024-08-27-08.04.14.374107</t>
  </si>
  <si>
    <t>0335903971</t>
  </si>
  <si>
    <t>2024-06-17-08.24.48.798400</t>
  </si>
  <si>
    <t>0320553592</t>
  </si>
  <si>
    <t>2024-06-03-17.30.41.249534</t>
  </si>
  <si>
    <t>2024-12-17-08.02.39.387550</t>
  </si>
  <si>
    <t>0366601752</t>
  </si>
  <si>
    <t>2024-03-05-17.30.30.553213</t>
  </si>
  <si>
    <t>0349601769</t>
  </si>
  <si>
    <t>2024-05-07-08.07.53.057331</t>
  </si>
  <si>
    <t>0396000053</t>
  </si>
  <si>
    <t>2024-04-23-17.30.29.737286</t>
  </si>
  <si>
    <t>0390462270</t>
  </si>
  <si>
    <t>2024-11-08-17.30.31.257456</t>
  </si>
  <si>
    <t>0301816476</t>
  </si>
  <si>
    <t>2024-04-11-17.30.34.104432</t>
  </si>
  <si>
    <t>0340502649</t>
  </si>
  <si>
    <t>2024-06-17-17.30.37.525643</t>
  </si>
  <si>
    <t>0310305690</t>
  </si>
  <si>
    <t>2024-03-13-17.30.32.949461</t>
  </si>
  <si>
    <t>0312328203</t>
  </si>
  <si>
    <t>2024-08-14-17.30.29.737299</t>
  </si>
  <si>
    <t>2024-06-10-17.30.33.037566</t>
  </si>
  <si>
    <t>0382100537</t>
  </si>
  <si>
    <t>2024-11-27-17.30.32.626073</t>
  </si>
  <si>
    <t>0354903511</t>
  </si>
  <si>
    <t>2024-09-25-17.30.33.195789</t>
  </si>
  <si>
    <t>0347700946</t>
  </si>
  <si>
    <t>2024-02-21-17.30.29.461053</t>
  </si>
  <si>
    <t>0375701718</t>
  </si>
  <si>
    <t>2024-09-30-17.30.39.689206</t>
  </si>
  <si>
    <t>0304402078</t>
  </si>
  <si>
    <t>2024-05-02-17.30.34.949398</t>
  </si>
  <si>
    <t>0378605280</t>
  </si>
  <si>
    <t>2024-08-30-14.49.52.012101</t>
  </si>
  <si>
    <t>2024-04-24-17.30.34.651107</t>
  </si>
  <si>
    <t>2024-04-09-17.30.31.759541</t>
  </si>
  <si>
    <t>0397488791</t>
  </si>
  <si>
    <t>2024-05-29-08.07.45.510569</t>
  </si>
  <si>
    <t>0338556920</t>
  </si>
  <si>
    <t>2024-02-01-17.30.34.407398</t>
  </si>
  <si>
    <t>0330779181</t>
  </si>
  <si>
    <t>2024-10-11-17.30.35.096590</t>
  </si>
  <si>
    <t>0308101890</t>
  </si>
  <si>
    <t>2024-10-25-14.49.53.579524</t>
  </si>
  <si>
    <t>0368295302</t>
  </si>
  <si>
    <t>2024-12-30-08.10.43.649966</t>
  </si>
  <si>
    <t>0358601480</t>
  </si>
  <si>
    <t>2024-12-31-17.30.30.030766</t>
  </si>
  <si>
    <t>0324972733</t>
  </si>
  <si>
    <t>2024-05-31-08.09.23.609012</t>
  </si>
  <si>
    <t>0365701322</t>
  </si>
  <si>
    <t>2024-07-03-17.30.34.380660</t>
  </si>
  <si>
    <t>0359288741</t>
  </si>
  <si>
    <t>2024-02-28-17.30.31.563314</t>
  </si>
  <si>
    <t>0338882856</t>
  </si>
  <si>
    <t>2024-03-26-17.30.31.236007</t>
  </si>
  <si>
    <t>0324100080</t>
  </si>
  <si>
    <t>2024-04-30-08.08.50.654845</t>
  </si>
  <si>
    <t>0327791670</t>
  </si>
  <si>
    <t>2024-10-02-17.30.32.538678</t>
  </si>
  <si>
    <t>0362402746</t>
  </si>
  <si>
    <t>2024-12-13-17.30.33.102043</t>
  </si>
  <si>
    <t>0338586561</t>
  </si>
  <si>
    <t>2024-09-03-17.30.42.480719</t>
  </si>
  <si>
    <t>0307200971</t>
  </si>
  <si>
    <t>2024-09-10-17.30.33.500937</t>
  </si>
  <si>
    <t>0355800861</t>
  </si>
  <si>
    <t>2024-03-01-08.08.59.903866</t>
  </si>
  <si>
    <t>0314905211</t>
  </si>
  <si>
    <t>2024-05-23-17.30.33.732810</t>
  </si>
  <si>
    <t>0385803848</t>
  </si>
  <si>
    <t>2024-03-18-17.30.32.440089</t>
  </si>
  <si>
    <t>2024-10-10-17.30.26.749502</t>
  </si>
  <si>
    <t>0321057886</t>
  </si>
  <si>
    <t>2024-10-10-17.30.26.749462</t>
  </si>
  <si>
    <t>0374800561</t>
  </si>
  <si>
    <t>2024-01-26-17.30.30.891328</t>
  </si>
  <si>
    <t>0372232046</t>
  </si>
  <si>
    <t>2024-11-20-17.30.31.540160</t>
  </si>
  <si>
    <t>0320901705</t>
  </si>
  <si>
    <t>2024-10-08-17.45.58.124347</t>
  </si>
  <si>
    <t>0397993425</t>
  </si>
  <si>
    <t>2024-05-22-17.30.32.582035</t>
  </si>
  <si>
    <t>2024-05-30-17.30.28.196247</t>
  </si>
  <si>
    <t>0363502803</t>
  </si>
  <si>
    <t>2024-02-15-17.30.37.685803</t>
  </si>
  <si>
    <t>0397703696</t>
  </si>
  <si>
    <t>2024-01-26-17.30.30.891318</t>
  </si>
  <si>
    <t>0347801400</t>
  </si>
  <si>
    <t>2024-05-01-08.08.04.450488</t>
  </si>
  <si>
    <t>0327903122</t>
  </si>
  <si>
    <t>2024-08-07-17.30.30.338471</t>
  </si>
  <si>
    <t>0386458362</t>
  </si>
  <si>
    <t>2024-03-12-08.10.38.333345</t>
  </si>
  <si>
    <t>0339100301</t>
  </si>
  <si>
    <t>2024-07-30-15.29.05.004456</t>
  </si>
  <si>
    <t>0391801398</t>
  </si>
  <si>
    <t>2024-01-18-17.30.30.636519</t>
  </si>
  <si>
    <t>0312904483</t>
  </si>
  <si>
    <t>2024-03-14-17.30.32.752450</t>
  </si>
  <si>
    <t>0328702651</t>
  </si>
  <si>
    <t>2024-04-01-17.30.41.784673</t>
  </si>
  <si>
    <t>0394706993</t>
  </si>
  <si>
    <t>2024-06-06-17.30.32.161173</t>
  </si>
  <si>
    <t>0369800583</t>
  </si>
  <si>
    <t>2024-01-04-17.30.34.488034</t>
  </si>
  <si>
    <t>0333253620</t>
  </si>
  <si>
    <t>2024-09-11-17.30.28.629390</t>
  </si>
  <si>
    <t>0335500118</t>
  </si>
  <si>
    <t>2024-05-23-17.30.33.732870</t>
  </si>
  <si>
    <t>0380416320</t>
  </si>
  <si>
    <t>2024-05-31-08.09.23.609032</t>
  </si>
  <si>
    <t>2024-12-31-08.06.35.915896</t>
  </si>
  <si>
    <t>0392505421</t>
  </si>
  <si>
    <t>2024-10-18-17.30.35.012394</t>
  </si>
  <si>
    <t>0358985828</t>
  </si>
  <si>
    <t>2024-05-09-17.30.35.107643</t>
  </si>
  <si>
    <t>0337200720</t>
  </si>
  <si>
    <t>2024-04-23-17.30.29.737326</t>
  </si>
  <si>
    <t>0326062176</t>
  </si>
  <si>
    <t>2024-07-25-17.30.27.463211</t>
  </si>
  <si>
    <t>0334393981</t>
  </si>
  <si>
    <t>2024-07-09-17.30.28.378271</t>
  </si>
  <si>
    <t>0334420120</t>
  </si>
  <si>
    <t>2024-11-19-17.30.33.875338</t>
  </si>
  <si>
    <t>2024-07-22-17.30.32.953214</t>
  </si>
  <si>
    <t>0380300246</t>
  </si>
  <si>
    <t>2024-10-23-14.28.41.853467</t>
  </si>
  <si>
    <t>0396904530</t>
  </si>
  <si>
    <t>2024-01-05-17.30.33.251916</t>
  </si>
  <si>
    <t>0384200546</t>
  </si>
  <si>
    <t>2024-08-21-17.30.34.070673</t>
  </si>
  <si>
    <t>0326400341</t>
  </si>
  <si>
    <t>2024-05-02-17.30.34.949238</t>
  </si>
  <si>
    <t>0308647861</t>
  </si>
  <si>
    <t>2024-11-06-17.30.33.649170</t>
  </si>
  <si>
    <t>0398126360</t>
  </si>
  <si>
    <t>2024-09-18-08.07.29.351294</t>
  </si>
  <si>
    <t>0328900757</t>
  </si>
  <si>
    <t>2024-07-08-17.30.31.535755</t>
  </si>
  <si>
    <t>0393140763</t>
  </si>
  <si>
    <t>2024-11-08-17.30.31.257416</t>
  </si>
  <si>
    <t>0391095550</t>
  </si>
  <si>
    <t>2024-04-16-17.30.31.082908</t>
  </si>
  <si>
    <t>0393844729</t>
  </si>
  <si>
    <t>2024-12-02-17.30.41.339029</t>
  </si>
  <si>
    <t>2024-05-03-17.30.35.056404</t>
  </si>
  <si>
    <t>0355400846</t>
  </si>
  <si>
    <t>2024-06-05-14.50.03.900440</t>
  </si>
  <si>
    <t>0356664960</t>
  </si>
  <si>
    <t>2024-06-06-17.30.32.161113</t>
  </si>
  <si>
    <t>0355405773</t>
  </si>
  <si>
    <t>2024-04-26-08.09.19.295709</t>
  </si>
  <si>
    <t>2024-11-20-17.30.31.540310</t>
  </si>
  <si>
    <t>0317201010</t>
  </si>
  <si>
    <t>2024-05-09-17.30.35.107773</t>
  </si>
  <si>
    <t>0352002510</t>
  </si>
  <si>
    <t>2024-10-15-17.30.32.255077</t>
  </si>
  <si>
    <t>0393500210</t>
  </si>
  <si>
    <t>2024-10-18-14.28.06.403564</t>
  </si>
  <si>
    <t>0393601127</t>
  </si>
  <si>
    <t>2024-09-19-17.30.33.967414</t>
  </si>
  <si>
    <t>0385504746</t>
  </si>
  <si>
    <t>2024-03-22-08.08.21.479525</t>
  </si>
  <si>
    <t>0323800754</t>
  </si>
  <si>
    <t>2024-02-06-17.30.28.092173</t>
  </si>
  <si>
    <t>0369401895</t>
  </si>
  <si>
    <t>2024-06-04-17.32.17.428127</t>
  </si>
  <si>
    <t>0359008882</t>
  </si>
  <si>
    <t>2024-07-03-17.30.34.380700</t>
  </si>
  <si>
    <t>0333705211</t>
  </si>
  <si>
    <t>2024-02-28-17.30.31.563374</t>
  </si>
  <si>
    <t>0360003328</t>
  </si>
  <si>
    <t>2024-11-07-17.30.33.181663</t>
  </si>
  <si>
    <t>0341404294</t>
  </si>
  <si>
    <t>2024-08-19-17.30.33.087106</t>
  </si>
  <si>
    <t>0340700447</t>
  </si>
  <si>
    <t>2024-02-22-08.10.41.926850</t>
  </si>
  <si>
    <t>0366604953</t>
  </si>
  <si>
    <t>2024-09-23-17.30.39.392015</t>
  </si>
  <si>
    <t>0310736202</t>
  </si>
  <si>
    <t>2024-09-11-17.30.28.629420</t>
  </si>
  <si>
    <t>0315082483</t>
  </si>
  <si>
    <t>2024-06-05-17.30.35.468588</t>
  </si>
  <si>
    <t>0325205298</t>
  </si>
  <si>
    <t>2024-11-19-08.07.21.007065</t>
  </si>
  <si>
    <t>0349300681</t>
  </si>
  <si>
    <t>2024-03-27-17.30.34.888482</t>
  </si>
  <si>
    <t>0365602684</t>
  </si>
  <si>
    <t>2024-03-11-17.30.38.885844</t>
  </si>
  <si>
    <t>0327702037</t>
  </si>
  <si>
    <t>2024-12-17-17.30.31.181510</t>
  </si>
  <si>
    <t>0309500095</t>
  </si>
  <si>
    <t>2024-09-11-17.30.28.629410</t>
  </si>
  <si>
    <t>0379557783</t>
  </si>
  <si>
    <t>2024-09-10-17.30.33.501017</t>
  </si>
  <si>
    <t>0329763045</t>
  </si>
  <si>
    <t>2024-03-18-17.30.32.440159</t>
  </si>
  <si>
    <t>0335553385</t>
  </si>
  <si>
    <t>2024-09-26-17.30.30.778820</t>
  </si>
  <si>
    <t>0312843854</t>
  </si>
  <si>
    <t>2024-02-02-17.30.35.524028</t>
  </si>
  <si>
    <t>0328300873</t>
  </si>
  <si>
    <t>2024-11-13-17.30.32.634269</t>
  </si>
  <si>
    <t>2024-04-29-17.30.36.032115</t>
  </si>
  <si>
    <t>0353369409</t>
  </si>
  <si>
    <t>2024-02-05-19.19.56.786148</t>
  </si>
  <si>
    <t>0380201704</t>
  </si>
  <si>
    <t>2024-08-20-17.30.26.360493</t>
  </si>
  <si>
    <t>0372688451</t>
  </si>
  <si>
    <t>2024-06-26-17.30.31.721061</t>
  </si>
  <si>
    <t>2024-04-24-17.30.34.651117</t>
  </si>
  <si>
    <t>0339502232</t>
  </si>
  <si>
    <t>2024-04-05-17.30.34.908210</t>
  </si>
  <si>
    <t>0356802603</t>
  </si>
  <si>
    <t>2024-03-27-17.30.34.888592</t>
  </si>
  <si>
    <t>0339503431</t>
  </si>
  <si>
    <t>2024-04-09-17.30.31.759551</t>
  </si>
  <si>
    <t>0373500033</t>
  </si>
  <si>
    <t>2024-08-20-17.30.26.360423</t>
  </si>
  <si>
    <t>0344802260</t>
  </si>
  <si>
    <t>2024-10-23-17.30.30.891958</t>
  </si>
  <si>
    <t>0330405531</t>
  </si>
  <si>
    <t>2024-05-09-17.30.35.107683</t>
  </si>
  <si>
    <t>0332903966</t>
  </si>
  <si>
    <t>2024-08-06-17.30.30.223977</t>
  </si>
  <si>
    <t>2024-06-04-17.32.17.428097</t>
  </si>
  <si>
    <t>0323900822</t>
  </si>
  <si>
    <t>2024-02-21-17.30.29.461023</t>
  </si>
  <si>
    <t>0332600513</t>
  </si>
  <si>
    <t>2024-10-01-08.07.49.792767</t>
  </si>
  <si>
    <t>0323005561</t>
  </si>
  <si>
    <t>2024-03-25-14.27.54.499206</t>
  </si>
  <si>
    <t>0397504756</t>
  </si>
  <si>
    <t>2024-03-13-17.30.32.949421</t>
  </si>
  <si>
    <t>0350800925</t>
  </si>
  <si>
    <t>2024-10-29-14.47.33.312934</t>
  </si>
  <si>
    <t>0330323811</t>
  </si>
  <si>
    <t>2024-09-10-17.30.33.500797</t>
  </si>
  <si>
    <t>2024-01-25-17.30.30.942346</t>
  </si>
  <si>
    <t>0313195288</t>
  </si>
  <si>
    <t>2024-07-05-17.30.36.003747</t>
  </si>
  <si>
    <t>0338000519</t>
  </si>
  <si>
    <t>2024-11-07-08.01.09.797978</t>
  </si>
  <si>
    <t>2024-04-15-17.30.31.718510</t>
  </si>
  <si>
    <t>0304200158</t>
  </si>
  <si>
    <t>2024-01-09-17.30.30.411922</t>
  </si>
  <si>
    <t>0392800727</t>
  </si>
  <si>
    <t>2024-11-05-08.07.41.477346</t>
  </si>
  <si>
    <t>0336757391</t>
  </si>
  <si>
    <t>2024-08-22-14.48.55.606910</t>
  </si>
  <si>
    <t>0354615130</t>
  </si>
  <si>
    <t>2024-09-16-08.07.47.911732</t>
  </si>
  <si>
    <t>0346200331</t>
  </si>
  <si>
    <t>2024-04-09-17.30.31.759561</t>
  </si>
  <si>
    <t>0364296503</t>
  </si>
  <si>
    <t>2024-09-11-17.30.28.629470</t>
  </si>
  <si>
    <t>2024-05-13-17.30.37.613875</t>
  </si>
  <si>
    <t>0313005393</t>
  </si>
  <si>
    <t>2024-03-19-17.30.31.052605</t>
  </si>
  <si>
    <t>0349903180</t>
  </si>
  <si>
    <t>2024-11-27-17.30.32.626003</t>
  </si>
  <si>
    <t>0317762724</t>
  </si>
  <si>
    <t>2024-07-24-17.30.27.405341</t>
  </si>
  <si>
    <t>0343291450</t>
  </si>
  <si>
    <t>2024-10-01-17.30.33.364825</t>
  </si>
  <si>
    <t>0333302839</t>
  </si>
  <si>
    <t>2024-02-29-17.30.29.727376</t>
  </si>
  <si>
    <t>0330302977</t>
  </si>
  <si>
    <t>2024-06-06-17.30.32.161143</t>
  </si>
  <si>
    <t>0322084852</t>
  </si>
  <si>
    <t>2024-01-04-08.07.58.006316</t>
  </si>
  <si>
    <t>0367404823</t>
  </si>
  <si>
    <t>2024-12-31-17.30.30.030726</t>
  </si>
  <si>
    <t>0387300656</t>
  </si>
  <si>
    <t>2024-10-10-16.26.11.779056</t>
  </si>
  <si>
    <t>0394301820</t>
  </si>
  <si>
    <t>2024-10-02-08.07.12.900834</t>
  </si>
  <si>
    <t>0390400830</t>
  </si>
  <si>
    <t>2024-02-20-17.30.28.672169</t>
  </si>
  <si>
    <t>0311800553</t>
  </si>
  <si>
    <t>2024-03-21-17.30.33.152234</t>
  </si>
  <si>
    <t>0357482552</t>
  </si>
  <si>
    <t>2024-08-08-17.48.21.453476</t>
  </si>
  <si>
    <t>0340302127</t>
  </si>
  <si>
    <t>2024-01-05-17.30.33.252006</t>
  </si>
  <si>
    <t>0343429040</t>
  </si>
  <si>
    <t>2024-11-18-17.30.30.883585</t>
  </si>
  <si>
    <t>0308903167</t>
  </si>
  <si>
    <t>2024-03-21-17.30.33.152294</t>
  </si>
  <si>
    <t>0341300400</t>
  </si>
  <si>
    <t>2024-09-20-17.30.33.034492</t>
  </si>
  <si>
    <t>0349523040</t>
  </si>
  <si>
    <t>2024-09-30-17.30.39.689256</t>
  </si>
  <si>
    <t>0323800241</t>
  </si>
  <si>
    <t>2024-09-10-17.30.33.500887</t>
  </si>
  <si>
    <t>0372006692</t>
  </si>
  <si>
    <t>2024-07-18-17.30.31.245324</t>
  </si>
  <si>
    <t>0304504440</t>
  </si>
  <si>
    <t>2024-04-01-17.30.41.784943</t>
  </si>
  <si>
    <t>0389700608</t>
  </si>
  <si>
    <t>2024-05-10-17.30.34.921817</t>
  </si>
  <si>
    <t>0336903737</t>
  </si>
  <si>
    <t>2024-08-20-17.30.26.360453</t>
  </si>
  <si>
    <t>0356200229</t>
  </si>
  <si>
    <t>2024-03-06-08.06.08.886336</t>
  </si>
  <si>
    <t>0371402878</t>
  </si>
  <si>
    <t>2024-04-08-08.06.16.238870</t>
  </si>
  <si>
    <t>0386817111</t>
  </si>
  <si>
    <t>2024-08-05-17.30.38.235003</t>
  </si>
  <si>
    <t>0331205342</t>
  </si>
  <si>
    <t>2024-06-24-08.06.05.173080</t>
  </si>
  <si>
    <t>0346078501</t>
  </si>
  <si>
    <t>2024-11-20-17.30.31.540270</t>
  </si>
  <si>
    <t>0340879970</t>
  </si>
  <si>
    <t>2024-03-01-14.50.31.473021</t>
  </si>
  <si>
    <t>0330400672</t>
  </si>
  <si>
    <t>2024-02-02-17.30.35.524038</t>
  </si>
  <si>
    <t>0338577900</t>
  </si>
  <si>
    <t>2024-10-03-17.30.31.916734</t>
  </si>
  <si>
    <t>0323483208</t>
  </si>
  <si>
    <t>2024-10-09-17.30.30.742200</t>
  </si>
  <si>
    <t>0333310660</t>
  </si>
  <si>
    <t>2024-01-09-08.06.12.089925</t>
  </si>
  <si>
    <t>0320900516</t>
  </si>
  <si>
    <t>2024-08-23-14.31.40.181374</t>
  </si>
  <si>
    <t>0321904865</t>
  </si>
  <si>
    <t>2024-06-21-17.30.31.771024</t>
  </si>
  <si>
    <t>2024-12-30-08.10.43.648626</t>
  </si>
  <si>
    <t>0390700556</t>
  </si>
  <si>
    <t>2024-06-25-17.30.33.907331</t>
  </si>
  <si>
    <t>2024-01-16-17.30.33.655919</t>
  </si>
  <si>
    <t>0353691581</t>
  </si>
  <si>
    <t>2024-10-11-08.16.08.838398</t>
  </si>
  <si>
    <t>0329802093</t>
  </si>
  <si>
    <t>2024-09-23-17.30.39.392025</t>
  </si>
  <si>
    <t>0325261245</t>
  </si>
  <si>
    <t>2024-04-03-17.30.34.731932</t>
  </si>
  <si>
    <t>2024-12-27-17.32.04.834692</t>
  </si>
  <si>
    <t>0304904582</t>
  </si>
  <si>
    <t>2024-03-21-17.30.33.152264</t>
  </si>
  <si>
    <t>0369204181</t>
  </si>
  <si>
    <t>2024-08-08-17.48.21.453436</t>
  </si>
  <si>
    <t>0348702931</t>
  </si>
  <si>
    <t>2024-09-10-17.30.33.500927</t>
  </si>
  <si>
    <t>0345202980</t>
  </si>
  <si>
    <t>2024-10-16-14.50.27.931987</t>
  </si>
  <si>
    <t>0345402025</t>
  </si>
  <si>
    <t>2024-07-03-17.30.34.380730</t>
  </si>
  <si>
    <t>0302705160</t>
  </si>
  <si>
    <t>2024-06-20-17.30.28.778761</t>
  </si>
  <si>
    <t>0350024430</t>
  </si>
  <si>
    <t>2024-09-06-17.30.31.468498</t>
  </si>
  <si>
    <t>0344202634</t>
  </si>
  <si>
    <t>2024-04-11-07.03.18.461655</t>
  </si>
  <si>
    <t>0396523590</t>
  </si>
  <si>
    <t>2024-08-19-17.30.33.087146</t>
  </si>
  <si>
    <t>0359845130</t>
  </si>
  <si>
    <t>2024-03-11-17.30.38.885854</t>
  </si>
  <si>
    <t>2024-05-07-17.30.31.626222</t>
  </si>
  <si>
    <t>2024-03-08-17.30.33.466537</t>
  </si>
  <si>
    <t>0387400211</t>
  </si>
  <si>
    <t>2024-06-27-08.12.07.929771</t>
  </si>
  <si>
    <t>0361901641</t>
  </si>
  <si>
    <t>2024-09-11-08.07.58.188031</t>
  </si>
  <si>
    <t>0300100923</t>
  </si>
  <si>
    <t>2024-10-17-17.30.36.224275</t>
  </si>
  <si>
    <t>2024-07-26-08.08.34.694850</t>
  </si>
  <si>
    <t>0308930162</t>
  </si>
  <si>
    <t>2024-03-27-17.30.34.888502</t>
  </si>
  <si>
    <t>0391200003</t>
  </si>
  <si>
    <t>2024-06-27-17.30.29.212567</t>
  </si>
  <si>
    <t>0381504963</t>
  </si>
  <si>
    <t>2024-04-17-17.30.29.783049</t>
  </si>
  <si>
    <t>2024-03-27-08.16.23.477728</t>
  </si>
  <si>
    <t>0379884120</t>
  </si>
  <si>
    <t>2024-01-03-17.30.34.376043</t>
  </si>
  <si>
    <t>2024-03-06-17.30.29.705540</t>
  </si>
  <si>
    <t>0391700801</t>
  </si>
  <si>
    <t>2024-12-26-17.30.32.252019</t>
  </si>
  <si>
    <t>0351206524</t>
  </si>
  <si>
    <t>2024-09-12-17.30.27.119679</t>
  </si>
  <si>
    <t>0372602371</t>
  </si>
  <si>
    <t>2024-10-03-08.11.05.170110</t>
  </si>
  <si>
    <t>0359978870</t>
  </si>
  <si>
    <t>2024-08-12-17.30.31.598503</t>
  </si>
  <si>
    <t>0309502055</t>
  </si>
  <si>
    <t>2024-02-26-17.30.34.016370</t>
  </si>
  <si>
    <t>0334501106</t>
  </si>
  <si>
    <t>2024-11-20-17.30.31.540370</t>
  </si>
  <si>
    <t>0309220581</t>
  </si>
  <si>
    <t>2024-12-16-08.05.31.315797</t>
  </si>
  <si>
    <t>0332100939</t>
  </si>
  <si>
    <t>2024-09-03-17.30.42.480729</t>
  </si>
  <si>
    <t>0351305045</t>
  </si>
  <si>
    <t>2024-06-21-08.07.27.752434</t>
  </si>
  <si>
    <t>0363802352</t>
  </si>
  <si>
    <t>2024-12-04-08.07.03.488140</t>
  </si>
  <si>
    <t>0304821491</t>
  </si>
  <si>
    <t>2024-12-16-15.33.19.762012</t>
  </si>
  <si>
    <t>0378807662</t>
  </si>
  <si>
    <t>2024-05-23-17.30.33.732850</t>
  </si>
  <si>
    <t>2024-12-18-08.02.54.802800</t>
  </si>
  <si>
    <t>2024-05-14-17.30.30.343652</t>
  </si>
  <si>
    <t>2024-05-14-17.30.30.343642</t>
  </si>
  <si>
    <t>0328885360</t>
  </si>
  <si>
    <t>2024-12-16-08.05.31.315687</t>
  </si>
  <si>
    <t>0393949700</t>
  </si>
  <si>
    <t>2024-09-13-17.30.30.460412</t>
  </si>
  <si>
    <t>0380404081</t>
  </si>
  <si>
    <t>2024-07-15-17.30.36.510717</t>
  </si>
  <si>
    <t>0326303641</t>
  </si>
  <si>
    <t>2024-01-11-17.30.29.112031</t>
  </si>
  <si>
    <t>0367355660</t>
  </si>
  <si>
    <t>2024-02-02-14.59.01.450224</t>
  </si>
  <si>
    <t>0391273374</t>
  </si>
  <si>
    <t>2024-03-11-17.30.38.885884</t>
  </si>
  <si>
    <t>2024-05-15-17.31.58.843643</t>
  </si>
  <si>
    <t>2024-10-09-08.07.02.746015</t>
  </si>
  <si>
    <t>0317104170</t>
  </si>
  <si>
    <t>2024-11-14-17.30.32.165679</t>
  </si>
  <si>
    <t>2024-07-30-17.30.27.809975</t>
  </si>
  <si>
    <t>0338404141</t>
  </si>
  <si>
    <t>2024-09-10-17.30.33.500957</t>
  </si>
  <si>
    <t>0317775448</t>
  </si>
  <si>
    <t>2024-09-09-17.30.32.019778</t>
  </si>
  <si>
    <t>0372149390</t>
  </si>
  <si>
    <t>2024-04-23-17.30.29.737336</t>
  </si>
  <si>
    <t>0305653620</t>
  </si>
  <si>
    <t>2024-07-16-14.30.34.471037</t>
  </si>
  <si>
    <t>0395902034</t>
  </si>
  <si>
    <t>2024-02-08-08.09.38.688086</t>
  </si>
  <si>
    <t>0370280631</t>
  </si>
  <si>
    <t>2024-01-23-17.30.28.920750</t>
  </si>
  <si>
    <t>0391732013</t>
  </si>
  <si>
    <t>2024-06-28-08.08.09.982623</t>
  </si>
  <si>
    <t>2024-08-19-17.30.33.087036</t>
  </si>
  <si>
    <t>0377302081</t>
  </si>
  <si>
    <t>2024-12-04-08.07.03.487180</t>
  </si>
  <si>
    <t>0353801491</t>
  </si>
  <si>
    <t>2024-05-01-08.08.04.449688</t>
  </si>
  <si>
    <t>0322401840</t>
  </si>
  <si>
    <t>2024-01-26-14.50.27.134625</t>
  </si>
  <si>
    <t>2024-04-10-08.06.51.247362</t>
  </si>
  <si>
    <t>0390800373</t>
  </si>
  <si>
    <t>2024-06-25-17.30.33.907371</t>
  </si>
  <si>
    <t>0396400814</t>
  </si>
  <si>
    <t>2024-02-07-08.07.16.934843</t>
  </si>
  <si>
    <t>0313303143</t>
  </si>
  <si>
    <t>2024-05-09-08.10.07.020226</t>
  </si>
  <si>
    <t>0314368674</t>
  </si>
  <si>
    <t>2024-10-07-17.30.29.939883</t>
  </si>
  <si>
    <t>0355405591</t>
  </si>
  <si>
    <t>2024-04-01-17.30.41.784643</t>
  </si>
  <si>
    <t>0342604111</t>
  </si>
  <si>
    <t>2024-05-17-08.07.07.433063</t>
  </si>
  <si>
    <t>2024-09-18-17.30.28.805803</t>
  </si>
  <si>
    <t>0348800150</t>
  </si>
  <si>
    <t>2024-10-10-17.30.26.749492</t>
  </si>
  <si>
    <t>2024-03-26-08.09.21.642887</t>
  </si>
  <si>
    <t>0340712800</t>
  </si>
  <si>
    <t>2024-02-12-17.30.34.999876</t>
  </si>
  <si>
    <t>0330556021</t>
  </si>
  <si>
    <t>2024-04-01-17.30.41.784683</t>
  </si>
  <si>
    <t>0385704487</t>
  </si>
  <si>
    <t>2024-05-13-15.29.48.964599</t>
  </si>
  <si>
    <t>0389845062</t>
  </si>
  <si>
    <t>2024-06-20-17.30.28.778781</t>
  </si>
  <si>
    <t>2024-09-05-17.30.30.490833</t>
  </si>
  <si>
    <t>0344471967</t>
  </si>
  <si>
    <t>2024-06-07-17.30.28.663670</t>
  </si>
  <si>
    <t>0365200170</t>
  </si>
  <si>
    <t>2024-02-20-17.30.28.672159</t>
  </si>
  <si>
    <t>0384702275</t>
  </si>
  <si>
    <t>2024-04-30-12.47.39.110864</t>
  </si>
  <si>
    <t>0347981085</t>
  </si>
  <si>
    <t>2024-10-15-15.41.08.103111</t>
  </si>
  <si>
    <t>0323959271</t>
  </si>
  <si>
    <t>2024-02-07-17.30.33.362403</t>
  </si>
  <si>
    <t>0381550955</t>
  </si>
  <si>
    <t>2024-12-23-17.30.33.694317</t>
  </si>
  <si>
    <t>0350404440</t>
  </si>
  <si>
    <t>2024-04-23-18.05.27.526324</t>
  </si>
  <si>
    <t>0312100531</t>
  </si>
  <si>
    <t>2024-06-20-17.30.28.778821</t>
  </si>
  <si>
    <t>0332508060</t>
  </si>
  <si>
    <t>2024-02-23-14.50.30.071350</t>
  </si>
  <si>
    <t>0311701161</t>
  </si>
  <si>
    <t>2024-10-23-17.30.30.891878</t>
  </si>
  <si>
    <t>0317901668</t>
  </si>
  <si>
    <t>2024-08-16-17.30.35.615962</t>
  </si>
  <si>
    <t>0395404714</t>
  </si>
  <si>
    <t>2024-05-20-14.29.38.044875</t>
  </si>
  <si>
    <t>0338911502</t>
  </si>
  <si>
    <t>2024-10-18-08.08.06.691629</t>
  </si>
  <si>
    <t>0355202164</t>
  </si>
  <si>
    <t>2024-08-09-17.30.34.700093</t>
  </si>
  <si>
    <t>0310669633</t>
  </si>
  <si>
    <t>2024-09-03-17.30.42.480579</t>
  </si>
  <si>
    <t>0307705569</t>
  </si>
  <si>
    <t>2024-12-19-17.30.33.514451</t>
  </si>
  <si>
    <t>0351158416</t>
  </si>
  <si>
    <t>2024-06-10-17.30.33.037616</t>
  </si>
  <si>
    <t>0384402113</t>
  </si>
  <si>
    <t>2024-05-03-17.30.35.056384</t>
  </si>
  <si>
    <t>0355895281</t>
  </si>
  <si>
    <t>2024-05-29-17.30.34.087662</t>
  </si>
  <si>
    <t>0305115295</t>
  </si>
  <si>
    <t>2024-05-16-17.30.35.217750</t>
  </si>
  <si>
    <t>0339666051</t>
  </si>
  <si>
    <t>2024-11-25-17.30.34.714856</t>
  </si>
  <si>
    <t>0367603978</t>
  </si>
  <si>
    <t>2024-07-23-17.30.32.180211</t>
  </si>
  <si>
    <t>0397100606</t>
  </si>
  <si>
    <t>2024-10-22-17.30.28.717598</t>
  </si>
  <si>
    <t>0394003624</t>
  </si>
  <si>
    <t>2024-12-11-17.30.30.574429</t>
  </si>
  <si>
    <t>2024-05-24-17.30.31.969133</t>
  </si>
  <si>
    <t>0326001215</t>
  </si>
  <si>
    <t>2024-02-14-17.30.32.792444</t>
  </si>
  <si>
    <t>0301328968</t>
  </si>
  <si>
    <t>2024-03-08-17.30.33.466487</t>
  </si>
  <si>
    <t>0341352951</t>
  </si>
  <si>
    <t>2024-11-12-17.30.32.612813</t>
  </si>
  <si>
    <t>0322800647</t>
  </si>
  <si>
    <t>2024-03-06-17.30.29.705510</t>
  </si>
  <si>
    <t>0366502863</t>
  </si>
  <si>
    <t>2024-05-20-17.30.32.896709</t>
  </si>
  <si>
    <t>0364100858</t>
  </si>
  <si>
    <t>2024-06-25-17.30.33.907381</t>
  </si>
  <si>
    <t>0310271771</t>
  </si>
  <si>
    <t>2024-02-01-17.30.34.407358</t>
  </si>
  <si>
    <t>2024-05-07-17.30.31.626272</t>
  </si>
  <si>
    <t>0329540040</t>
  </si>
  <si>
    <t>2024-09-13-17.30.30.460392</t>
  </si>
  <si>
    <t>0377906090</t>
  </si>
  <si>
    <t>2024-02-23-17.30.30.285114</t>
  </si>
  <si>
    <t>0361804740</t>
  </si>
  <si>
    <t>2024-11-06-17.30.33.649140</t>
  </si>
  <si>
    <t>0382142883</t>
  </si>
  <si>
    <t>2024-01-31-17.30.27.948557</t>
  </si>
  <si>
    <t>0306837053</t>
  </si>
  <si>
    <t>2024-11-25-17.30.34.714816</t>
  </si>
  <si>
    <t>0381000005</t>
  </si>
  <si>
    <t>2024-11-26-08.16.47.144683</t>
  </si>
  <si>
    <t>0361305428</t>
  </si>
  <si>
    <t>2024-10-24-08.11.05.769465</t>
  </si>
  <si>
    <t>0359739900</t>
  </si>
  <si>
    <t>2024-01-29-17.30.33.704801</t>
  </si>
  <si>
    <t>0350600679</t>
  </si>
  <si>
    <t>2024-08-29-17.30.32.842810</t>
  </si>
  <si>
    <t>0398187905</t>
  </si>
  <si>
    <t>2024-12-03-17.30.28.886731</t>
  </si>
  <si>
    <t>0390488133</t>
  </si>
  <si>
    <t>2024-10-07-17.30.29.939943</t>
  </si>
  <si>
    <t>0370901463</t>
  </si>
  <si>
    <t>2024-05-14-17.30.30.343622</t>
  </si>
  <si>
    <t>0377300683</t>
  </si>
  <si>
    <t>2024-11-25-17.30.34.714796</t>
  </si>
  <si>
    <t>0352400044</t>
  </si>
  <si>
    <t>2024-02-01-17.30.34.407368</t>
  </si>
  <si>
    <t>0356900043</t>
  </si>
  <si>
    <t>2024-11-20-17.30.31.540390</t>
  </si>
  <si>
    <t>0310195571</t>
  </si>
  <si>
    <t>2024-09-19-17.30.33.967394</t>
  </si>
  <si>
    <t>0348605161</t>
  </si>
  <si>
    <t>2024-02-09-14.50.27.553511</t>
  </si>
  <si>
    <t>0389300915</t>
  </si>
  <si>
    <t>2024-08-01-08.09.46.368097</t>
  </si>
  <si>
    <t>0382705870</t>
  </si>
  <si>
    <t>2024-11-20-17.30.31.540320</t>
  </si>
  <si>
    <t>0330102913</t>
  </si>
  <si>
    <t>2024-05-31-17.30.32.240523</t>
  </si>
  <si>
    <t>0363203229</t>
  </si>
  <si>
    <t>2024-04-12-17.30.31.760222</t>
  </si>
  <si>
    <t>0345414230</t>
  </si>
  <si>
    <t>2024-10-31-17.30.35.777069</t>
  </si>
  <si>
    <t>0382802351</t>
  </si>
  <si>
    <t>2024-10-17-17.30.36.224425</t>
  </si>
  <si>
    <t>0311340170</t>
  </si>
  <si>
    <t>2024-10-03-08.11.05.170360</t>
  </si>
  <si>
    <t>0308103250</t>
  </si>
  <si>
    <t>2024-07-31-17.30.29.479949</t>
  </si>
  <si>
    <t>0330103403</t>
  </si>
  <si>
    <t>2024-08-16-17.30.35.615972</t>
  </si>
  <si>
    <t>0366893560</t>
  </si>
  <si>
    <t>2024-02-22-08.10.41.927800</t>
  </si>
  <si>
    <t>0308556220</t>
  </si>
  <si>
    <t>2024-09-05-17.30.30.490803</t>
  </si>
  <si>
    <t>0399285860</t>
  </si>
  <si>
    <t>2024-10-17-17.30.36.224305</t>
  </si>
  <si>
    <t>0360201020</t>
  </si>
  <si>
    <t>2024-04-29-17.30.36.032065</t>
  </si>
  <si>
    <t>0319102930</t>
  </si>
  <si>
    <t>2024-01-11-17.30.29.111981</t>
  </si>
  <si>
    <t>0372094045</t>
  </si>
  <si>
    <t>2024-07-31-08.06.29.126845</t>
  </si>
  <si>
    <t>2024-01-19-17.30.33.616673</t>
  </si>
  <si>
    <t>0390303271</t>
  </si>
  <si>
    <t>2024-10-29-14.47.33.312979</t>
  </si>
  <si>
    <t>0312301213</t>
  </si>
  <si>
    <t>2024-12-27-17.32.04.834652</t>
  </si>
  <si>
    <t>2024-06-13-08.04.20.722099</t>
  </si>
  <si>
    <t>0342103680</t>
  </si>
  <si>
    <t>2024-05-15-17.31.58.843583</t>
  </si>
  <si>
    <t>0316023640</t>
  </si>
  <si>
    <t>2024-03-12-17.30.30.888544</t>
  </si>
  <si>
    <t>0303350979</t>
  </si>
  <si>
    <t>2024-04-26-17.30.32.110506</t>
  </si>
  <si>
    <t>0360002746</t>
  </si>
  <si>
    <t>2024-04-16-17.30.31.082888</t>
  </si>
  <si>
    <t>0399601037</t>
  </si>
  <si>
    <t>2024-01-09-17.30.30.411912</t>
  </si>
  <si>
    <t>0330600056</t>
  </si>
  <si>
    <t>2024-11-05-17.30.31.764177</t>
  </si>
  <si>
    <t>0388504696</t>
  </si>
  <si>
    <t>2024-02-26-17.30.34.016260</t>
  </si>
  <si>
    <t>2024-07-15-08.07.40.262953</t>
  </si>
  <si>
    <t>0381204270</t>
  </si>
  <si>
    <t>2024-07-18-17.30.31.245224</t>
  </si>
  <si>
    <t>0359124750</t>
  </si>
  <si>
    <t>2024-06-17-17.30.37.525673</t>
  </si>
  <si>
    <t>0352900409</t>
  </si>
  <si>
    <t>2024-07-15-17.30.36.510827</t>
  </si>
  <si>
    <t>0333494360</t>
  </si>
  <si>
    <t>2024-11-04-17.30.35.112461</t>
  </si>
  <si>
    <t>0370601628</t>
  </si>
  <si>
    <t>2024-11-06-17.30.33.649120</t>
  </si>
  <si>
    <t>0373505557</t>
  </si>
  <si>
    <t>2024-01-19-08.08.11.725899</t>
  </si>
  <si>
    <t>0324009216</t>
  </si>
  <si>
    <t>2024-04-02-17.30.34.288497</t>
  </si>
  <si>
    <t>0300013630</t>
  </si>
  <si>
    <t>2024-05-23-17.30.33.732800</t>
  </si>
  <si>
    <t>0310100250</t>
  </si>
  <si>
    <t>2024-08-21-17.30.34.070643</t>
  </si>
  <si>
    <t>0352340380</t>
  </si>
  <si>
    <t>2024-05-02-14.31.02.626230</t>
  </si>
  <si>
    <t>0365697700</t>
  </si>
  <si>
    <t>2024-02-21-08.06.40.879062</t>
  </si>
  <si>
    <t>2024-09-10-17.30.33.501057</t>
  </si>
  <si>
    <t>0310701754</t>
  </si>
  <si>
    <t>2024-09-12-08.12.45.995993</t>
  </si>
  <si>
    <t>0355709691</t>
  </si>
  <si>
    <t>2024-07-02-17.30.32.069328</t>
  </si>
  <si>
    <t>0341902064</t>
  </si>
  <si>
    <t>2024-05-06-19.32.23.411008</t>
  </si>
  <si>
    <t>0367452881</t>
  </si>
  <si>
    <t>2024-12-12-14.29.29.635052</t>
  </si>
  <si>
    <t>0310902091</t>
  </si>
  <si>
    <t>2024-06-03-18.05.28.263819</t>
  </si>
  <si>
    <t>0363000452</t>
  </si>
  <si>
    <t>2024-04-19-17.30.31.686895</t>
  </si>
  <si>
    <t>0333291800</t>
  </si>
  <si>
    <t>2024-10-09-16.55.16.954782</t>
  </si>
  <si>
    <t>0301003710</t>
  </si>
  <si>
    <t>2024-07-03-17.30.34.380620</t>
  </si>
  <si>
    <t>0397803080</t>
  </si>
  <si>
    <t>2024-05-08-17.30.33.270509</t>
  </si>
  <si>
    <t>0364643291</t>
  </si>
  <si>
    <t>2024-08-16-17.30.35.615922</t>
  </si>
  <si>
    <t>2024-07-17-17.30.30.396088</t>
  </si>
  <si>
    <t>0399502021</t>
  </si>
  <si>
    <t>2024-07-18-17.30.31.245244</t>
  </si>
  <si>
    <t>0384602585</t>
  </si>
  <si>
    <t>2024-01-04-17.30.34.487964</t>
  </si>
  <si>
    <t>2024-04-29-17.30.36.032125</t>
  </si>
  <si>
    <t>0357741700</t>
  </si>
  <si>
    <t>2024-11-21-17.30.32.281999</t>
  </si>
  <si>
    <t>0314338640</t>
  </si>
  <si>
    <t>2024-10-03-14.48.47.699420</t>
  </si>
  <si>
    <t>0364711960</t>
  </si>
  <si>
    <t>2024-05-08-17.30.33.270479</t>
  </si>
  <si>
    <t>0324602640</t>
  </si>
  <si>
    <t>2024-06-21-14.30.36.987570</t>
  </si>
  <si>
    <t>0349201714</t>
  </si>
  <si>
    <t>2024-01-03-17.30.34.376023</t>
  </si>
  <si>
    <t>0329723519</t>
  </si>
  <si>
    <t>2024-06-11-17.30.35.021705</t>
  </si>
  <si>
    <t>0315302162</t>
  </si>
  <si>
    <t>2024-09-05-17.30.30.490813</t>
  </si>
  <si>
    <t>0380901360</t>
  </si>
  <si>
    <t>2024-11-26-08.16.47.146263</t>
  </si>
  <si>
    <t>0328300351</t>
  </si>
  <si>
    <t>2024-04-08-19.07.55.113916</t>
  </si>
  <si>
    <t>0394800753</t>
  </si>
  <si>
    <t>2024-09-12-17.30.27.119779</t>
  </si>
  <si>
    <t>2024-09-18-17.30.28.805713</t>
  </si>
  <si>
    <t>2024-03-14-17.30.32.752470</t>
  </si>
  <si>
    <t>0342770800</t>
  </si>
  <si>
    <t>2024-05-01-17.30.33.868208</t>
  </si>
  <si>
    <t>0308239180</t>
  </si>
  <si>
    <t>2024-05-28-08.08.13.165586</t>
  </si>
  <si>
    <t>0355153581</t>
  </si>
  <si>
    <t>2024-02-02-08.08.24.120386</t>
  </si>
  <si>
    <t>0389401771</t>
  </si>
  <si>
    <t>2024-01-05-17.30.33.251906</t>
  </si>
  <si>
    <t>2024-05-08-17.30.33.270529</t>
  </si>
  <si>
    <t>0344362910</t>
  </si>
  <si>
    <t>2024-03-04-17.30.38.516661</t>
  </si>
  <si>
    <t>0382805133</t>
  </si>
  <si>
    <t>2024-06-24-14.49.32.076950</t>
  </si>
  <si>
    <t>2024-12-19-17.30.33.514411</t>
  </si>
  <si>
    <t>0398900843</t>
  </si>
  <si>
    <t>2024-06-12-17.30.32.213034</t>
  </si>
  <si>
    <t>0380527631</t>
  </si>
  <si>
    <t>2024-10-29-14.47.33.312945</t>
  </si>
  <si>
    <t>0324505396</t>
  </si>
  <si>
    <t>2024-07-11-21.06.22.752528</t>
  </si>
  <si>
    <t>0368382417</t>
  </si>
  <si>
    <t>2024-01-25-17.30.30.942366</t>
  </si>
  <si>
    <t>2024-08-01-17.30.32.966702</t>
  </si>
  <si>
    <t>2024-09-11-17.30.28.629380</t>
  </si>
  <si>
    <t>2024-05-07-08.07.53.057431</t>
  </si>
  <si>
    <t>2024-07-23-18.05.25.523267</t>
  </si>
  <si>
    <t>0335201713</t>
  </si>
  <si>
    <t>2024-09-18-17.30.28.805753</t>
  </si>
  <si>
    <t>0313202311</t>
  </si>
  <si>
    <t>2024-04-12-08.08.43.657649</t>
  </si>
  <si>
    <t>0375323583</t>
  </si>
  <si>
    <t>2024-08-05-08.06.07.869678</t>
  </si>
  <si>
    <t>0355805554</t>
  </si>
  <si>
    <t>2024-10-22-17.30.28.717558</t>
  </si>
  <si>
    <t>0370401123</t>
  </si>
  <si>
    <t>2024-09-09-17.30.32.019688</t>
  </si>
  <si>
    <t>0377400246</t>
  </si>
  <si>
    <t>2024-07-24-17.30.27.405251</t>
  </si>
  <si>
    <t>0352100730</t>
  </si>
  <si>
    <t>2024-11-21-17.30.32.282029</t>
  </si>
  <si>
    <t>0358303109</t>
  </si>
  <si>
    <t>2024-02-20-17.30.28.672129</t>
  </si>
  <si>
    <t>2024-05-14-17.30.30.343682</t>
  </si>
  <si>
    <t>0391165002</t>
  </si>
  <si>
    <t>2024-09-05-17.30.30.490823</t>
  </si>
  <si>
    <t>2024-08-19-17.30.33.087136</t>
  </si>
  <si>
    <t>2024-02-06-17.30.28.092153</t>
  </si>
  <si>
    <t>0327802924</t>
  </si>
  <si>
    <t>2024-09-17-08.06.26.006926</t>
  </si>
  <si>
    <t>2024-05-08-08.06.33.786396</t>
  </si>
  <si>
    <t>0383474790</t>
  </si>
  <si>
    <t>2024-06-24-08.06.05.172010</t>
  </si>
  <si>
    <t>0394213060</t>
  </si>
  <si>
    <t>2024-06-28-17.30.29.382925</t>
  </si>
  <si>
    <t>0304722882</t>
  </si>
  <si>
    <t>2024-07-02-17.30.32.069268</t>
  </si>
  <si>
    <t>0306412272</t>
  </si>
  <si>
    <t>2024-02-23-08.07.41.703483</t>
  </si>
  <si>
    <t>0316700310</t>
  </si>
  <si>
    <t>2024-02-23-17.30.30.285104</t>
  </si>
  <si>
    <t>0351903695</t>
  </si>
  <si>
    <t>2024-09-06-17.30.31.468348</t>
  </si>
  <si>
    <t>2024-03-27-17.30.34.888492</t>
  </si>
  <si>
    <t>0354691131</t>
  </si>
  <si>
    <t>2024-12-12-08.08.25.608114</t>
  </si>
  <si>
    <t>0376119658</t>
  </si>
  <si>
    <t>2024-03-12-17.30.30.888594</t>
  </si>
  <si>
    <t>0366030760</t>
  </si>
  <si>
    <t>2024-08-30-17.30.33.873802</t>
  </si>
  <si>
    <t>0337002880</t>
  </si>
  <si>
    <t>2024-07-31-17.30.29.479979</t>
  </si>
  <si>
    <t>0378464049</t>
  </si>
  <si>
    <t>2024-10-18-17.30.35.012484</t>
  </si>
  <si>
    <t>0307206643</t>
  </si>
  <si>
    <t>2024-05-30-08.11.34.029488</t>
  </si>
  <si>
    <t>0397800724</t>
  </si>
  <si>
    <t>2024-06-07-17.30.28.663830</t>
  </si>
  <si>
    <t>0396001839</t>
  </si>
  <si>
    <t>2024-12-02-17.30.41.338909</t>
  </si>
  <si>
    <t>0349205044</t>
  </si>
  <si>
    <t>2024-01-22-17.30.38.792904</t>
  </si>
  <si>
    <t>0383100069</t>
  </si>
  <si>
    <t>2024-10-01-08.07.49.793777</t>
  </si>
  <si>
    <t>0378500816</t>
  </si>
  <si>
    <t>2024-11-05-17.30.31.764117</t>
  </si>
  <si>
    <t>0316205280</t>
  </si>
  <si>
    <t>2024-04-16-17.30.31.082898</t>
  </si>
  <si>
    <t>0356958770</t>
  </si>
  <si>
    <t>2024-05-06-19.32.23.410838</t>
  </si>
  <si>
    <t>0322704750</t>
  </si>
  <si>
    <t>2024-11-05-17.30.31.764257</t>
  </si>
  <si>
    <t>0306105340</t>
  </si>
  <si>
    <t>2024-02-21-17.30.29.460973</t>
  </si>
  <si>
    <t>0373416852</t>
  </si>
  <si>
    <t>2024-08-13-17.30.32.468599</t>
  </si>
  <si>
    <t>0356905225</t>
  </si>
  <si>
    <t>2024-06-25-17.30.33.907251</t>
  </si>
  <si>
    <t>0302590690</t>
  </si>
  <si>
    <t>2024-12-09-17.30.36.307275</t>
  </si>
  <si>
    <t>0381200430</t>
  </si>
  <si>
    <t>2024-12-03-13.18.41.328232</t>
  </si>
  <si>
    <t>0346707654</t>
  </si>
  <si>
    <t>2024-07-03-08.10.31.641155</t>
  </si>
  <si>
    <t>2024-05-02-17.30.34.949278</t>
  </si>
  <si>
    <t>0389202204</t>
  </si>
  <si>
    <t>2024-10-31-08.09.26.421479</t>
  </si>
  <si>
    <t>0311503982</t>
  </si>
  <si>
    <t>2024-01-16-14.50.30.171260</t>
  </si>
  <si>
    <t>0383100101</t>
  </si>
  <si>
    <t>2024-05-13-17.30.37.613945</t>
  </si>
  <si>
    <t>0336403920</t>
  </si>
  <si>
    <t>2024-06-18-17.30.35.338115</t>
  </si>
  <si>
    <t>2024-04-01-08.07.20.194070</t>
  </si>
  <si>
    <t>0329600855</t>
  </si>
  <si>
    <t>2024-05-22-17.30.32.582045</t>
  </si>
  <si>
    <t>0371201737</t>
  </si>
  <si>
    <t>2024-06-12-17.30.32.213054</t>
  </si>
  <si>
    <t>0394987661</t>
  </si>
  <si>
    <t>2024-01-23-17.30.28.920800</t>
  </si>
  <si>
    <t>0310216251</t>
  </si>
  <si>
    <t>2024-08-29-08.14.35.189597</t>
  </si>
  <si>
    <t>0384705079</t>
  </si>
  <si>
    <t>2024-08-08-17.48.21.453466</t>
  </si>
  <si>
    <t>0324928221</t>
  </si>
  <si>
    <t>2024-07-17-17.30.30.396098</t>
  </si>
  <si>
    <t>0349105988</t>
  </si>
  <si>
    <t>2024-02-12-17.30.34.999836</t>
  </si>
  <si>
    <t>2024-09-06-17.30.31.468428</t>
  </si>
  <si>
    <t>0383485821</t>
  </si>
  <si>
    <t>2024-09-09-17.30.32.019818</t>
  </si>
  <si>
    <t>0382105621</t>
  </si>
  <si>
    <t>2024-01-02-08.07.28.738142</t>
  </si>
  <si>
    <t>0361600649</t>
  </si>
  <si>
    <t>2024-01-16-17.30.33.655989</t>
  </si>
  <si>
    <t>0353800847</t>
  </si>
  <si>
    <t>2024-07-16-14.30.34.471012</t>
  </si>
  <si>
    <t>2024-06-24-17.30.35.189264</t>
  </si>
  <si>
    <t>0325400310</t>
  </si>
  <si>
    <t>2024-06-27-14.30.39.612890</t>
  </si>
  <si>
    <t>0309801000</t>
  </si>
  <si>
    <t>2024-02-28-17.30.31.563334</t>
  </si>
  <si>
    <t>0360704527</t>
  </si>
  <si>
    <t>2024-08-07-17.30.30.338341</t>
  </si>
  <si>
    <t>2024-11-15-17.30.32.580879</t>
  </si>
  <si>
    <t>0330831471</t>
  </si>
  <si>
    <t>2024-07-10-17.30.35.009271</t>
  </si>
  <si>
    <t>0380877310</t>
  </si>
  <si>
    <t>2024-09-03-17.30.42.480669</t>
  </si>
  <si>
    <t>2024-12-02-08.07.26.972146</t>
  </si>
  <si>
    <t>0366900178</t>
  </si>
  <si>
    <t>2024-11-15-17.30.32.580849</t>
  </si>
  <si>
    <t>0341402510</t>
  </si>
  <si>
    <t>2024-10-15-17.30.32.255137</t>
  </si>
  <si>
    <t>0361302367</t>
  </si>
  <si>
    <t>2024-04-05-17.30.34.908220</t>
  </si>
  <si>
    <t>0325501353</t>
  </si>
  <si>
    <t>2024-04-19-17.30.31.686885</t>
  </si>
  <si>
    <t>0338202373</t>
  </si>
  <si>
    <t>2024-10-03-17.30.31.916704</t>
  </si>
  <si>
    <t>0306196450</t>
  </si>
  <si>
    <t>2024-06-28-17.30.29.382905</t>
  </si>
  <si>
    <t>0313562943</t>
  </si>
  <si>
    <t>2024-05-24-08.09.44.140570</t>
  </si>
  <si>
    <t>0376804443</t>
  </si>
  <si>
    <t>2024-09-23-17.30.39.391975</t>
  </si>
  <si>
    <t>0326694034</t>
  </si>
  <si>
    <t>2024-07-23-17.30.32.180171</t>
  </si>
  <si>
    <t>0327300390</t>
  </si>
  <si>
    <t>2024-12-26-08.10.05.597762</t>
  </si>
  <si>
    <t>0378700621</t>
  </si>
  <si>
    <t>2024-01-09-17.30.30.412012</t>
  </si>
  <si>
    <t>0338203200</t>
  </si>
  <si>
    <t>2024-05-07-17.30.31.626192</t>
  </si>
  <si>
    <t>0323032820</t>
  </si>
  <si>
    <t>2024-12-06-08.07.17.003122</t>
  </si>
  <si>
    <t>0382802010</t>
  </si>
  <si>
    <t>2024-12-02-17.30.41.338979</t>
  </si>
  <si>
    <t>0372515961</t>
  </si>
  <si>
    <t>2024-01-19-17.30.33.616723</t>
  </si>
  <si>
    <t>0397237847</t>
  </si>
  <si>
    <t>2024-04-01-17.30.41.784843</t>
  </si>
  <si>
    <t>0390856259</t>
  </si>
  <si>
    <t>2024-02-15-17.30.37.685863</t>
  </si>
  <si>
    <t>0330600608</t>
  </si>
  <si>
    <t>2024-02-29-17.30.29.727346</t>
  </si>
  <si>
    <t>0334244394</t>
  </si>
  <si>
    <t>2024-06-12-17.30.32.213014</t>
  </si>
  <si>
    <t>0354717654</t>
  </si>
  <si>
    <t>2024-09-10-17.30.33.501027</t>
  </si>
  <si>
    <t>0327459983</t>
  </si>
  <si>
    <t>2024-06-28-17.30.29.382995</t>
  </si>
  <si>
    <t>0335804522</t>
  </si>
  <si>
    <t>2024-05-09-17.30.35.107723</t>
  </si>
  <si>
    <t>0353100430</t>
  </si>
  <si>
    <t>2024-05-30-08.11.34.029008</t>
  </si>
  <si>
    <t>0347903592</t>
  </si>
  <si>
    <t>2024-09-06-17.30.31.468488</t>
  </si>
  <si>
    <t>0338400353</t>
  </si>
  <si>
    <t>2024-08-23-17.30.35.619824</t>
  </si>
  <si>
    <t>0320602682</t>
  </si>
  <si>
    <t>2024-06-21-14.30.36.987581</t>
  </si>
  <si>
    <t>0317246622</t>
  </si>
  <si>
    <t>2024-01-31-17.30.27.948507</t>
  </si>
  <si>
    <t>0386012012</t>
  </si>
  <si>
    <t>2024-02-05-19.19.56.786238</t>
  </si>
  <si>
    <t>0369502111</t>
  </si>
  <si>
    <t>2024-12-05-17.30.33.162995</t>
  </si>
  <si>
    <t>0376800360</t>
  </si>
  <si>
    <t>2024-09-24-08.08.16.765230</t>
  </si>
  <si>
    <t>0317004782</t>
  </si>
  <si>
    <t>2024-02-26-17.30.34.016360</t>
  </si>
  <si>
    <t>0375200918</t>
  </si>
  <si>
    <t>2024-04-01-17.30.41.784743</t>
  </si>
  <si>
    <t>0371598860</t>
  </si>
  <si>
    <t>2024-02-13-17.30.29.811818</t>
  </si>
  <si>
    <t>0397502012</t>
  </si>
  <si>
    <t>2024-02-06-08.08.40.961760</t>
  </si>
  <si>
    <t>0373202423</t>
  </si>
  <si>
    <t>2024-07-03-17.30.34.380760</t>
  </si>
  <si>
    <t>0365900606</t>
  </si>
  <si>
    <t>2024-10-30-17.30.30.005818</t>
  </si>
  <si>
    <t>0318002222</t>
  </si>
  <si>
    <t>2024-03-13-17.30.32.949441</t>
  </si>
  <si>
    <t>0303395191</t>
  </si>
  <si>
    <t>2024-08-20-08.04.09.098735</t>
  </si>
  <si>
    <t>0376404720</t>
  </si>
  <si>
    <t>2024-03-22-08.08.21.478935</t>
  </si>
  <si>
    <t>0331804743</t>
  </si>
  <si>
    <t>2024-11-04-17.30.35.112611</t>
  </si>
  <si>
    <t>0314306182</t>
  </si>
  <si>
    <t>2024-02-13-17.30.29.811858</t>
  </si>
  <si>
    <t>0374905352</t>
  </si>
  <si>
    <t>2024-10-31-17.30.35.776999</t>
  </si>
  <si>
    <t>0376500242</t>
  </si>
  <si>
    <t>2024-10-29-17.30.30.770841</t>
  </si>
  <si>
    <t>0362342030</t>
  </si>
  <si>
    <t>2024-03-22-17.30.33.445718</t>
  </si>
  <si>
    <t>2024-10-18-17.30.35.012434</t>
  </si>
  <si>
    <t>0364245692</t>
  </si>
  <si>
    <t>2024-02-01-17.30.34.407388</t>
  </si>
  <si>
    <t>0341200658</t>
  </si>
  <si>
    <t>2024-02-16-14.59.27.090360</t>
  </si>
  <si>
    <t>0332402432</t>
  </si>
  <si>
    <t>2024-04-15-17.30.31.718470</t>
  </si>
  <si>
    <t>0352503211</t>
  </si>
  <si>
    <t>2024-03-12-08.10.38.333555</t>
  </si>
  <si>
    <t>0391182111</t>
  </si>
  <si>
    <t>2024-07-02-17.30.32.069218</t>
  </si>
  <si>
    <t>0331105595</t>
  </si>
  <si>
    <t>2024-10-15-17.30.32.255197</t>
  </si>
  <si>
    <t>0351391880</t>
  </si>
  <si>
    <t>2024-08-19-17.30.33.087066</t>
  </si>
  <si>
    <t>0304867670</t>
  </si>
  <si>
    <t>2024-04-18-17.30.30.807182</t>
  </si>
  <si>
    <t>2024-01-02-08.07.28.738132</t>
  </si>
  <si>
    <t>0399700205</t>
  </si>
  <si>
    <t>2024-02-27-07.03.25.758761</t>
  </si>
  <si>
    <t>0382127430</t>
  </si>
  <si>
    <t>2024-05-03-17.30.35.056434</t>
  </si>
  <si>
    <t>0315401640</t>
  </si>
  <si>
    <t>2024-05-06-19.32.23.410858</t>
  </si>
  <si>
    <t>0385665220</t>
  </si>
  <si>
    <t>2024-09-06-17.30.31.468448</t>
  </si>
  <si>
    <t>0337168535</t>
  </si>
  <si>
    <t>2024-01-10-17.30.31.239825</t>
  </si>
  <si>
    <t>0390172900</t>
  </si>
  <si>
    <t>2024-04-11-07.03.18.461645</t>
  </si>
  <si>
    <t>0304318240</t>
  </si>
  <si>
    <t>2024-11-04-17.30.35.112521</t>
  </si>
  <si>
    <t>0319800236</t>
  </si>
  <si>
    <t>2024-06-26-17.30.31.721051</t>
  </si>
  <si>
    <t>2024-03-01-08.08.59.903626</t>
  </si>
  <si>
    <t>0311800564</t>
  </si>
  <si>
    <t>2024-07-05-14.28.14.034667</t>
  </si>
  <si>
    <t>0318300146</t>
  </si>
  <si>
    <t>2024-08-14-08.07.04.381237</t>
  </si>
  <si>
    <t>0382954314</t>
  </si>
  <si>
    <t>2024-04-26-17.30.32.110636</t>
  </si>
  <si>
    <t>2024-04-02-17.30.34.288487</t>
  </si>
  <si>
    <t>0317104171</t>
  </si>
  <si>
    <t>2024-12-30-17.30.28.181330</t>
  </si>
  <si>
    <t>0311600190</t>
  </si>
  <si>
    <t>2024-05-21-17.30.28.634687</t>
  </si>
  <si>
    <t>0317100279</t>
  </si>
  <si>
    <t>2024-12-26-08.10.05.599312</t>
  </si>
  <si>
    <t>0336674431</t>
  </si>
  <si>
    <t>2024-05-10-17.30.34.921837</t>
  </si>
  <si>
    <t>0312605375</t>
  </si>
  <si>
    <t>2024-05-13-17.30.37.613975</t>
  </si>
  <si>
    <t>0333203118</t>
  </si>
  <si>
    <t>2024-03-26-17.30.31.235997</t>
  </si>
  <si>
    <t>2024-10-29-17.30.30.770821</t>
  </si>
  <si>
    <t>0398101502</t>
  </si>
  <si>
    <t>2024-04-23-17.30.29.737406</t>
  </si>
  <si>
    <t>0382344801</t>
  </si>
  <si>
    <t>2024-10-02-17.30.32.538688</t>
  </si>
  <si>
    <t>0313305757</t>
  </si>
  <si>
    <t>2024-05-20-17.30.32.896729</t>
  </si>
  <si>
    <t>0378812881</t>
  </si>
  <si>
    <t>2024-05-29-17.30.34.087612</t>
  </si>
  <si>
    <t>0358004585</t>
  </si>
  <si>
    <t>2024-09-16-18.49.40.011697</t>
  </si>
  <si>
    <t>0337919860</t>
  </si>
  <si>
    <t>2024-11-19-17.30.33.875288</t>
  </si>
  <si>
    <t>0375704222</t>
  </si>
  <si>
    <t>2024-02-20-17.30.28.672099</t>
  </si>
  <si>
    <t>0387605329</t>
  </si>
  <si>
    <t>2024-02-27-17.30.31.779609</t>
  </si>
  <si>
    <t>2024-02-22-17.30.34.392927</t>
  </si>
  <si>
    <t>0342800759</t>
  </si>
  <si>
    <t>2024-11-12-17.30.32.612753</t>
  </si>
  <si>
    <t>0385805324</t>
  </si>
  <si>
    <t>2024-06-25-17.30.33.907231</t>
  </si>
  <si>
    <t>0329841241</t>
  </si>
  <si>
    <t>2024-10-30-08.06.17.638214</t>
  </si>
  <si>
    <t>2024-11-20-17.30.31.540170</t>
  </si>
  <si>
    <t>0357704400</t>
  </si>
  <si>
    <t>2024-11-14-17.30.32.165629</t>
  </si>
  <si>
    <t>0358604134</t>
  </si>
  <si>
    <t>2024-05-29-17.30.34.087602</t>
  </si>
  <si>
    <t>0341700338</t>
  </si>
  <si>
    <t>2024-10-31-15.13.13.115597</t>
  </si>
  <si>
    <t>2024-09-19-17.30.33.967374</t>
  </si>
  <si>
    <t>2024-12-09-17.30.36.307395</t>
  </si>
  <si>
    <t>0384830590</t>
  </si>
  <si>
    <t>2024-06-25-17.30.33.907261</t>
  </si>
  <si>
    <t>0385535990</t>
  </si>
  <si>
    <t>2024-11-22-08.08.32.367517</t>
  </si>
  <si>
    <t>2024-11-14-17.30.32.165739</t>
  </si>
  <si>
    <t>0325675174</t>
  </si>
  <si>
    <t>2024-11-25-17.30.34.714826</t>
  </si>
  <si>
    <t>2024-07-16-08.07.47.478593</t>
  </si>
  <si>
    <t>0332405581</t>
  </si>
  <si>
    <t>2024-01-22-17.30.38.792874</t>
  </si>
  <si>
    <t>0316302300</t>
  </si>
  <si>
    <t>2024-10-31-15.13.13.115606</t>
  </si>
  <si>
    <t>2024-09-30-08.06.55.077948</t>
  </si>
  <si>
    <t>0313301558</t>
  </si>
  <si>
    <t>2024-10-17-17.30.36.224265</t>
  </si>
  <si>
    <t>0388731370</t>
  </si>
  <si>
    <t>2024-09-12-17.30.27.119699</t>
  </si>
  <si>
    <t>0320303896</t>
  </si>
  <si>
    <t>2024-09-05-17.30.30.490703</t>
  </si>
  <si>
    <t>0332603562</t>
  </si>
  <si>
    <t>2024-01-09-17.30.30.412052</t>
  </si>
  <si>
    <t>2024-10-09-17.30.30.742300</t>
  </si>
  <si>
    <t>2024-05-14-17.30.30.343672</t>
  </si>
  <si>
    <t>2024-09-11-08.07.58.191681</t>
  </si>
  <si>
    <t>2024-07-16-18.08.29.471186</t>
  </si>
  <si>
    <t>0322601285</t>
  </si>
  <si>
    <t>2024-05-31-17.30.32.240513</t>
  </si>
  <si>
    <t>0309900845</t>
  </si>
  <si>
    <t>2024-08-20-08.04.09.099515</t>
  </si>
  <si>
    <t>0312100538</t>
  </si>
  <si>
    <t>2024-10-30-14.48.17.892076</t>
  </si>
  <si>
    <t>0310948370</t>
  </si>
  <si>
    <t>2024-03-06-17.30.29.705600</t>
  </si>
  <si>
    <t>0325819805</t>
  </si>
  <si>
    <t>2024-07-29-17.30.31.634722</t>
  </si>
  <si>
    <t>0356000673</t>
  </si>
  <si>
    <t>2024-08-28-17.30.28.527424</t>
  </si>
  <si>
    <t>0306402066</t>
  </si>
  <si>
    <t>2024-06-10-17.30.33.037706</t>
  </si>
  <si>
    <t>0387901350</t>
  </si>
  <si>
    <t>2024-12-30-17.30.28.181300</t>
  </si>
  <si>
    <t>0385036380</t>
  </si>
  <si>
    <t>2024-05-07-17.30.31.626142</t>
  </si>
  <si>
    <t>2024-08-01-17.30.32.966602</t>
  </si>
  <si>
    <t>0322277455</t>
  </si>
  <si>
    <t>2024-12-04-08.07.03.486060</t>
  </si>
  <si>
    <t>0321395991</t>
  </si>
  <si>
    <t>2024-06-18-08.13.16.306385</t>
  </si>
  <si>
    <t>0394552720</t>
  </si>
  <si>
    <t>2024-09-10-17.30.33.500947</t>
  </si>
  <si>
    <t>0369788160</t>
  </si>
  <si>
    <t>2024-10-28-17.30.35.053398</t>
  </si>
  <si>
    <t>2024-03-20-17.30.31.474636</t>
  </si>
  <si>
    <t>0321004501</t>
  </si>
  <si>
    <t>2024-07-15-17.30.36.510727</t>
  </si>
  <si>
    <t>2024-03-06-08.06.08.885966</t>
  </si>
  <si>
    <t>0327300749</t>
  </si>
  <si>
    <t>2024-10-28-17.30.35.053428</t>
  </si>
  <si>
    <t>0393901333</t>
  </si>
  <si>
    <t>2024-06-20-17.30.28.778791</t>
  </si>
  <si>
    <t>0366302310</t>
  </si>
  <si>
    <t>2024-11-08-17.30.31.257386</t>
  </si>
  <si>
    <t>0371705312</t>
  </si>
  <si>
    <t>2024-03-04-17.30.38.516611</t>
  </si>
  <si>
    <t>0304003470</t>
  </si>
  <si>
    <t>2024-07-29-17.30.31.634702</t>
  </si>
  <si>
    <t>0360100720</t>
  </si>
  <si>
    <t>2024-10-29-08.07.11.657829</t>
  </si>
  <si>
    <t>2024-08-23-17.30.35.619794</t>
  </si>
  <si>
    <t>0359559391</t>
  </si>
  <si>
    <t>2024-08-09-17.30.34.700103</t>
  </si>
  <si>
    <t>0380371250</t>
  </si>
  <si>
    <t>2024-12-10-17.30.33.951837</t>
  </si>
  <si>
    <t>0349000850</t>
  </si>
  <si>
    <t>2024-01-19-17.30.33.616693</t>
  </si>
  <si>
    <t>0397900346</t>
  </si>
  <si>
    <t>2024-12-10-17.30.33.951897</t>
  </si>
  <si>
    <t>0313004161</t>
  </si>
  <si>
    <t>2024-10-11-17.30.35.096600</t>
  </si>
  <si>
    <t>0300500979</t>
  </si>
  <si>
    <t>2024-11-19-17.30.33.875178</t>
  </si>
  <si>
    <t>0313037265</t>
  </si>
  <si>
    <t>2024-02-07-08.07.16.934503</t>
  </si>
  <si>
    <t>0313157846</t>
  </si>
  <si>
    <t>2024-01-25-17.30.30.942426</t>
  </si>
  <si>
    <t>0350701442</t>
  </si>
  <si>
    <t>2024-10-28-17.30.35.053408</t>
  </si>
  <si>
    <t>2024-02-13-17.30.29.811878</t>
  </si>
  <si>
    <t>0399804031</t>
  </si>
  <si>
    <t>2024-09-16-08.07.47.913242</t>
  </si>
  <si>
    <t>0396602941</t>
  </si>
  <si>
    <t>2024-02-29-14.50.34.339827</t>
  </si>
  <si>
    <t>2024-09-10-17.30.33.500907</t>
  </si>
  <si>
    <t>2024-08-19-17.30.33.087046</t>
  </si>
  <si>
    <t>0367203330</t>
  </si>
  <si>
    <t>2024-07-08-17.30.31.535785</t>
  </si>
  <si>
    <t>0315554150</t>
  </si>
  <si>
    <t>2024-10-28-07.02.41.672195</t>
  </si>
  <si>
    <t>2024-07-02-08.12.26.829413</t>
  </si>
  <si>
    <t>0314205321</t>
  </si>
  <si>
    <t>2024-12-09-17.30.36.307345</t>
  </si>
  <si>
    <t>2024-08-12-17.30.31.598533</t>
  </si>
  <si>
    <t>0346402323</t>
  </si>
  <si>
    <t>2024-12-04-08.07.03.485890</t>
  </si>
  <si>
    <t>2024-09-18-08.07.29.351304</t>
  </si>
  <si>
    <t>0365405733</t>
  </si>
  <si>
    <t>2024-10-04-17.30.28.327487</t>
  </si>
  <si>
    <t>0359802044</t>
  </si>
  <si>
    <t>2024-06-05-17.30.35.468498</t>
  </si>
  <si>
    <t>0332252591</t>
  </si>
  <si>
    <t>2024-03-04-17.30.38.516681</t>
  </si>
  <si>
    <t>2024-05-30-08.11.34.028808</t>
  </si>
  <si>
    <t>2024-08-19-17.30.33.087026</t>
  </si>
  <si>
    <t>0311654397</t>
  </si>
  <si>
    <t>2024-03-28-17.30.35.273776</t>
  </si>
  <si>
    <t>0334700310</t>
  </si>
  <si>
    <t>2024-03-06-17.30.29.705550</t>
  </si>
  <si>
    <t>2024-02-21-17.30.29.460983</t>
  </si>
  <si>
    <t>2024-04-02-08.08.26.871771</t>
  </si>
  <si>
    <t>0325201246</t>
  </si>
  <si>
    <t>2024-07-11-21.06.22.752488</t>
  </si>
  <si>
    <t>0373700423</t>
  </si>
  <si>
    <t>2024-12-04-08.07.03.488130</t>
  </si>
  <si>
    <t>0360903097</t>
  </si>
  <si>
    <t>2024-10-21-14.51.16.353749</t>
  </si>
  <si>
    <t>0370401725</t>
  </si>
  <si>
    <t>2024-01-17-17.30.32.353295</t>
  </si>
  <si>
    <t>0386785252</t>
  </si>
  <si>
    <t>2024-05-20-17.30.32.896779</t>
  </si>
  <si>
    <t>2024-07-29-08.06.53.976088</t>
  </si>
  <si>
    <t>0344602519</t>
  </si>
  <si>
    <t>2024-08-06-17.30.30.223927</t>
  </si>
  <si>
    <t>0376393741</t>
  </si>
  <si>
    <t>2024-05-20-17.30.32.896819</t>
  </si>
  <si>
    <t>0301138957</t>
  </si>
  <si>
    <t>2024-07-15-17.30.36.510657</t>
  </si>
  <si>
    <t>0320209730</t>
  </si>
  <si>
    <t>2024-10-28-17.30.35.053488</t>
  </si>
  <si>
    <t>0318604563</t>
  </si>
  <si>
    <t>2024-07-19-17.30.30.333964</t>
  </si>
  <si>
    <t>2024-01-03-17.30.34.376103</t>
  </si>
  <si>
    <t>0344386491</t>
  </si>
  <si>
    <t>2024-02-14-17.30.32.792434</t>
  </si>
  <si>
    <t>0376904431</t>
  </si>
  <si>
    <t>2024-04-04-17.30.36.750255</t>
  </si>
  <si>
    <t>0375262052</t>
  </si>
  <si>
    <t>2024-09-18-17.30.28.805683</t>
  </si>
  <si>
    <t>0317202000</t>
  </si>
  <si>
    <t>2024-10-17-17.30.36.224315</t>
  </si>
  <si>
    <t>0325901730</t>
  </si>
  <si>
    <t>2024-06-05-17.30.35.468598</t>
  </si>
  <si>
    <t>0315028841</t>
  </si>
  <si>
    <t>2024-03-07-17.30.33.419359</t>
  </si>
  <si>
    <t>2024-05-31-17.30.32.240533</t>
  </si>
  <si>
    <t>0304705502</t>
  </si>
  <si>
    <t>2024-08-19-17.30.33.087056</t>
  </si>
  <si>
    <t>0331454930</t>
  </si>
  <si>
    <t>2024-01-25-14.50.40.213060</t>
  </si>
  <si>
    <t>0391504502</t>
  </si>
  <si>
    <t>2024-12-11-17.30.30.574419</t>
  </si>
  <si>
    <t>0342403980</t>
  </si>
  <si>
    <t>2024-04-11-17.30.34.104442</t>
  </si>
  <si>
    <t>0396103027</t>
  </si>
  <si>
    <t>2024-05-20-17.30.32.896899</t>
  </si>
  <si>
    <t>0316617283</t>
  </si>
  <si>
    <t>2024-04-11-17.30.34.104332</t>
  </si>
  <si>
    <t>2024-02-08-17.30.38.632330</t>
  </si>
  <si>
    <t>0370603590</t>
  </si>
  <si>
    <t>2024-10-07-14.48.33.851132</t>
  </si>
  <si>
    <t>0348701298</t>
  </si>
  <si>
    <t>2024-05-15-17.31.58.843593</t>
  </si>
  <si>
    <t>0378450350</t>
  </si>
  <si>
    <t>2024-06-13-17.30.33.898539</t>
  </si>
  <si>
    <t>0309155073</t>
  </si>
  <si>
    <t>2024-02-13-17.30.29.811848</t>
  </si>
  <si>
    <t>0345102911</t>
  </si>
  <si>
    <t>2024-01-11-17.30.29.111991</t>
  </si>
  <si>
    <t>2024-02-08-17.30.38.632400</t>
  </si>
  <si>
    <t>0393501213</t>
  </si>
  <si>
    <t>2024-02-15-17.30.37.685873</t>
  </si>
  <si>
    <t>0367502162</t>
  </si>
  <si>
    <t>2024-03-27-17.30.34.888582</t>
  </si>
  <si>
    <t>0309000617</t>
  </si>
  <si>
    <t>2024-11-18-17.30.30.883655</t>
  </si>
  <si>
    <t>0398977670</t>
  </si>
  <si>
    <t>2024-01-02-17.30.32.133394</t>
  </si>
  <si>
    <t>0326800856</t>
  </si>
  <si>
    <t>2024-10-17-17.30.36.224395</t>
  </si>
  <si>
    <t>2024-01-12-17.30.30.074092</t>
  </si>
  <si>
    <t>0330837660</t>
  </si>
  <si>
    <t>2024-08-08-17.48.21.453426</t>
  </si>
  <si>
    <t>0343100977</t>
  </si>
  <si>
    <t>2024-12-02-17.30.41.338969</t>
  </si>
  <si>
    <t>0371700123</t>
  </si>
  <si>
    <t>2024-09-16-14.50.05.124156</t>
  </si>
  <si>
    <t>0395101783</t>
  </si>
  <si>
    <t>2024-04-04-17.30.36.750305</t>
  </si>
  <si>
    <t>0397006652</t>
  </si>
  <si>
    <t>2024-07-22-17.30.32.953234</t>
  </si>
  <si>
    <t>0320202706</t>
  </si>
  <si>
    <t>2024-03-18-17.30.32.440209</t>
  </si>
  <si>
    <t>0370001257</t>
  </si>
  <si>
    <t>2024-04-18-17.30.30.807202</t>
  </si>
  <si>
    <t>0341738492</t>
  </si>
  <si>
    <t>2024-07-23-18.05.25.523257</t>
  </si>
  <si>
    <t>0366919090</t>
  </si>
  <si>
    <t>2024-01-02-08.07.28.739932</t>
  </si>
  <si>
    <t>2024-10-29-08.07.11.658769</t>
  </si>
  <si>
    <t>0335202370</t>
  </si>
  <si>
    <t>2024-07-11-10.21.56.850692</t>
  </si>
  <si>
    <t>0346402827</t>
  </si>
  <si>
    <t>2024-12-05-17.30.33.163075</t>
  </si>
  <si>
    <t>0360601297</t>
  </si>
  <si>
    <t>2024-05-28-17.30.37.882863</t>
  </si>
  <si>
    <t>0356701480</t>
  </si>
  <si>
    <t>2024-12-17-17.30.31.181520</t>
  </si>
  <si>
    <t>0390469742</t>
  </si>
  <si>
    <t>2024-01-23-17.30.28.920830</t>
  </si>
  <si>
    <t>0370400753</t>
  </si>
  <si>
    <t>2024-07-25-17.30.27.463291</t>
  </si>
  <si>
    <t>0349701068</t>
  </si>
  <si>
    <t>2024-09-30-17.30.39.689216</t>
  </si>
  <si>
    <t>0303302899</t>
  </si>
  <si>
    <t>2024-06-26-17.30.31.721001</t>
  </si>
  <si>
    <t>0303800843</t>
  </si>
  <si>
    <t>2024-03-19-08.08.21.733895</t>
  </si>
  <si>
    <t>0324348500</t>
  </si>
  <si>
    <t>2024-12-09-17.30.36.307385</t>
  </si>
  <si>
    <t>0314018271</t>
  </si>
  <si>
    <t>2024-04-24-17.30.34.651157</t>
  </si>
  <si>
    <t>0367324045</t>
  </si>
  <si>
    <t>2024-11-07-17.30.33.181643</t>
  </si>
  <si>
    <t>0309400083</t>
  </si>
  <si>
    <t>2024-06-10-17.30.33.037666</t>
  </si>
  <si>
    <t>0360365197</t>
  </si>
  <si>
    <t>2024-09-10-17.30.33.500997</t>
  </si>
  <si>
    <t>2024-08-16-17.30.35.616002</t>
  </si>
  <si>
    <t>0389756424</t>
  </si>
  <si>
    <t>2024-08-23-17.30.35.619774</t>
  </si>
  <si>
    <t>0385236380</t>
  </si>
  <si>
    <t>2024-09-11-08.07.58.188021</t>
  </si>
  <si>
    <t>0336976170</t>
  </si>
  <si>
    <t>2024-12-18-17.30.29.072680</t>
  </si>
  <si>
    <t>0348900202</t>
  </si>
  <si>
    <t>2024-06-27-14.30.39.612904</t>
  </si>
  <si>
    <t>0314205154</t>
  </si>
  <si>
    <t>2024-11-14-17.30.32.165639</t>
  </si>
  <si>
    <t>0389204284</t>
  </si>
  <si>
    <t>2024-07-03-17.30.34.380770</t>
  </si>
  <si>
    <t>2024-03-18-17.30.32.440099</t>
  </si>
  <si>
    <t>0313300621</t>
  </si>
  <si>
    <t>2024-05-01-08.08.04.451028</t>
  </si>
  <si>
    <t>0301826615</t>
  </si>
  <si>
    <t>2024-11-04-17.30.35.112571</t>
  </si>
  <si>
    <t>0314280760</t>
  </si>
  <si>
    <t>2024-05-07-07.04.08.202772</t>
  </si>
  <si>
    <t>0301400858</t>
  </si>
  <si>
    <t>2024-05-24-17.30.31.969053</t>
  </si>
  <si>
    <t>0305703687</t>
  </si>
  <si>
    <t>2024-08-05-17.30.38.234973</t>
  </si>
  <si>
    <t>0365887833</t>
  </si>
  <si>
    <t>2024-12-13-17.30.33.101903</t>
  </si>
  <si>
    <t>0390224505</t>
  </si>
  <si>
    <t>2024-04-01-17.30.41.784613</t>
  </si>
  <si>
    <t>0355849015</t>
  </si>
  <si>
    <t>2024-10-18-17.30.35.012364</t>
  </si>
  <si>
    <t>0347944636</t>
  </si>
  <si>
    <t>2024-12-19-17.30.33.514381</t>
  </si>
  <si>
    <t>0358449140</t>
  </si>
  <si>
    <t>2024-05-23-17.30.33.732880</t>
  </si>
  <si>
    <t>0367895090</t>
  </si>
  <si>
    <t>2024-05-17-17.30.32.751773</t>
  </si>
  <si>
    <t>0393031474</t>
  </si>
  <si>
    <t>2024-04-01-17.30.41.784903</t>
  </si>
  <si>
    <t>0359203710</t>
  </si>
  <si>
    <t>2024-01-18-17.30.30.636459</t>
  </si>
  <si>
    <t>2024-05-28-17.30.37.882783</t>
  </si>
  <si>
    <t>0355171546</t>
  </si>
  <si>
    <t>2024-03-04-17.30.38.516581</t>
  </si>
  <si>
    <t>0380501637</t>
  </si>
  <si>
    <t>2024-04-10-17.30.32.840525</t>
  </si>
  <si>
    <t>0371236354</t>
  </si>
  <si>
    <t>2024-01-09-17.30.30.411992</t>
  </si>
  <si>
    <t>0393200234</t>
  </si>
  <si>
    <t>2024-08-12-08.06.31.860081</t>
  </si>
  <si>
    <t>2024-08-13-07.03.26.792720</t>
  </si>
  <si>
    <t>0368602560</t>
  </si>
  <si>
    <t>2024-02-20-08.07.13.442518</t>
  </si>
  <si>
    <t>0391738073</t>
  </si>
  <si>
    <t>2024-08-19-08.05.25.427281</t>
  </si>
  <si>
    <t>0335700116</t>
  </si>
  <si>
    <t>2024-12-27-17.32.04.834702</t>
  </si>
  <si>
    <t>0338239441</t>
  </si>
  <si>
    <t>2024-12-16-15.33.19.762013</t>
  </si>
  <si>
    <t>0376360900</t>
  </si>
  <si>
    <t>2024-11-27-17.30.32.626033</t>
  </si>
  <si>
    <t>0376774870</t>
  </si>
  <si>
    <t>2024-06-11-08.07.34.215744</t>
  </si>
  <si>
    <t>0339402069</t>
  </si>
  <si>
    <t>2024-03-11-17.30.38.885794</t>
  </si>
  <si>
    <t>0334101309</t>
  </si>
  <si>
    <t>2024-01-09-17.30.30.412112</t>
  </si>
  <si>
    <t>0375963725</t>
  </si>
  <si>
    <t>2024-07-22-17.30.32.953274</t>
  </si>
  <si>
    <t>0371973944</t>
  </si>
  <si>
    <t>2024-01-19-17.30.33.616663</t>
  </si>
  <si>
    <t>0366901629</t>
  </si>
  <si>
    <t>2024-01-09-17.30.30.412132</t>
  </si>
  <si>
    <t>0381098930</t>
  </si>
  <si>
    <t>2024-08-07-17.30.30.338381</t>
  </si>
  <si>
    <t>0327704971</t>
  </si>
  <si>
    <t>2024-08-02-17.30.39.947948</t>
  </si>
  <si>
    <t>0360490200</t>
  </si>
  <si>
    <t>2024-03-11-08.07.05.932545</t>
  </si>
  <si>
    <t>0360700329</t>
  </si>
  <si>
    <t>2024-06-04-17.32.17.428117</t>
  </si>
  <si>
    <t>2024-10-31-17.30.35.776959</t>
  </si>
  <si>
    <t>0346852789</t>
  </si>
  <si>
    <t>2024-04-01-17.30.41.784933</t>
  </si>
  <si>
    <t>0318702044</t>
  </si>
  <si>
    <t>2024-07-09-08.07.59.294713</t>
  </si>
  <si>
    <t>2024-12-05-17.30.33.163065</t>
  </si>
  <si>
    <t>2024-03-11-17.30.38.885784</t>
  </si>
  <si>
    <t>0334700653</t>
  </si>
  <si>
    <t>2024-11-12-17.30.32.612683</t>
  </si>
  <si>
    <t>0347882739</t>
  </si>
  <si>
    <t>2024-12-13-17.30.33.102033</t>
  </si>
  <si>
    <t>0314101502</t>
  </si>
  <si>
    <t>2024-04-08-19.07.55.113926</t>
  </si>
  <si>
    <t>0383911741</t>
  </si>
  <si>
    <t>2024-03-07-17.30.33.419409</t>
  </si>
  <si>
    <t>0386900551</t>
  </si>
  <si>
    <t>2024-08-12-17.30.31.598453</t>
  </si>
  <si>
    <t>0353033711</t>
  </si>
  <si>
    <t>2024-06-13-17.30.33.898569</t>
  </si>
  <si>
    <t>0340867834</t>
  </si>
  <si>
    <t>2024-12-03-17.30.28.886721</t>
  </si>
  <si>
    <t>0383102473</t>
  </si>
  <si>
    <t>2024-05-07-17.30.31.626242</t>
  </si>
  <si>
    <t>0395001124</t>
  </si>
  <si>
    <t>2024-11-27-17.30.32.625993</t>
  </si>
  <si>
    <t>0374803760</t>
  </si>
  <si>
    <t>2024-10-23-17.30.30.891888</t>
  </si>
  <si>
    <t>0355300678</t>
  </si>
  <si>
    <t>2024-02-01-08.11.36.854032</t>
  </si>
  <si>
    <t>0384704767</t>
  </si>
  <si>
    <t>2024-05-24-17.30.31.969083</t>
  </si>
  <si>
    <t>0310700375</t>
  </si>
  <si>
    <t>2024-05-24-17.30.31.969073</t>
  </si>
  <si>
    <t>0308850755</t>
  </si>
  <si>
    <t>2024-03-28-17.30.35.273756</t>
  </si>
  <si>
    <t>2024-02-19-17.30.32.745650</t>
  </si>
  <si>
    <t>0397203016</t>
  </si>
  <si>
    <t>2024-07-05-17.30.36.003627</t>
  </si>
  <si>
    <t>0386825801</t>
  </si>
  <si>
    <t>2024-10-02-17.30.32.538778</t>
  </si>
  <si>
    <t>0349700012</t>
  </si>
  <si>
    <t>2024-12-06-17.30.30.263861</t>
  </si>
  <si>
    <t>0335346855</t>
  </si>
  <si>
    <t>2024-12-03-17.30.28.886741</t>
  </si>
  <si>
    <t>0394007213</t>
  </si>
  <si>
    <t>2024-02-29-17.30.29.727246</t>
  </si>
  <si>
    <t>0366903639</t>
  </si>
  <si>
    <t>2024-09-10-17.30.33.501037</t>
  </si>
  <si>
    <t>0304705090</t>
  </si>
  <si>
    <t>2024-03-18-17.30.32.440119</t>
  </si>
  <si>
    <t>0373301580</t>
  </si>
  <si>
    <t>2024-11-04-08.06.24.720697</t>
  </si>
  <si>
    <t>0341736621</t>
  </si>
  <si>
    <t>2024-01-09-17.30.30.412122</t>
  </si>
  <si>
    <t>0377103300</t>
  </si>
  <si>
    <t>2024-05-10-08.07.46.596923</t>
  </si>
  <si>
    <t>0306642580</t>
  </si>
  <si>
    <t>2024-08-06-17.30.30.223907</t>
  </si>
  <si>
    <t>0330804489</t>
  </si>
  <si>
    <t>2024-06-12-17.30.32.213024</t>
  </si>
  <si>
    <t>0302301931</t>
  </si>
  <si>
    <t>2024-05-01-17.30.33.868268</t>
  </si>
  <si>
    <t>0373063602</t>
  </si>
  <si>
    <t>2024-04-12-17.30.31.760192</t>
  </si>
  <si>
    <t>0373700711</t>
  </si>
  <si>
    <t>2024-12-19-17.30.33.514371</t>
  </si>
  <si>
    <t>2024-07-31-17.30.29.479969</t>
  </si>
  <si>
    <t>0319401716</t>
  </si>
  <si>
    <t>2024-04-04-17.30.36.750265</t>
  </si>
  <si>
    <t>0374800019</t>
  </si>
  <si>
    <t>2024-03-01-14.50.31.473023</t>
  </si>
  <si>
    <t>0398702280</t>
  </si>
  <si>
    <t>2024-07-31-17.30.29.480079</t>
  </si>
  <si>
    <t>0396000660</t>
  </si>
  <si>
    <t>2024-10-09-17.30.30.742290</t>
  </si>
  <si>
    <t>0362000759</t>
  </si>
  <si>
    <t>2024-10-22-14.31.26.981419</t>
  </si>
  <si>
    <t>0304605391</t>
  </si>
  <si>
    <t>2024-12-02-17.30.41.338889</t>
  </si>
  <si>
    <t>0305902290</t>
  </si>
  <si>
    <t>2024-05-10-17.30.34.921807</t>
  </si>
  <si>
    <t>0342847684</t>
  </si>
  <si>
    <t>2024-10-08-17.45.58.124367</t>
  </si>
  <si>
    <t>0398521259</t>
  </si>
  <si>
    <t>2024-11-15-17.30.32.580919</t>
  </si>
  <si>
    <t>0390900874</t>
  </si>
  <si>
    <t>2024-07-24-17.30.27.405261</t>
  </si>
  <si>
    <t>0333700620</t>
  </si>
  <si>
    <t>2024-09-30-08.06.55.077218</t>
  </si>
  <si>
    <t>2024-02-19-17.30.32.745630</t>
  </si>
  <si>
    <t>0300505389</t>
  </si>
  <si>
    <t>2024-08-27-17.30.29.282186</t>
  </si>
  <si>
    <t>2024-10-25-17.30.30.767146</t>
  </si>
  <si>
    <t>0358404063</t>
  </si>
  <si>
    <t>2024-11-19-17.30.33.875318</t>
  </si>
  <si>
    <t>0384600731</t>
  </si>
  <si>
    <t>2024-05-30-17.30.28.196327</t>
  </si>
  <si>
    <t>0347459492</t>
  </si>
  <si>
    <t>2024-02-20-08.07.13.441968</t>
  </si>
  <si>
    <t>2024-07-31-17.30.29.480039</t>
  </si>
  <si>
    <t>0308949760</t>
  </si>
  <si>
    <t>2024-11-18-08.06.56.179745</t>
  </si>
  <si>
    <t>0342900391</t>
  </si>
  <si>
    <t>2024-04-10-17.30.32.840515</t>
  </si>
  <si>
    <t>0321802710</t>
  </si>
  <si>
    <t>2024-12-10-17.30.33.951807</t>
  </si>
  <si>
    <t>0313001175</t>
  </si>
  <si>
    <t>2024-03-13-17.30.32.949381</t>
  </si>
  <si>
    <t>0399702073</t>
  </si>
  <si>
    <t>2024-10-10-17.30.26.749452</t>
  </si>
  <si>
    <t>0359400749</t>
  </si>
  <si>
    <t>2024-10-17-17.30.36.224235</t>
  </si>
  <si>
    <t>0386455805</t>
  </si>
  <si>
    <t>2024-06-21-08.07.27.752894</t>
  </si>
  <si>
    <t>0386086700</t>
  </si>
  <si>
    <t>2024-06-26-08.09.33.404659</t>
  </si>
  <si>
    <t>0387200831</t>
  </si>
  <si>
    <t>2024-05-29-08.07.45.510319</t>
  </si>
  <si>
    <t>0317801743</t>
  </si>
  <si>
    <t>2024-09-10-17.30.33.500837</t>
  </si>
  <si>
    <t>0300903122</t>
  </si>
  <si>
    <t>2024-09-10-17.30.33.501047</t>
  </si>
  <si>
    <t>0343705501</t>
  </si>
  <si>
    <t>2024-01-23-08.08.34.897511</t>
  </si>
  <si>
    <t>0336134464</t>
  </si>
  <si>
    <t>2024-02-07-17.30.33.362333</t>
  </si>
  <si>
    <t>0371800901</t>
  </si>
  <si>
    <t>2024-01-30-07.03.21.116329</t>
  </si>
  <si>
    <t>0394571784</t>
  </si>
  <si>
    <t>2024-09-17-17.30.32.834954</t>
  </si>
  <si>
    <t>0328705173</t>
  </si>
  <si>
    <t>2024-09-26-17.30.30.778830</t>
  </si>
  <si>
    <t>0384900960</t>
  </si>
  <si>
    <t>2024-05-01-08.08.04.450648</t>
  </si>
  <si>
    <t>0319004163</t>
  </si>
  <si>
    <t>2024-05-17-08.07.07.432623</t>
  </si>
  <si>
    <t>0380200037</t>
  </si>
  <si>
    <t>2024-11-06-08.05.44.311417</t>
  </si>
  <si>
    <t>0391704811</t>
  </si>
  <si>
    <t>2024-03-22-17.30.33.445608</t>
  </si>
  <si>
    <t>0342501452</t>
  </si>
  <si>
    <t>2024-01-09-17.30.30.411892</t>
  </si>
  <si>
    <t>0308200980</t>
  </si>
  <si>
    <t>2024-07-29-08.06.53.975368</t>
  </si>
  <si>
    <t>0399300987</t>
  </si>
  <si>
    <t>2024-08-26-17.30.32.546346</t>
  </si>
  <si>
    <t>0311300880</t>
  </si>
  <si>
    <t>2024-04-26-17.30.32.110666</t>
  </si>
  <si>
    <t>0355204320</t>
  </si>
  <si>
    <t>2024-08-15-17.30.30.509227</t>
  </si>
  <si>
    <t>2024-01-17-17.30.32.353325</t>
  </si>
  <si>
    <t>2024-09-24-08.08.16.765120</t>
  </si>
  <si>
    <t>0386300430</t>
  </si>
  <si>
    <t>2024-11-26-17.30.31.172635</t>
  </si>
  <si>
    <t>0346503442</t>
  </si>
  <si>
    <t>2024-01-11-17.30.29.111931</t>
  </si>
  <si>
    <t>2024-07-12-08.07.52.959002</t>
  </si>
  <si>
    <t>2024-04-01-17.30.41.784913</t>
  </si>
  <si>
    <t>0360851730</t>
  </si>
  <si>
    <t>2024-11-15-17.30.32.580959</t>
  </si>
  <si>
    <t>0394210328</t>
  </si>
  <si>
    <t>2024-05-08-17.30.33.270569</t>
  </si>
  <si>
    <t>0325306680</t>
  </si>
  <si>
    <t>2024-01-09-17.30.30.412022</t>
  </si>
  <si>
    <t>0329904390</t>
  </si>
  <si>
    <t>2024-08-01-17.30.32.966642</t>
  </si>
  <si>
    <t>0348162714</t>
  </si>
  <si>
    <t>2024-07-17-17.30.30.396028</t>
  </si>
  <si>
    <t>0320509241</t>
  </si>
  <si>
    <t>2024-05-15-17.31.58.843563</t>
  </si>
  <si>
    <t>0313803459</t>
  </si>
  <si>
    <t>2024-04-15-17.30.31.718430</t>
  </si>
  <si>
    <t>0326600551</t>
  </si>
  <si>
    <t>2024-04-05-08.06.43.574216</t>
  </si>
  <si>
    <t>0307043593</t>
  </si>
  <si>
    <t>2024-12-10-17.30.33.951767</t>
  </si>
  <si>
    <t>0353211952</t>
  </si>
  <si>
    <t>2024-07-05-17.30.36.003727</t>
  </si>
  <si>
    <t>0332033348</t>
  </si>
  <si>
    <t>2024-12-31-17.30.30.030736</t>
  </si>
  <si>
    <t>0393825731</t>
  </si>
  <si>
    <t>2024-05-15-17.31.58.843573</t>
  </si>
  <si>
    <t>0388760591</t>
  </si>
  <si>
    <t>2024-11-15-08.07.14.720949</t>
  </si>
  <si>
    <t>2024-03-28-17.30.35.273746</t>
  </si>
  <si>
    <t>0317003732</t>
  </si>
  <si>
    <t>2024-11-04-17.30.35.112561</t>
  </si>
  <si>
    <t>0348808200</t>
  </si>
  <si>
    <t>2024-07-29-17.30.31.634682</t>
  </si>
  <si>
    <t>2024-02-02-17.30.35.524088</t>
  </si>
  <si>
    <t>2024-11-19-17.30.33.875208</t>
  </si>
  <si>
    <t>2024-11-18-17.30.30.883635</t>
  </si>
  <si>
    <t>0356800443</t>
  </si>
  <si>
    <t>2024-05-17-17.30.32.751763</t>
  </si>
  <si>
    <t>0367700683</t>
  </si>
  <si>
    <t>2024-10-31-17.30.35.776939</t>
  </si>
  <si>
    <t>0315203972</t>
  </si>
  <si>
    <t>2024-08-26-17.30.32.546386</t>
  </si>
  <si>
    <t>0356088259</t>
  </si>
  <si>
    <t>2024-09-03-17.30.42.480599</t>
  </si>
  <si>
    <t>0329802571</t>
  </si>
  <si>
    <t>2024-03-04-17.30.38.516531</t>
  </si>
  <si>
    <t>0303700352</t>
  </si>
  <si>
    <t>2024-09-20-14.30.31.818283</t>
  </si>
  <si>
    <t>0379900037</t>
  </si>
  <si>
    <t>2024-07-24-17.30.27.405321</t>
  </si>
  <si>
    <t>0333003782</t>
  </si>
  <si>
    <t>2024-02-01-17.30.34.407418</t>
  </si>
  <si>
    <t>2024-12-17-08.02.39.387560</t>
  </si>
  <si>
    <t>0300659340</t>
  </si>
  <si>
    <t>2024-08-15-17.30.30.509217</t>
  </si>
  <si>
    <t>0328044191</t>
  </si>
  <si>
    <t>2024-03-25-17.30.35.276792</t>
  </si>
  <si>
    <t>0370005602</t>
  </si>
  <si>
    <t>2024-01-19-08.08.11.725599</t>
  </si>
  <si>
    <t>0349737520</t>
  </si>
  <si>
    <t>2024-03-22-17.30.33.445638</t>
  </si>
  <si>
    <t>0390301830</t>
  </si>
  <si>
    <t>2024-04-17-17.30.29.782999</t>
  </si>
  <si>
    <t>0336000635</t>
  </si>
  <si>
    <t>2024-08-13-17.30.32.468569</t>
  </si>
  <si>
    <t>0374702550</t>
  </si>
  <si>
    <t>2024-03-11-17.30.38.885864</t>
  </si>
  <si>
    <t>2024-08-07-17.30.30.338361</t>
  </si>
  <si>
    <t>0328705598</t>
  </si>
  <si>
    <t>2024-07-25-08.10.36.737881</t>
  </si>
  <si>
    <t>0367500600</t>
  </si>
  <si>
    <t>2024-09-25-17.30.33.195949</t>
  </si>
  <si>
    <t>0374670881</t>
  </si>
  <si>
    <t>2024-05-31-14.28.23.149904</t>
  </si>
  <si>
    <t>0362904487</t>
  </si>
  <si>
    <t>2024-08-09-17.30.34.700193</t>
  </si>
  <si>
    <t>0323265075</t>
  </si>
  <si>
    <t>2024-06-24-17.30.35.189314</t>
  </si>
  <si>
    <t>0364001381</t>
  </si>
  <si>
    <t>2024-12-19-17.30.33.514351</t>
  </si>
  <si>
    <t>0350144656</t>
  </si>
  <si>
    <t>2024-08-06-17.30.30.223917</t>
  </si>
  <si>
    <t>0368955228</t>
  </si>
  <si>
    <t>2024-08-16-17.30.35.615932</t>
  </si>
  <si>
    <t>0382600031</t>
  </si>
  <si>
    <t>2024-02-28-17.30.31.563304</t>
  </si>
  <si>
    <t>0332558407</t>
  </si>
  <si>
    <t>2024-10-29-17.30.30.770911</t>
  </si>
  <si>
    <t>2024-11-20-17.30.31.540190</t>
  </si>
  <si>
    <t>0306705003</t>
  </si>
  <si>
    <t>2024-08-19-14.48.28.006625</t>
  </si>
  <si>
    <t>0306103744</t>
  </si>
  <si>
    <t>2024-07-16-18.08.29.471066</t>
  </si>
  <si>
    <t>0330306680</t>
  </si>
  <si>
    <t>2024-03-20-17.30.31.474696</t>
  </si>
  <si>
    <t>0359838953</t>
  </si>
  <si>
    <t>2024-03-12-17.30.30.888604</t>
  </si>
  <si>
    <t>0356015250</t>
  </si>
  <si>
    <t>2024-05-08-17.30.33.270579</t>
  </si>
  <si>
    <t>0345103530</t>
  </si>
  <si>
    <t>2024-04-19-17.30.31.686925</t>
  </si>
  <si>
    <t>0372300419</t>
  </si>
  <si>
    <t>2024-07-29-17.30.31.634642</t>
  </si>
  <si>
    <t>2024-04-15-17.30.31.718440</t>
  </si>
  <si>
    <t>0300905824</t>
  </si>
  <si>
    <t>2024-01-19-17.30.33.616623</t>
  </si>
  <si>
    <t>2024-01-18-08.05.30.217429</t>
  </si>
  <si>
    <t>0304091590</t>
  </si>
  <si>
    <t>2024-02-12-17.30.34.999846</t>
  </si>
  <si>
    <t>2024-10-25-17.30.30.767186</t>
  </si>
  <si>
    <t>0308791764</t>
  </si>
  <si>
    <t>2024-01-05-17.30.33.252016</t>
  </si>
  <si>
    <t>0350405592</t>
  </si>
  <si>
    <t>2024-11-19-17.30.33.875198</t>
  </si>
  <si>
    <t>0346000400</t>
  </si>
  <si>
    <t>2024-01-08-08.06.00.909614</t>
  </si>
  <si>
    <t>0343605481</t>
  </si>
  <si>
    <t>2024-05-09-17.30.35.107763</t>
  </si>
  <si>
    <t>0303400604</t>
  </si>
  <si>
    <t>2024-04-01-08.07.20.192570</t>
  </si>
  <si>
    <t>0390594421</t>
  </si>
  <si>
    <t>2024-06-14-17.30.37.409039</t>
  </si>
  <si>
    <t>2024-11-27-17.30.32.625983</t>
  </si>
  <si>
    <t>0306503827</t>
  </si>
  <si>
    <t>2024-01-09-08.06.12.089585</t>
  </si>
  <si>
    <t>0347757904</t>
  </si>
  <si>
    <t>2024-11-08-17.30.31.257436</t>
  </si>
  <si>
    <t>0397975218</t>
  </si>
  <si>
    <t>2024-07-26-17.30.33.092192</t>
  </si>
  <si>
    <t>0335502123</t>
  </si>
  <si>
    <t>2024-03-11-17.30.38.885814</t>
  </si>
  <si>
    <t>0353176550</t>
  </si>
  <si>
    <t>2024-01-04-08.07.58.006296</t>
  </si>
  <si>
    <t>0356100691</t>
  </si>
  <si>
    <t>2024-08-19-17.30.33.087016</t>
  </si>
  <si>
    <t>0371800745</t>
  </si>
  <si>
    <t>2024-07-31-17.30.29.480029</t>
  </si>
  <si>
    <t>0349701175</t>
  </si>
  <si>
    <t>2024-11-26-17.30.31.172745</t>
  </si>
  <si>
    <t>2024-07-31-17.30.29.480119</t>
  </si>
  <si>
    <t>0332612241</t>
  </si>
  <si>
    <t>2024-07-15-17.30.36.510637</t>
  </si>
  <si>
    <t>0337412726</t>
  </si>
  <si>
    <t>2024-12-12-07.02.57.638713</t>
  </si>
  <si>
    <t>0332800573</t>
  </si>
  <si>
    <t>2024-09-30-17.30.39.689296</t>
  </si>
  <si>
    <t>0360267152</t>
  </si>
  <si>
    <t>2024-01-10-17.30.31.239865</t>
  </si>
  <si>
    <t>0369070260</t>
  </si>
  <si>
    <t>2024-06-06-17.30.32.161183</t>
  </si>
  <si>
    <t>0322039524</t>
  </si>
  <si>
    <t>2024-11-15-17.30.32.580979</t>
  </si>
  <si>
    <t>0393600320</t>
  </si>
  <si>
    <t>2024-09-16-18.49.40.011807</t>
  </si>
  <si>
    <t>0349000673</t>
  </si>
  <si>
    <t>2024-07-10-17.30.35.009191</t>
  </si>
  <si>
    <t>0347803625</t>
  </si>
  <si>
    <t>2024-06-13-17.30.33.898659</t>
  </si>
  <si>
    <t>0376710020</t>
  </si>
  <si>
    <t>2024-11-29-14.48.07.442520</t>
  </si>
  <si>
    <t>0377804415</t>
  </si>
  <si>
    <t>2024-12-13-08.07.18.221353</t>
  </si>
  <si>
    <t>0309240020</t>
  </si>
  <si>
    <t>2024-12-30-17.30.28.181290</t>
  </si>
  <si>
    <t>2024-09-11-17.30.28.629440</t>
  </si>
  <si>
    <t>0382501361</t>
  </si>
  <si>
    <t>2024-05-01-17.30.33.868298</t>
  </si>
  <si>
    <t>0366502025</t>
  </si>
  <si>
    <t>2024-07-29-08.06.53.976078</t>
  </si>
  <si>
    <t>2024-12-02-17.30.41.339059</t>
  </si>
  <si>
    <t>0387977902</t>
  </si>
  <si>
    <t>2024-07-02-17.30.32.069238</t>
  </si>
  <si>
    <t>0333300634</t>
  </si>
  <si>
    <t>2024-04-03-08.07.05.143025</t>
  </si>
  <si>
    <t>0381900014</t>
  </si>
  <si>
    <t>2024-10-23-17.30.30.892008</t>
  </si>
  <si>
    <t>0352100911</t>
  </si>
  <si>
    <t>2024-01-31-17.30.27.948457</t>
  </si>
  <si>
    <t>0363000062</t>
  </si>
  <si>
    <t>2024-09-11-08.07.58.191671</t>
  </si>
  <si>
    <t>0336437744</t>
  </si>
  <si>
    <t>2024-01-04-17.30.34.488084</t>
  </si>
  <si>
    <t>2024-10-24-08.11.05.769695</t>
  </si>
  <si>
    <t>0375573783</t>
  </si>
  <si>
    <t>2024-01-18-17.30.30.636449</t>
  </si>
  <si>
    <t>0316801560</t>
  </si>
  <si>
    <t>2024-02-02-08.08.24.120616</t>
  </si>
  <si>
    <t>0396001640</t>
  </si>
  <si>
    <t>2024-12-06-17.30.30.263851</t>
  </si>
  <si>
    <t>0396587943</t>
  </si>
  <si>
    <t>2024-09-13-08.07.13.202392</t>
  </si>
  <si>
    <t>0395713022</t>
  </si>
  <si>
    <t>2024-05-23-17.30.33.732820</t>
  </si>
  <si>
    <t>0366052473</t>
  </si>
  <si>
    <t>2024-10-10-17.30.26.749382</t>
  </si>
  <si>
    <t>0362504790</t>
  </si>
  <si>
    <t>2024-11-19-17.30.33.875278</t>
  </si>
  <si>
    <t>0347100909</t>
  </si>
  <si>
    <t>2024-05-02-17.30.34.949418</t>
  </si>
  <si>
    <t>0399903780</t>
  </si>
  <si>
    <t>2024-10-16-08.06.50.183862</t>
  </si>
  <si>
    <t>0346400916</t>
  </si>
  <si>
    <t>2024-01-24-17.30.32.352459</t>
  </si>
  <si>
    <t>0303110545</t>
  </si>
  <si>
    <t>2024-07-31-17.30.29.480099</t>
  </si>
  <si>
    <t>0377916420</t>
  </si>
  <si>
    <t>2024-01-09-14.56.49.995329</t>
  </si>
  <si>
    <t>0300205230</t>
  </si>
  <si>
    <t>2024-05-22-17.30.32.582025</t>
  </si>
  <si>
    <t>0374905652</t>
  </si>
  <si>
    <t>2024-10-01-17.30.33.364795</t>
  </si>
  <si>
    <t>0325530153</t>
  </si>
  <si>
    <t>2024-05-07-17.30.31.626162</t>
  </si>
  <si>
    <t>0398901330</t>
  </si>
  <si>
    <t>2024-12-26-17.30.32.251959</t>
  </si>
  <si>
    <t>2024-09-25-17.30.33.195939</t>
  </si>
  <si>
    <t>0354298492</t>
  </si>
  <si>
    <t>2024-04-26-17.30.32.110586</t>
  </si>
  <si>
    <t>0356075330</t>
  </si>
  <si>
    <t>2024-04-18-08.10.22.827005</t>
  </si>
  <si>
    <t>0326504880</t>
  </si>
  <si>
    <t>2024-08-14-17.30.29.737339</t>
  </si>
  <si>
    <t>0379602731</t>
  </si>
  <si>
    <t>2024-06-21-14.30.36.987607</t>
  </si>
  <si>
    <t>0343453700</t>
  </si>
  <si>
    <t>2024-09-06-17.30.31.468358</t>
  </si>
  <si>
    <t>2024-03-22-17.30.33.445678</t>
  </si>
  <si>
    <t>0380702076</t>
  </si>
  <si>
    <t>2024-10-23-17.30.30.891998</t>
  </si>
  <si>
    <t>0325801512</t>
  </si>
  <si>
    <t>2024-12-11-17.30.30.574389</t>
  </si>
  <si>
    <t>2024-10-01-17.30.33.364755</t>
  </si>
  <si>
    <t>0375348534</t>
  </si>
  <si>
    <t>2024-12-31-17.30.30.030756</t>
  </si>
  <si>
    <t>0364600083</t>
  </si>
  <si>
    <t>2024-09-26-17.30.30.778910</t>
  </si>
  <si>
    <t>0300301350</t>
  </si>
  <si>
    <t>2024-01-23-17.30.28.920790</t>
  </si>
  <si>
    <t>2024-04-26-17.30.32.110576</t>
  </si>
  <si>
    <t>0350205662</t>
  </si>
  <si>
    <t>2024-03-11-17.30.38.885874</t>
  </si>
  <si>
    <t>0301628200</t>
  </si>
  <si>
    <t>2024-04-01-17.30.41.784783</t>
  </si>
  <si>
    <t>2024-04-26-17.30.32.110566</t>
  </si>
  <si>
    <t>0306605478</t>
  </si>
  <si>
    <t>2024-05-13-17.30.37.613935</t>
  </si>
  <si>
    <t>0302403274</t>
  </si>
  <si>
    <t>2024-02-20-08.07.13.443158</t>
  </si>
  <si>
    <t>0380701148</t>
  </si>
  <si>
    <t>2024-08-07-17.30.30.338401</t>
  </si>
  <si>
    <t>0344103633</t>
  </si>
  <si>
    <t>2024-12-04-17.30.32.061571</t>
  </si>
  <si>
    <t>0399801727</t>
  </si>
  <si>
    <t>2024-05-01-17.30.33.868218</t>
  </si>
  <si>
    <t>0362154301</t>
  </si>
  <si>
    <t>2024-01-04-17.30.34.488044</t>
  </si>
  <si>
    <t>0375200353</t>
  </si>
  <si>
    <t>2024-01-18-17.30.30.636549</t>
  </si>
  <si>
    <t>0333887017</t>
  </si>
  <si>
    <t>2024-02-06-17.30.28.092193</t>
  </si>
  <si>
    <t>0342701970</t>
  </si>
  <si>
    <t>2024-03-19-17.30.31.052585</t>
  </si>
  <si>
    <t>0369700684</t>
  </si>
  <si>
    <t>2024-08-22-14.48.55.606887</t>
  </si>
  <si>
    <t>0371024280</t>
  </si>
  <si>
    <t>2024-03-01-17.30.32.888029</t>
  </si>
  <si>
    <t>0328201304</t>
  </si>
  <si>
    <t>2024-10-23-17.30.30.891928</t>
  </si>
  <si>
    <t>0314529781</t>
  </si>
  <si>
    <t>2024-11-08-08.15.49.291641</t>
  </si>
  <si>
    <t>0308000537</t>
  </si>
  <si>
    <t>2024-11-12-08.07.36.348940</t>
  </si>
  <si>
    <t>0309148597</t>
  </si>
  <si>
    <t>2024-10-07-17.30.29.939983</t>
  </si>
  <si>
    <t>0379620092</t>
  </si>
  <si>
    <t>2024-12-06-13.20.59.307279</t>
  </si>
  <si>
    <t>0394621383</t>
  </si>
  <si>
    <t>2024-09-06-17.30.31.468528</t>
  </si>
  <si>
    <t>0348857966</t>
  </si>
  <si>
    <t>2024-11-07-17.30.33.181783</t>
  </si>
  <si>
    <t>0344684423</t>
  </si>
  <si>
    <t>2024-08-23-17.30.35.619814</t>
  </si>
  <si>
    <t>0343488800</t>
  </si>
  <si>
    <t>2024-07-31-08.06.29.127945</t>
  </si>
  <si>
    <t>0351200411</t>
  </si>
  <si>
    <t>2024-09-16-14.50.05.124163</t>
  </si>
  <si>
    <t>0384702780</t>
  </si>
  <si>
    <t>2024-04-18-17.30.30.807192</t>
  </si>
  <si>
    <t>0311058080</t>
  </si>
  <si>
    <t>2024-03-06-08.06.08.885636</t>
  </si>
  <si>
    <t>0345700929</t>
  </si>
  <si>
    <t>2024-09-13-17.30.30.460342</t>
  </si>
  <si>
    <t>0324801241</t>
  </si>
  <si>
    <t>2024-02-29-17.30.29.727196</t>
  </si>
  <si>
    <t>0306025294</t>
  </si>
  <si>
    <t>2024-02-02-17.30.35.524108</t>
  </si>
  <si>
    <t>0356101291</t>
  </si>
  <si>
    <t>2024-10-18-14.28.06.403543</t>
  </si>
  <si>
    <t>0352902796</t>
  </si>
  <si>
    <t>2024-12-12-19.26.57.238868</t>
  </si>
  <si>
    <t>0363059562</t>
  </si>
  <si>
    <t>2024-10-29-17.30.30.770881</t>
  </si>
  <si>
    <t>2024-08-07-17.30.30.338301</t>
  </si>
  <si>
    <t>0341996022</t>
  </si>
  <si>
    <t>2024-06-07-17.30.28.663770</t>
  </si>
  <si>
    <t>0389768570</t>
  </si>
  <si>
    <t>2024-09-06-17.30.31.468328</t>
  </si>
  <si>
    <t>2024-07-02-17.30.32.069248</t>
  </si>
  <si>
    <t>0318702636</t>
  </si>
  <si>
    <t>2024-10-24-17.30.36.606429</t>
  </si>
  <si>
    <t>0301801441</t>
  </si>
  <si>
    <t>2024-06-25-17.30.33.907351</t>
  </si>
  <si>
    <t>0316916633</t>
  </si>
  <si>
    <t>2024-10-08-17.45.58.124377</t>
  </si>
  <si>
    <t>0332938202</t>
  </si>
  <si>
    <t>2024-03-21-15.29.17.633063</t>
  </si>
  <si>
    <t>0332573993</t>
  </si>
  <si>
    <t>2024-12-10-08.08.13.305916</t>
  </si>
  <si>
    <t>2024-11-26-17.30.31.172735</t>
  </si>
  <si>
    <t>0389622145</t>
  </si>
  <si>
    <t>2024-07-05-08.07.03.954282</t>
  </si>
  <si>
    <t>0397536810</t>
  </si>
  <si>
    <t>2024-02-29-17.30.29.727296</t>
  </si>
  <si>
    <t>0381579773</t>
  </si>
  <si>
    <t>2024-10-02-17.30.32.538698</t>
  </si>
  <si>
    <t>0369334931</t>
  </si>
  <si>
    <t>2024-03-25-17.30.35.276822</t>
  </si>
  <si>
    <t>0335200925</t>
  </si>
  <si>
    <t>2024-08-07-08.06.45.009264</t>
  </si>
  <si>
    <t>0388414612</t>
  </si>
  <si>
    <t>2024-09-24-11.44.11.882935</t>
  </si>
  <si>
    <t>0349541740</t>
  </si>
  <si>
    <t>2024-10-08-14.32.17.217979</t>
  </si>
  <si>
    <t>0303516124</t>
  </si>
  <si>
    <t>2024-09-18-17.30.28.805723</t>
  </si>
  <si>
    <t>0318704340</t>
  </si>
  <si>
    <t>2024-09-12-17.30.27.119689</t>
  </si>
  <si>
    <t>0399501722</t>
  </si>
  <si>
    <t>2024-12-23-17.30.33.694377</t>
  </si>
  <si>
    <t>0306100770</t>
  </si>
  <si>
    <t>2024-09-26-17.30.30.778970</t>
  </si>
  <si>
    <t>0327500077</t>
  </si>
  <si>
    <t>2024-10-31-08.09.26.421119</t>
  </si>
  <si>
    <t>0379000853</t>
  </si>
  <si>
    <t>2024-03-25-08.06.45.864976</t>
  </si>
  <si>
    <t>0364461755</t>
  </si>
  <si>
    <t>2024-07-05-17.30.36.003667</t>
  </si>
  <si>
    <t>0336028757</t>
  </si>
  <si>
    <t>2024-09-27-08.08.40.925296</t>
  </si>
  <si>
    <t>0370901252</t>
  </si>
  <si>
    <t>2024-05-20-17.30.32.896699</t>
  </si>
  <si>
    <t>0327101719</t>
  </si>
  <si>
    <t>2024-12-05-08.08.47.647864</t>
  </si>
  <si>
    <t>0367000651</t>
  </si>
  <si>
    <t>2024-12-10-17.30.33.951847</t>
  </si>
  <si>
    <t>0387799001</t>
  </si>
  <si>
    <t>2024-01-19-14.50.28.801991</t>
  </si>
  <si>
    <t>0350701060</t>
  </si>
  <si>
    <t>2024-07-19-17.30.30.334004</t>
  </si>
  <si>
    <t>2024-04-25-17.30.31.225737</t>
  </si>
  <si>
    <t>0365633520</t>
  </si>
  <si>
    <t>2024-01-04-17.30.34.487984</t>
  </si>
  <si>
    <t>0345401102</t>
  </si>
  <si>
    <t>2024-12-20-17.30.33.534239</t>
  </si>
  <si>
    <t>0351846164</t>
  </si>
  <si>
    <t>2024-07-31-15.28.10.109183</t>
  </si>
  <si>
    <t>0360201122</t>
  </si>
  <si>
    <t>2024-08-29-17.30.32.842800</t>
  </si>
  <si>
    <t>0310500908</t>
  </si>
  <si>
    <t>2024-02-08-14.50.27.063803</t>
  </si>
  <si>
    <t>0316000934</t>
  </si>
  <si>
    <t>2024-09-06-17.30.31.468378</t>
  </si>
  <si>
    <t>0337770281</t>
  </si>
  <si>
    <t>2024-07-29-17.30.31.634782</t>
  </si>
  <si>
    <t>0323605231</t>
  </si>
  <si>
    <t>2024-11-26-17.30.31.172775</t>
  </si>
  <si>
    <t>0375000341</t>
  </si>
  <si>
    <t>2024-07-15-08.07.40.263483</t>
  </si>
  <si>
    <t>0385900443</t>
  </si>
  <si>
    <t>2024-06-10-17.30.33.037696</t>
  </si>
  <si>
    <t>0315723501</t>
  </si>
  <si>
    <t>2024-11-05-17.30.31.764227</t>
  </si>
  <si>
    <t>0346400822</t>
  </si>
  <si>
    <t>2024-01-12-17.30.30.074052</t>
  </si>
  <si>
    <t>0302200913</t>
  </si>
  <si>
    <t>2024-09-30-17.30.39.689326</t>
  </si>
  <si>
    <t>0363191860</t>
  </si>
  <si>
    <t>2024-07-10-17.30.35.009201</t>
  </si>
  <si>
    <t>0391202147</t>
  </si>
  <si>
    <t>2024-06-25-17.30.33.907291</t>
  </si>
  <si>
    <t>0316605420</t>
  </si>
  <si>
    <t>2024-08-21-17.30.34.070683</t>
  </si>
  <si>
    <t>0351332486</t>
  </si>
  <si>
    <t>2024-09-11-08.07.58.190671</t>
  </si>
  <si>
    <t>0394700822</t>
  </si>
  <si>
    <t>2024-10-24-17.30.36.606409</t>
  </si>
  <si>
    <t>0345500345</t>
  </si>
  <si>
    <t>2024-05-08-17.30.33.270469</t>
  </si>
  <si>
    <t>0388703790</t>
  </si>
  <si>
    <t>2024-09-06-08.14.59.278017</t>
  </si>
  <si>
    <t>0370703340</t>
  </si>
  <si>
    <t>2024-03-13-17.30.32.949351</t>
  </si>
  <si>
    <t>0340602094</t>
  </si>
  <si>
    <t>2024-12-06-08.07.17.002312</t>
  </si>
  <si>
    <t>0306104460</t>
  </si>
  <si>
    <t>2024-12-09-17.30.36.307365</t>
  </si>
  <si>
    <t>0322601792</t>
  </si>
  <si>
    <t>2024-10-02-07.03.26.243646</t>
  </si>
  <si>
    <t>0311178217</t>
  </si>
  <si>
    <t>2024-01-11-17.30.29.112021</t>
  </si>
  <si>
    <t>0341753175</t>
  </si>
  <si>
    <t>2024-04-29-17.30.36.032095</t>
  </si>
  <si>
    <t>0300127421</t>
  </si>
  <si>
    <t>2024-07-30-17.30.27.809945</t>
  </si>
  <si>
    <t>0369403951</t>
  </si>
  <si>
    <t>2024-06-13-17.30.33.898609</t>
  </si>
  <si>
    <t>0372040991</t>
  </si>
  <si>
    <t>2024-03-06-17.30.29.705520</t>
  </si>
  <si>
    <t>0375285880</t>
  </si>
  <si>
    <t>2024-08-20-17.30.26.360503</t>
  </si>
  <si>
    <t>0371500328</t>
  </si>
  <si>
    <t>2024-07-10-17.30.35.009181</t>
  </si>
  <si>
    <t>0347383772</t>
  </si>
  <si>
    <t>2024-09-12-17.30.27.119739</t>
  </si>
  <si>
    <t>0345300452</t>
  </si>
  <si>
    <t>2024-10-22-08.07.04.776485</t>
  </si>
  <si>
    <t>0311655010</t>
  </si>
  <si>
    <t>2024-08-08-17.48.21.453526</t>
  </si>
  <si>
    <t>0321342307</t>
  </si>
  <si>
    <t>2024-03-13-17.30.32.949401</t>
  </si>
  <si>
    <t>0397200158</t>
  </si>
  <si>
    <t>2024-07-15-17.30.36.510837</t>
  </si>
  <si>
    <t>0387700540</t>
  </si>
  <si>
    <t>2024-04-11-17.30.34.104322</t>
  </si>
  <si>
    <t>0339098513</t>
  </si>
  <si>
    <t>2024-08-07-17.30.30.338331</t>
  </si>
  <si>
    <t>0301300023</t>
  </si>
  <si>
    <t>2024-04-30-17.30.34.478495</t>
  </si>
  <si>
    <t>2024-03-11-08.07.05.932625</t>
  </si>
  <si>
    <t>2024-09-16-18.49.40.011747</t>
  </si>
  <si>
    <t>0307704750</t>
  </si>
  <si>
    <t>2024-08-09-17.30.34.700113</t>
  </si>
  <si>
    <t>0361287676</t>
  </si>
  <si>
    <t>2024-11-18-17.30.30.883555</t>
  </si>
  <si>
    <t>0397606981</t>
  </si>
  <si>
    <t>2024-01-30-17.30.26.891268</t>
  </si>
  <si>
    <t>0332421260</t>
  </si>
  <si>
    <t>2024-07-15-17.30.36.510817</t>
  </si>
  <si>
    <t>0344819660</t>
  </si>
  <si>
    <t>2024-09-13-17.30.30.460372</t>
  </si>
  <si>
    <t>2024-08-16-08.07.05.542737</t>
  </si>
  <si>
    <t>2024-07-10-17.30.35.009251</t>
  </si>
  <si>
    <t>2024-06-12-17.30.32.213064</t>
  </si>
  <si>
    <t>0377470220</t>
  </si>
  <si>
    <t>2024-05-09-17.30.35.107713</t>
  </si>
  <si>
    <t>0342763100</t>
  </si>
  <si>
    <t>2024-02-15-17.30.37.685833</t>
  </si>
  <si>
    <t>0372320894</t>
  </si>
  <si>
    <t>2024-11-14-17.30.32.165669</t>
  </si>
  <si>
    <t>0353473850</t>
  </si>
  <si>
    <t>2024-04-10-17.30.32.840505</t>
  </si>
  <si>
    <t>0382142540</t>
  </si>
  <si>
    <t>2024-06-24-08.06.05.172000</t>
  </si>
  <si>
    <t>2024-05-06-19.32.23.410938</t>
  </si>
  <si>
    <t>0366404460</t>
  </si>
  <si>
    <t>2024-12-13-17.30.33.102013</t>
  </si>
  <si>
    <t>2024-04-10-17.30.32.840565</t>
  </si>
  <si>
    <t>2024-12-12-08.08.25.607824</t>
  </si>
  <si>
    <t>0306100127</t>
  </si>
  <si>
    <t>2024-08-28-17.30.28.527514</t>
  </si>
  <si>
    <t>2024-03-21-08.10.52.014133</t>
  </si>
  <si>
    <t>0357505055</t>
  </si>
  <si>
    <t>2024-08-02-17.30.39.947928</t>
  </si>
  <si>
    <t>0344278878</t>
  </si>
  <si>
    <t>2024-04-18-17.30.30.807282</t>
  </si>
  <si>
    <t>0346188820</t>
  </si>
  <si>
    <t>2024-10-31-17.30.35.777089</t>
  </si>
  <si>
    <t>0390265933</t>
  </si>
  <si>
    <t>2024-04-23-17.30.29.737266</t>
  </si>
  <si>
    <t>0313402353</t>
  </si>
  <si>
    <t>2024-05-08-17.30.33.270519</t>
  </si>
  <si>
    <t>0387225892</t>
  </si>
  <si>
    <t>2024-01-04-17.30.34.488114</t>
  </si>
  <si>
    <t>0385300502</t>
  </si>
  <si>
    <t>2024-03-07-17.30.33.419379</t>
  </si>
  <si>
    <t>0318305766</t>
  </si>
  <si>
    <t>2024-05-20-17.30.32.896719</t>
  </si>
  <si>
    <t>0367200116</t>
  </si>
  <si>
    <t>2024-09-27-17.38.12.787656</t>
  </si>
  <si>
    <t>0342800673</t>
  </si>
  <si>
    <t>2024-07-03-17.30.34.380680</t>
  </si>
  <si>
    <t>2024-04-01-17.30.41.784813</t>
  </si>
  <si>
    <t>2024-07-31-17.30.29.479939</t>
  </si>
  <si>
    <t>0390317762</t>
  </si>
  <si>
    <t>2024-11-18-17.30.30.883605</t>
  </si>
  <si>
    <t>2024-10-09-12.34.28.878612</t>
  </si>
  <si>
    <t>0328900595</t>
  </si>
  <si>
    <t>2024-02-16-17.30.37.223313</t>
  </si>
  <si>
    <t>0319903772</t>
  </si>
  <si>
    <t>2024-12-05-14.50.47.910282</t>
  </si>
  <si>
    <t>2024-01-04-17.30.34.488014</t>
  </si>
  <si>
    <t>0316801622</t>
  </si>
  <si>
    <t>2024-10-15-17.30.32.255017</t>
  </si>
  <si>
    <t>0383500037</t>
  </si>
  <si>
    <t>2024-11-06-08.05.44.310167</t>
  </si>
  <si>
    <t>0398659412</t>
  </si>
  <si>
    <t>2024-05-17-17.30.32.751833</t>
  </si>
  <si>
    <t>0329601528</t>
  </si>
  <si>
    <t>2024-01-09-17.30.30.412072</t>
  </si>
  <si>
    <t>2024-04-01-08.07.20.191590</t>
  </si>
  <si>
    <t>0376500721</t>
  </si>
  <si>
    <t>2024-12-10-17.30.33.951877</t>
  </si>
  <si>
    <t>0340438052</t>
  </si>
  <si>
    <t>2024-11-21-17.30.32.282039</t>
  </si>
  <si>
    <t>2024-04-04-17.30.36.750325</t>
  </si>
  <si>
    <t>0373800542</t>
  </si>
  <si>
    <t>2024-05-29-17.30.34.087672</t>
  </si>
  <si>
    <t>0328700333</t>
  </si>
  <si>
    <t>2024-05-20-17.30.32.896879</t>
  </si>
  <si>
    <t>0370600856</t>
  </si>
  <si>
    <t>2024-07-25-17.30.27.463171</t>
  </si>
  <si>
    <t>2024-11-06-17.30.33.649220</t>
  </si>
  <si>
    <t>0380504343</t>
  </si>
  <si>
    <t>2024-08-16-14.31.30.703293</t>
  </si>
  <si>
    <t>2024-10-10-17.30.26.749442</t>
  </si>
  <si>
    <t>0390915251</t>
  </si>
  <si>
    <t>2024-04-02-17.30.34.288457</t>
  </si>
  <si>
    <t>0361300019</t>
  </si>
  <si>
    <t>2024-03-06-17.30.29.705470</t>
  </si>
  <si>
    <t>0321476013</t>
  </si>
  <si>
    <t>2024-11-01-17.30.33.597234</t>
  </si>
  <si>
    <t>0330559981</t>
  </si>
  <si>
    <t>2024-08-07-17.30.30.338511</t>
  </si>
  <si>
    <t>0371385380</t>
  </si>
  <si>
    <t>2024-05-31-17.30.32.240623</t>
  </si>
  <si>
    <t>0315000180</t>
  </si>
  <si>
    <t>2024-03-20-17.30.31.474706</t>
  </si>
  <si>
    <t>0364400249</t>
  </si>
  <si>
    <t>2024-01-10-17.30.31.239885</t>
  </si>
  <si>
    <t>0351900090</t>
  </si>
  <si>
    <t>2024-10-01-08.07.49.793387</t>
  </si>
  <si>
    <t>0390034181</t>
  </si>
  <si>
    <t>2024-09-11-17.30.28.629510</t>
  </si>
  <si>
    <t>0364202164</t>
  </si>
  <si>
    <t>2024-01-09-17.30.30.412032</t>
  </si>
  <si>
    <t>0386202937</t>
  </si>
  <si>
    <t>2024-02-15-17.30.37.685903</t>
  </si>
  <si>
    <t>2024-08-15-17.30.30.509247</t>
  </si>
  <si>
    <t>2024-10-18-17.30.35.012384</t>
  </si>
  <si>
    <t>0369716985</t>
  </si>
  <si>
    <t>2024-07-19-17.30.30.333994</t>
  </si>
  <si>
    <t>2024-10-31-17.30.35.776929</t>
  </si>
  <si>
    <t>2024-04-15-17.30.31.718420</t>
  </si>
  <si>
    <t>0382893871</t>
  </si>
  <si>
    <t>2024-04-25-17.30.31.225717</t>
  </si>
  <si>
    <t>0318301800</t>
  </si>
  <si>
    <t>2024-03-05-08.07.16.543748</t>
  </si>
  <si>
    <t>0385700009</t>
  </si>
  <si>
    <t>2024-12-13-18.05.22.122753</t>
  </si>
  <si>
    <t>0327001470</t>
  </si>
  <si>
    <t>2024-02-05-19.19.56.786158</t>
  </si>
  <si>
    <t>0332194083</t>
  </si>
  <si>
    <t>2024-05-13-17.30.37.613885</t>
  </si>
  <si>
    <t>2024-11-07-17.30.33.181763</t>
  </si>
  <si>
    <t>2024-01-19-17.30.33.616643</t>
  </si>
  <si>
    <t>0311987012</t>
  </si>
  <si>
    <t>2024-11-26-17.30.31.172725</t>
  </si>
  <si>
    <t>0342900119</t>
  </si>
  <si>
    <t>2024-04-03-14.49.51.907810</t>
  </si>
  <si>
    <t>0383704141</t>
  </si>
  <si>
    <t>2024-02-21-17.30.29.461013</t>
  </si>
  <si>
    <t>0361205526</t>
  </si>
  <si>
    <t>2024-09-25-17.30.33.195919</t>
  </si>
  <si>
    <t>0378101973</t>
  </si>
  <si>
    <t>2024-03-28-17.30.35.273766</t>
  </si>
  <si>
    <t>2024-04-03-08.07.05.144115</t>
  </si>
  <si>
    <t>0390856262</t>
  </si>
  <si>
    <t>2024-08-28-17.30.28.527464</t>
  </si>
  <si>
    <t>0392805456</t>
  </si>
  <si>
    <t>2024-09-04-17.30.33.152561</t>
  </si>
  <si>
    <t>0368512986</t>
  </si>
  <si>
    <t>2024-05-06-19.32.23.410848</t>
  </si>
  <si>
    <t>0384300146</t>
  </si>
  <si>
    <t>2024-09-12-08.12.45.994943</t>
  </si>
  <si>
    <t>0304200541</t>
  </si>
  <si>
    <t>2024-05-29-17.30.34.087592</t>
  </si>
  <si>
    <t>0364503427</t>
  </si>
  <si>
    <t>2024-03-05-17.30.30.553263</t>
  </si>
  <si>
    <t>0387940880</t>
  </si>
  <si>
    <t>2024-10-03-17.30.31.916674</t>
  </si>
  <si>
    <t>0396800593</t>
  </si>
  <si>
    <t>2024-05-13-17.30.37.613925</t>
  </si>
  <si>
    <t>0334604586</t>
  </si>
  <si>
    <t>2024-09-16-08.07.47.914122</t>
  </si>
  <si>
    <t>0303900212</t>
  </si>
  <si>
    <t>2024-01-09-17.30.30.411932</t>
  </si>
  <si>
    <t>2024-05-28-08.08.13.165106</t>
  </si>
  <si>
    <t>0351900728</t>
  </si>
  <si>
    <t>2024-11-06-17.30.33.649230</t>
  </si>
  <si>
    <t>0398389810</t>
  </si>
  <si>
    <t>2024-02-26-17.30.34.016320</t>
  </si>
  <si>
    <t>2024-06-10-08.07.35.316019</t>
  </si>
  <si>
    <t>0328021893</t>
  </si>
  <si>
    <t>2024-12-23-08.07.03.672160</t>
  </si>
  <si>
    <t>0395381744</t>
  </si>
  <si>
    <t>2024-09-13-17.30.30.460422</t>
  </si>
  <si>
    <t>0315000840</t>
  </si>
  <si>
    <t>2024-06-27-17.30.29.212477</t>
  </si>
  <si>
    <t>0349300238</t>
  </si>
  <si>
    <t>2024-07-10-17.30.35.009171</t>
  </si>
  <si>
    <t>2024-09-04-17.30.33.152571</t>
  </si>
  <si>
    <t>2024-09-20-17.30.33.034472</t>
  </si>
  <si>
    <t>0354915780</t>
  </si>
  <si>
    <t>2024-01-17-08.05.26.366755</t>
  </si>
  <si>
    <t>0337501356</t>
  </si>
  <si>
    <t>2024-11-01-17.30.33.597224</t>
  </si>
  <si>
    <t>2024-09-10-08.10.00.440859</t>
  </si>
  <si>
    <t>0343400741</t>
  </si>
  <si>
    <t>2024-11-01-17.30.33.597214</t>
  </si>
  <si>
    <t>0386800468</t>
  </si>
  <si>
    <t>2024-07-15-17.30.36.510647</t>
  </si>
  <si>
    <t>0375402867</t>
  </si>
  <si>
    <t>2024-09-10-17.30.33.500827</t>
  </si>
  <si>
    <t>0388903921</t>
  </si>
  <si>
    <t>2024-07-15-17.30.36.510737</t>
  </si>
  <si>
    <t>0319039290</t>
  </si>
  <si>
    <t>2024-01-16-17.30.33.655969</t>
  </si>
  <si>
    <t>0373303629</t>
  </si>
  <si>
    <t>2024-06-10-17.30.33.037656</t>
  </si>
  <si>
    <t>0378100427</t>
  </si>
  <si>
    <t>2024-10-29-14.47.33.312965</t>
  </si>
  <si>
    <t>2024-03-26-17.30.31.236047</t>
  </si>
  <si>
    <t>0317202546</t>
  </si>
  <si>
    <t>2024-08-07-17.30.30.338451</t>
  </si>
  <si>
    <t>2024-11-20-17.30.31.540290</t>
  </si>
  <si>
    <t>0344245671</t>
  </si>
  <si>
    <t>2024-09-12-08.12.45.995573</t>
  </si>
  <si>
    <t>0358765512</t>
  </si>
  <si>
    <t>2024-10-17-17.30.36.224415</t>
  </si>
  <si>
    <t>0385601130</t>
  </si>
  <si>
    <t>2024-02-05-19.19.56.786098</t>
  </si>
  <si>
    <t>0332700693</t>
  </si>
  <si>
    <t>2024-09-30-17.30.39.689286</t>
  </si>
  <si>
    <t>0356248505</t>
  </si>
  <si>
    <t>2024-07-17-17.30.30.396078</t>
  </si>
  <si>
    <t>0325322766</t>
  </si>
  <si>
    <t>2024-08-16-08.07.05.543687</t>
  </si>
  <si>
    <t>0355304443</t>
  </si>
  <si>
    <t>2024-11-14-17.30.32.165559</t>
  </si>
  <si>
    <t>0302200328</t>
  </si>
  <si>
    <t>2024-09-05-17.30.30.490673</t>
  </si>
  <si>
    <t>0395901450</t>
  </si>
  <si>
    <t>2024-05-31-08.09.23.608522</t>
  </si>
  <si>
    <t>0370704594</t>
  </si>
  <si>
    <t>2024-12-06-17.30.30.263871</t>
  </si>
  <si>
    <t>2024-11-06-08.05.44.310177</t>
  </si>
  <si>
    <t>0377305383</t>
  </si>
  <si>
    <t>2024-09-23-17.30.39.392115</t>
  </si>
  <si>
    <t>2024-10-23-17.30.30.891918</t>
  </si>
  <si>
    <t>0358001464</t>
  </si>
  <si>
    <t>2024-03-26-17.30.31.236067</t>
  </si>
  <si>
    <t>0335405528</t>
  </si>
  <si>
    <t>2024-07-11-21.06.22.752548</t>
  </si>
  <si>
    <t>0309167290</t>
  </si>
  <si>
    <t>2024-02-28-17.30.31.563364</t>
  </si>
  <si>
    <t>0338600240</t>
  </si>
  <si>
    <t>2024-12-11-17.30.30.574409</t>
  </si>
  <si>
    <t>0344504114</t>
  </si>
  <si>
    <t>2024-07-31-17.30.29.480069</t>
  </si>
  <si>
    <t>0397002002</t>
  </si>
  <si>
    <t>2024-09-11-17.30.28.629340</t>
  </si>
  <si>
    <t>0323201642</t>
  </si>
  <si>
    <t>2024-10-15-17.30.32.255087</t>
  </si>
  <si>
    <t>0354103268</t>
  </si>
  <si>
    <t>2024-06-13-17.30.33.898629</t>
  </si>
  <si>
    <t>0316202349</t>
  </si>
  <si>
    <t>2024-06-11-17.30.35.021585</t>
  </si>
  <si>
    <t>0324303360</t>
  </si>
  <si>
    <t>2024-09-09-08.10.09.046436</t>
  </si>
  <si>
    <t>0355132325</t>
  </si>
  <si>
    <t>2024-07-17-08.07.15.341421</t>
  </si>
  <si>
    <t>2024-07-08-07.03.18.802996</t>
  </si>
  <si>
    <t>0370904973</t>
  </si>
  <si>
    <t>2024-11-14-08.09.16.921833</t>
  </si>
  <si>
    <t>0351518290</t>
  </si>
  <si>
    <t>2024-12-26-17.30.32.251859</t>
  </si>
  <si>
    <t>0301505581</t>
  </si>
  <si>
    <t>2024-05-28-08.08.13.165636</t>
  </si>
  <si>
    <t>2024-01-23-17.30.28.920780</t>
  </si>
  <si>
    <t>0343804098</t>
  </si>
  <si>
    <t>2024-10-15-08.08.09.405104</t>
  </si>
  <si>
    <t>0333419709</t>
  </si>
  <si>
    <t>2024-09-26-17.30.30.778920</t>
  </si>
  <si>
    <t>0370000727</t>
  </si>
  <si>
    <t>2024-03-08-08.07.16.895103</t>
  </si>
  <si>
    <t>0372101587</t>
  </si>
  <si>
    <t>2024-10-01-08.07.49.793027</t>
  </si>
  <si>
    <t>0370803620</t>
  </si>
  <si>
    <t>2024-03-15-17.30.32.033554</t>
  </si>
  <si>
    <t>0317592530</t>
  </si>
  <si>
    <t>2024-04-11-17.30.34.104422</t>
  </si>
  <si>
    <t>0312702304</t>
  </si>
  <si>
    <t>2024-06-03-17.30.41.249564</t>
  </si>
  <si>
    <t>0363872350</t>
  </si>
  <si>
    <t>2024-07-25-17.30.27.463131</t>
  </si>
  <si>
    <t>0311604750</t>
  </si>
  <si>
    <t>2024-02-26-08.06.52.909102</t>
  </si>
  <si>
    <t>0330804723</t>
  </si>
  <si>
    <t>2024-05-06-19.32.23.410868</t>
  </si>
  <si>
    <t>2024-03-27-17.30.34.888512</t>
  </si>
  <si>
    <t>0335905531</t>
  </si>
  <si>
    <t>2024-05-23-08.16.31.793609</t>
  </si>
  <si>
    <t>0357001193</t>
  </si>
  <si>
    <t>2024-10-22-17.30.28.717688</t>
  </si>
  <si>
    <t>0348411740</t>
  </si>
  <si>
    <t>2024-07-19-17.30.30.334074</t>
  </si>
  <si>
    <t>2024-09-16-08.07.47.913252</t>
  </si>
  <si>
    <t>0316501441</t>
  </si>
  <si>
    <t>2024-05-02-08.10.41.395952</t>
  </si>
  <si>
    <t>0353021100</t>
  </si>
  <si>
    <t>2024-06-17-17.30.37.525683</t>
  </si>
  <si>
    <t>0327205200</t>
  </si>
  <si>
    <t>2024-11-14-17.30.32.165659</t>
  </si>
  <si>
    <t>0399625363</t>
  </si>
  <si>
    <t>2024-10-25-17.30.30.767136</t>
  </si>
  <si>
    <t>0308038416</t>
  </si>
  <si>
    <t>2024-03-20-17.30.31.474676</t>
  </si>
  <si>
    <t>0350929073</t>
  </si>
  <si>
    <t>2024-09-12-17.30.27.119659</t>
  </si>
  <si>
    <t>0376900058</t>
  </si>
  <si>
    <t>2024-08-28-17.30.28.527434</t>
  </si>
  <si>
    <t>0314820190</t>
  </si>
  <si>
    <t>2024-02-29-17.30.29.727366</t>
  </si>
  <si>
    <t>0341593840</t>
  </si>
  <si>
    <t>2024-10-22-17.30.28.717528</t>
  </si>
  <si>
    <t>0368032906</t>
  </si>
  <si>
    <t>2024-09-23-17.30.39.392055</t>
  </si>
  <si>
    <t>0324229158</t>
  </si>
  <si>
    <t>2024-06-11-17.30.35.021635</t>
  </si>
  <si>
    <t>0371801102</t>
  </si>
  <si>
    <t>2024-05-28-17.30.37.882843</t>
  </si>
  <si>
    <t>2024-12-04-17.30.32.061511</t>
  </si>
  <si>
    <t>2024-11-04-17.30.35.112441</t>
  </si>
  <si>
    <t>0369804445</t>
  </si>
  <si>
    <t>2024-05-30-17.30.28.196287</t>
  </si>
  <si>
    <t>0379301101</t>
  </si>
  <si>
    <t>2024-10-25-14.49.53.579508</t>
  </si>
  <si>
    <t>2024-02-08-17.30.38.632350</t>
  </si>
  <si>
    <t>0360476855</t>
  </si>
  <si>
    <t>2024-05-13-17.30.37.613835</t>
  </si>
  <si>
    <t>2024-02-06-17.30.28.092163</t>
  </si>
  <si>
    <t>0373700896</t>
  </si>
  <si>
    <t>2024-12-30-17.30.28.181320</t>
  </si>
  <si>
    <t>0311921280</t>
  </si>
  <si>
    <t>2024-11-18-17.30.30.883645</t>
  </si>
  <si>
    <t>0326405106</t>
  </si>
  <si>
    <t>2024-09-11-17.30.28.629400</t>
  </si>
  <si>
    <t>2024-04-03-08.07.05.142895</t>
  </si>
  <si>
    <t>0374625900</t>
  </si>
  <si>
    <t>2024-07-17-17.30.30.396038</t>
  </si>
  <si>
    <t>0364302399</t>
  </si>
  <si>
    <t>2024-07-09-17.30.28.378281</t>
  </si>
  <si>
    <t>0369001534</t>
  </si>
  <si>
    <t>2024-12-02-17.30.41.338949</t>
  </si>
  <si>
    <t>2024-10-15-17.30.32.255127</t>
  </si>
  <si>
    <t>2024-09-16-08.07.47.912782</t>
  </si>
  <si>
    <t>0376145808</t>
  </si>
  <si>
    <t>2024-06-11-17.30.35.021725</t>
  </si>
  <si>
    <t>0351000019</t>
  </si>
  <si>
    <t>2024-10-03-17.30.31.916684</t>
  </si>
  <si>
    <t>0315002310</t>
  </si>
  <si>
    <t>2024-02-21-17.30.29.460963</t>
  </si>
  <si>
    <t>0301903680</t>
  </si>
  <si>
    <t>2024-12-27-17.32.04.834612</t>
  </si>
  <si>
    <t>0377000720</t>
  </si>
  <si>
    <t>2024-08-13-17.30.32.468529</t>
  </si>
  <si>
    <t>2024-11-08-17.30.31.257426</t>
  </si>
  <si>
    <t>2024-05-01-17.30.33.868228</t>
  </si>
  <si>
    <t>2024-07-31-17.30.29.479959</t>
  </si>
  <si>
    <t>2024-12-12-08.08.25.608324</t>
  </si>
  <si>
    <t>2024-02-21-17.30.29.461033</t>
  </si>
  <si>
    <t>0370559696</t>
  </si>
  <si>
    <t>2024-03-25-17.30.35.276772</t>
  </si>
  <si>
    <t>0381204845</t>
  </si>
  <si>
    <t>2024-03-11-17.30.38.885824</t>
  </si>
  <si>
    <t>0324020815</t>
  </si>
  <si>
    <t>2024-02-05-19.19.56.786088</t>
  </si>
  <si>
    <t>0363100432</t>
  </si>
  <si>
    <t>2024-04-01-17.30.41.784633</t>
  </si>
  <si>
    <t>0365600807</t>
  </si>
  <si>
    <t>2024-03-27-17.30.34.888562</t>
  </si>
  <si>
    <t>0304605480</t>
  </si>
  <si>
    <t>2024-08-23-08.04.52.732032</t>
  </si>
  <si>
    <t>0312904484</t>
  </si>
  <si>
    <t>2024-10-18-17.30.35.012464</t>
  </si>
  <si>
    <t>2024-12-04-08.07.03.487660</t>
  </si>
  <si>
    <t>0342478112</t>
  </si>
  <si>
    <t>2024-04-01-17.30.41.784653</t>
  </si>
  <si>
    <t>0347481110</t>
  </si>
  <si>
    <t>2024-11-27-08.06.41.700104</t>
  </si>
  <si>
    <t>0313656682</t>
  </si>
  <si>
    <t>2024-03-15-17.30.32.033604</t>
  </si>
  <si>
    <t>0338400119</t>
  </si>
  <si>
    <t>2024-10-15-17.30.32.255027</t>
  </si>
  <si>
    <t>0358711870</t>
  </si>
  <si>
    <t>2024-09-18-17.30.28.805673</t>
  </si>
  <si>
    <t>0368899699</t>
  </si>
  <si>
    <t>2024-01-11-17.30.29.111941</t>
  </si>
  <si>
    <t>0302200891</t>
  </si>
  <si>
    <t>2024-05-28-17.30.37.882763</t>
  </si>
  <si>
    <t>2024-06-07-08.07.30.135093</t>
  </si>
  <si>
    <t>0343300629</t>
  </si>
  <si>
    <t>2024-08-06-17.30.30.223957</t>
  </si>
  <si>
    <t>0344102613</t>
  </si>
  <si>
    <t>2024-07-11-10.21.56.850682</t>
  </si>
  <si>
    <t>0334000500</t>
  </si>
  <si>
    <t>2024-11-22-08.08.32.367527</t>
  </si>
  <si>
    <t>0364600421</t>
  </si>
  <si>
    <t>2024-06-21-17.30.31.771054</t>
  </si>
  <si>
    <t>0393000840</t>
  </si>
  <si>
    <t>2024-08-13-17.30.32.468579</t>
  </si>
  <si>
    <t>0349700804</t>
  </si>
  <si>
    <t>2024-08-15-14.29.01.546836</t>
  </si>
  <si>
    <t>0350702580</t>
  </si>
  <si>
    <t>2024-01-02-08.07.28.740552</t>
  </si>
  <si>
    <t>0373901732</t>
  </si>
  <si>
    <t>2024-05-07-17.30.31.626262</t>
  </si>
  <si>
    <t>0300970913</t>
  </si>
  <si>
    <t>2024-12-09-17.30.36.307315</t>
  </si>
  <si>
    <t>0301290364</t>
  </si>
  <si>
    <t>2024-02-27-07.03.25.758771</t>
  </si>
  <si>
    <t>2024-12-04-08.07.03.486390</t>
  </si>
  <si>
    <t>0375464971</t>
  </si>
  <si>
    <t>2024-11-12-17.30.32.612803</t>
  </si>
  <si>
    <t>0384951835</t>
  </si>
  <si>
    <t>2024-06-25-17.30.33.907361</t>
  </si>
  <si>
    <t>0358600054</t>
  </si>
  <si>
    <t>2024-12-17-17.30.31.181470</t>
  </si>
  <si>
    <t>2024-05-02-08.10.41.396112</t>
  </si>
  <si>
    <t>2024-07-09-17.30.28.378321</t>
  </si>
  <si>
    <t>0367979125</t>
  </si>
  <si>
    <t>2024-01-16-17.30.33.655899</t>
  </si>
  <si>
    <t>0309381300</t>
  </si>
  <si>
    <t>2024-11-13-17.30.32.634279</t>
  </si>
  <si>
    <t>0397956804</t>
  </si>
  <si>
    <t>2024-11-15-17.30.32.580999</t>
  </si>
  <si>
    <t>2024-09-04-17.30.33.152551</t>
  </si>
  <si>
    <t>2024-05-28-17.30.37.882793</t>
  </si>
  <si>
    <t>2024-10-11-08.16.08.839178</t>
  </si>
  <si>
    <t>0396402055</t>
  </si>
  <si>
    <t>2024-04-10-17.30.32.840555</t>
  </si>
  <si>
    <t>2024-04-10-08.06.51.248772</t>
  </si>
  <si>
    <t>0328403703</t>
  </si>
  <si>
    <t>2024-01-09-08.06.12.088765</t>
  </si>
  <si>
    <t>0380201731</t>
  </si>
  <si>
    <t>2024-07-15-17.30.36.510697</t>
  </si>
  <si>
    <t>0339505293</t>
  </si>
  <si>
    <t>2024-06-18-17.30.35.338055</t>
  </si>
  <si>
    <t>2024-12-02-08.07.26.969766</t>
  </si>
  <si>
    <t>0335669473</t>
  </si>
  <si>
    <t>2024-05-29-17.30.34.087622</t>
  </si>
  <si>
    <t>2024-02-05-14.50.33.973835</t>
  </si>
  <si>
    <t>0340511623</t>
  </si>
  <si>
    <t>2024-08-16-17.30.35.616022</t>
  </si>
  <si>
    <t>2024-05-10-15.50.26.689909</t>
  </si>
  <si>
    <t>0335609205</t>
  </si>
  <si>
    <t>2024-07-15-17.30.36.510537</t>
  </si>
  <si>
    <t>0366104107</t>
  </si>
  <si>
    <t>2024-06-17-08.24.48.798720</t>
  </si>
  <si>
    <t>2024-05-29-17.30.34.087732</t>
  </si>
  <si>
    <t>2024-03-14-08.11.24.142711</t>
  </si>
  <si>
    <t>0312701317</t>
  </si>
  <si>
    <t>2024-05-16-17.30.35.217790</t>
  </si>
  <si>
    <t>0369701463</t>
  </si>
  <si>
    <t>2024-05-02-08.10.41.395942</t>
  </si>
  <si>
    <t>0327597322</t>
  </si>
  <si>
    <t>2024-01-18-17.30.30.636489</t>
  </si>
  <si>
    <t>0364000250</t>
  </si>
  <si>
    <t>2024-05-16-14.50.08.367865</t>
  </si>
  <si>
    <t>0328596240</t>
  </si>
  <si>
    <t>2024-07-05-17.30.36.003777</t>
  </si>
  <si>
    <t>0325365924</t>
  </si>
  <si>
    <t>2024-11-15-17.30.32.580909</t>
  </si>
  <si>
    <t>0386380870</t>
  </si>
  <si>
    <t>2024-08-16-17.30.35.615952</t>
  </si>
  <si>
    <t>0383501480</t>
  </si>
  <si>
    <t>2024-03-26-17.30.31.236127</t>
  </si>
  <si>
    <t>0319010001</t>
  </si>
  <si>
    <t>2024-08-08-07.04.08.689672</t>
  </si>
  <si>
    <t>0327413090</t>
  </si>
  <si>
    <t>2024-11-01-17.30.33.597174</t>
  </si>
  <si>
    <t>0369402812</t>
  </si>
  <si>
    <t>2024-09-09-08.10.09.046906</t>
  </si>
  <si>
    <t>2024-04-01-17.30.41.784693</t>
  </si>
  <si>
    <t>2024-07-02-14.50.13.806650</t>
  </si>
  <si>
    <t>0399774383</t>
  </si>
  <si>
    <t>2024-10-17-17.30.36.224375</t>
  </si>
  <si>
    <t>0393400384</t>
  </si>
  <si>
    <t>2024-12-19-17.30.33.514431</t>
  </si>
  <si>
    <t>0308502257</t>
  </si>
  <si>
    <t>2024-06-11-17.30.35.021625</t>
  </si>
  <si>
    <t>2024-07-03-17.30.34.380750</t>
  </si>
  <si>
    <t>0375905582</t>
  </si>
  <si>
    <t>2024-09-06-17.30.31.468388</t>
  </si>
  <si>
    <t>0324504031</t>
  </si>
  <si>
    <t>2024-10-09-17.30.30.742340</t>
  </si>
  <si>
    <t>0352359160</t>
  </si>
  <si>
    <t>2024-09-18-17.30.28.805743</t>
  </si>
  <si>
    <t>2024-05-06-19.32.23.410828</t>
  </si>
  <si>
    <t>2024-08-07-17.30.30.338371</t>
  </si>
  <si>
    <t>0336100817</t>
  </si>
  <si>
    <t>2024-07-15-17.30.36.510677</t>
  </si>
  <si>
    <t>0330942236</t>
  </si>
  <si>
    <t>2024-03-04-17.30.38.516641</t>
  </si>
  <si>
    <t>2024-04-17-08.03.45.220700</t>
  </si>
  <si>
    <t>2024-04-01-17.30.41.784923</t>
  </si>
  <si>
    <t>0316102761</t>
  </si>
  <si>
    <t>2024-02-28-17.30.31.563394</t>
  </si>
  <si>
    <t>2024-06-13-17.30.33.898509</t>
  </si>
  <si>
    <t>0338103785</t>
  </si>
  <si>
    <t>2024-03-13-17.30.32.949431</t>
  </si>
  <si>
    <t>0399981868</t>
  </si>
  <si>
    <t>2024-03-13-08.06.43.044197</t>
  </si>
  <si>
    <t>0390201819</t>
  </si>
  <si>
    <t>2024-09-26-17.30.30.778880</t>
  </si>
  <si>
    <t>0356205349</t>
  </si>
  <si>
    <t>2024-11-21-17.30.32.281929</t>
  </si>
  <si>
    <t>2024-10-11-08.16.08.839628</t>
  </si>
  <si>
    <t>0383503711</t>
  </si>
  <si>
    <t>2024-01-04-17.30.34.488124</t>
  </si>
  <si>
    <t>0344604001</t>
  </si>
  <si>
    <t>2024-03-13-08.06.43.045247</t>
  </si>
  <si>
    <t>0377702940</t>
  </si>
  <si>
    <t>2024-07-03-17.30.34.380600</t>
  </si>
  <si>
    <t>0327800537</t>
  </si>
  <si>
    <t>2024-03-04-17.30.38.516511</t>
  </si>
  <si>
    <t>2024-12-10-17.30.33.951777</t>
  </si>
  <si>
    <t>0363659142</t>
  </si>
  <si>
    <t>2024-04-10-17.30.32.840575</t>
  </si>
  <si>
    <t>0348300053</t>
  </si>
  <si>
    <t>2024-06-13-17.30.33.898639</t>
  </si>
  <si>
    <t>0388505770</t>
  </si>
  <si>
    <t>2024-11-13-17.30.32.634299</t>
  </si>
  <si>
    <t>2024-05-03-17.30.35.056354</t>
  </si>
  <si>
    <t>0372002322</t>
  </si>
  <si>
    <t>2024-12-31-14.48.57.575189</t>
  </si>
  <si>
    <t>0385100232</t>
  </si>
  <si>
    <t>2024-11-22-17.30.29.950051</t>
  </si>
  <si>
    <t>0388401703</t>
  </si>
  <si>
    <t>2024-01-09-17.30.30.411962</t>
  </si>
  <si>
    <t>0359501341</t>
  </si>
  <si>
    <t>2024-05-23-17.30.33.732910</t>
  </si>
  <si>
    <t>0302502691</t>
  </si>
  <si>
    <t>2024-02-13-15.26.44.559442</t>
  </si>
  <si>
    <t>2024-12-13-17.30.33.102003</t>
  </si>
  <si>
    <t>0310500857</t>
  </si>
  <si>
    <t>2024-09-30-17.30.39.689226</t>
  </si>
  <si>
    <t>2024-10-18-17.30.35.012494</t>
  </si>
  <si>
    <t>2024-01-10-17.30.31.239935</t>
  </si>
  <si>
    <t>2024-05-10-17.30.34.921797</t>
  </si>
  <si>
    <t>0387385504</t>
  </si>
  <si>
    <t>2024-10-17-08.08.47.651109</t>
  </si>
  <si>
    <t>0307904852</t>
  </si>
  <si>
    <t>2024-12-13-17.30.33.101893</t>
  </si>
  <si>
    <t>0379603417</t>
  </si>
  <si>
    <t>2024-11-19-17.30.33.875298</t>
  </si>
  <si>
    <t>0348402204</t>
  </si>
  <si>
    <t>2024-12-11-17.30.30.574299</t>
  </si>
  <si>
    <t>0392024251</t>
  </si>
  <si>
    <t>2024-03-15-17.30.32.033574</t>
  </si>
  <si>
    <t>0305800322</t>
  </si>
  <si>
    <t>2024-12-05-14.50.47.910295</t>
  </si>
  <si>
    <t>2024-04-19-08.07.20.818359</t>
  </si>
  <si>
    <t>2024-01-23-17.30.28.920850</t>
  </si>
  <si>
    <t>2024-03-11-17.30.38.885804</t>
  </si>
  <si>
    <t>0315159730</t>
  </si>
  <si>
    <t>2024-05-24-17.30.31.969103</t>
  </si>
  <si>
    <t>2024-06-11-08.07.34.215754</t>
  </si>
  <si>
    <t>0389200920</t>
  </si>
  <si>
    <t>2024-06-25-17.30.33.907391</t>
  </si>
  <si>
    <t>0347702085</t>
  </si>
  <si>
    <t>2024-11-01-08.08.48.119156</t>
  </si>
  <si>
    <t>2024-01-30-17.30.26.891248</t>
  </si>
  <si>
    <t>0372400352</t>
  </si>
  <si>
    <t>2024-11-06-17.30.33.649250</t>
  </si>
  <si>
    <t>2024-04-15-17.30.31.718410</t>
  </si>
  <si>
    <t>0366933702</t>
  </si>
  <si>
    <t>2024-06-04-17.32.17.428087</t>
  </si>
  <si>
    <t>2024-12-23-17.30.33.694427</t>
  </si>
  <si>
    <t>0375963724</t>
  </si>
  <si>
    <t>2024-02-27-17.30.31.779659</t>
  </si>
  <si>
    <t>0331404842</t>
  </si>
  <si>
    <t>2024-05-23-08.16.31.793859</t>
  </si>
  <si>
    <t>0382202104</t>
  </si>
  <si>
    <t>2024-11-04-17.30.35.112451</t>
  </si>
  <si>
    <t>2024-04-26-17.30.32.110556</t>
  </si>
  <si>
    <t>0332107369</t>
  </si>
  <si>
    <t>2024-12-06-08.07.17.003132</t>
  </si>
  <si>
    <t>2024-05-06-19.32.23.410988</t>
  </si>
  <si>
    <t>0330564451</t>
  </si>
  <si>
    <t>2024-12-26-17.30.32.251889</t>
  </si>
  <si>
    <t>2024-02-13-17.30.29.811838</t>
  </si>
  <si>
    <t>0328351035</t>
  </si>
  <si>
    <t>2024-11-06-17.30.33.649110</t>
  </si>
  <si>
    <t>0332900234</t>
  </si>
  <si>
    <t>2024-06-24-14.49.32.076949</t>
  </si>
  <si>
    <t>2024-02-19-17.30.32.745640</t>
  </si>
  <si>
    <t>0390504721</t>
  </si>
  <si>
    <t>2024-11-15-08.07.14.720249</t>
  </si>
  <si>
    <t>0343539201</t>
  </si>
  <si>
    <t>2024-01-18-17.30.30.636539</t>
  </si>
  <si>
    <t>0323704620</t>
  </si>
  <si>
    <t>2024-07-19-17.30.30.334054</t>
  </si>
  <si>
    <t>2024-01-22-17.30.38.792894</t>
  </si>
  <si>
    <t>0388540299</t>
  </si>
  <si>
    <t>2024-11-21-17.30.32.281969</t>
  </si>
  <si>
    <t>2024-05-24-17.30.31.969093</t>
  </si>
  <si>
    <t>0316001700</t>
  </si>
  <si>
    <t>2024-05-31-08.09.23.609042</t>
  </si>
  <si>
    <t>2024-06-07-17.30.28.663760</t>
  </si>
  <si>
    <t>0301970659</t>
  </si>
  <si>
    <t>2024-12-09-17.30.36.307295</t>
  </si>
  <si>
    <t>2024-08-27-17.30.29.282226</t>
  </si>
  <si>
    <t>0355206661</t>
  </si>
  <si>
    <t>2024-02-06-08.08.40.962130</t>
  </si>
  <si>
    <t>0307500864</t>
  </si>
  <si>
    <t>2024-12-26-17.30.32.251879</t>
  </si>
  <si>
    <t>0301810481</t>
  </si>
  <si>
    <t>2024-06-12-17.30.32.213074</t>
  </si>
  <si>
    <t>0374944390</t>
  </si>
  <si>
    <t>2024-07-25-17.30.27.463261</t>
  </si>
  <si>
    <t>0378105781</t>
  </si>
  <si>
    <t>2024-09-25-17.30.33.195899</t>
  </si>
  <si>
    <t>2024-05-31-08.09.23.608782</t>
  </si>
  <si>
    <t>0396300364</t>
  </si>
  <si>
    <t>2024-01-30-17.30.26.891218</t>
  </si>
  <si>
    <t>2024-01-29-17.30.33.704791</t>
  </si>
  <si>
    <t>0347904871</t>
  </si>
  <si>
    <t>2024-07-24-17.30.27.405241</t>
  </si>
  <si>
    <t>0323901692</t>
  </si>
  <si>
    <t>2024-09-11-08.07.58.188041</t>
  </si>
  <si>
    <t>0381700814</t>
  </si>
  <si>
    <t>2024-04-22-17.30.36.950275</t>
  </si>
  <si>
    <t>0369500849</t>
  </si>
  <si>
    <t>2024-12-27-17.32.04.834602</t>
  </si>
  <si>
    <t>0305303073</t>
  </si>
  <si>
    <t>2024-04-22-17.30.36.950245</t>
  </si>
  <si>
    <t>0373201710</t>
  </si>
  <si>
    <t>2024-05-06-19.32.23.410898</t>
  </si>
  <si>
    <t>0345801425</t>
  </si>
  <si>
    <t>2024-06-21-17.30.31.770934</t>
  </si>
  <si>
    <t>0330005976</t>
  </si>
  <si>
    <t>2024-03-14-17.30.32.752420</t>
  </si>
  <si>
    <t>0350606054</t>
  </si>
  <si>
    <t>2024-05-07-17.30.31.626252</t>
  </si>
  <si>
    <t>0396700748</t>
  </si>
  <si>
    <t>2024-03-06-17.30.29.705490</t>
  </si>
  <si>
    <t>0352995530</t>
  </si>
  <si>
    <t>2024-08-14-17.30.29.737259</t>
  </si>
  <si>
    <t>0347331822</t>
  </si>
  <si>
    <t>2024-08-15-17.30.30.509197</t>
  </si>
  <si>
    <t>0392473803</t>
  </si>
  <si>
    <t>2024-11-25-17.30.34.714806</t>
  </si>
  <si>
    <t>0380900780</t>
  </si>
  <si>
    <t>2024-11-20-17.30.31.540210</t>
  </si>
  <si>
    <t>0354750510</t>
  </si>
  <si>
    <t>2024-05-01-17.30.33.868288</t>
  </si>
  <si>
    <t>0337300036</t>
  </si>
  <si>
    <t>2024-10-23-17.30.30.891848</t>
  </si>
  <si>
    <t>0357832800</t>
  </si>
  <si>
    <t>2024-05-07-17.30.31.626152</t>
  </si>
  <si>
    <t>0381505501</t>
  </si>
  <si>
    <t>2024-05-03-14.50.01.254377</t>
  </si>
  <si>
    <t>0367305691</t>
  </si>
  <si>
    <t>2024-03-04-17.30.38.516591</t>
  </si>
  <si>
    <t>0340216391</t>
  </si>
  <si>
    <t>2024-08-12-17.30.31.598523</t>
  </si>
  <si>
    <t>2024-07-25-17.30.27.463161</t>
  </si>
  <si>
    <t>0342802291</t>
  </si>
  <si>
    <t>2024-07-18-17.30.31.245234</t>
  </si>
  <si>
    <t>0340215050</t>
  </si>
  <si>
    <t>2024-08-23-17.30.35.619804</t>
  </si>
  <si>
    <t>0342805168</t>
  </si>
  <si>
    <t>2024-10-09-17.30.30.742220</t>
  </si>
  <si>
    <t>0311605250</t>
  </si>
  <si>
    <t>2024-07-08-17.30.31.535735</t>
  </si>
  <si>
    <t>0300004500</t>
  </si>
  <si>
    <t>2024-12-11-14.50.51.246801</t>
  </si>
  <si>
    <t>2024-09-23-08.07.14.603029</t>
  </si>
  <si>
    <t>0358335384</t>
  </si>
  <si>
    <t>2024-04-26-17.30.32.110596</t>
  </si>
  <si>
    <t>0376901310</t>
  </si>
  <si>
    <t>2024-12-27-14.27.14.883794</t>
  </si>
  <si>
    <t>0304565811</t>
  </si>
  <si>
    <t>2024-11-05-17.30.31.764207</t>
  </si>
  <si>
    <t>2024-07-02-08.12.26.829543</t>
  </si>
  <si>
    <t>0393200344</t>
  </si>
  <si>
    <t>2024-07-02-17.30.32.069108</t>
  </si>
  <si>
    <t>0367777857</t>
  </si>
  <si>
    <t>2024-12-10-17.30.33.951787</t>
  </si>
  <si>
    <t>0321901746</t>
  </si>
  <si>
    <t>2024-01-05-17.30.33.251926</t>
  </si>
  <si>
    <t>0359500360</t>
  </si>
  <si>
    <t>2024-01-17-17.30.32.353355</t>
  </si>
  <si>
    <t>0354302676</t>
  </si>
  <si>
    <t>2024-05-02-17.30.34.949298</t>
  </si>
  <si>
    <t>0354502559</t>
  </si>
  <si>
    <t>2024-01-11-17.30.29.111951</t>
  </si>
  <si>
    <t>0357504320</t>
  </si>
  <si>
    <t>2024-11-22-08.08.32.366717</t>
  </si>
  <si>
    <t>0374796451</t>
  </si>
  <si>
    <t>2024-05-14-17.30.30.343632</t>
  </si>
  <si>
    <t>0381600734</t>
  </si>
  <si>
    <t>2024-04-09-17.30.31.759611</t>
  </si>
  <si>
    <t>0303404371</t>
  </si>
  <si>
    <t>2024-03-25-17.30.35.276842</t>
  </si>
  <si>
    <t>0366001383</t>
  </si>
  <si>
    <t>2024-12-19-17.30.33.514401</t>
  </si>
  <si>
    <t>0363802380</t>
  </si>
  <si>
    <t>2024-11-14-17.30.32.165619</t>
  </si>
  <si>
    <t>0322258796</t>
  </si>
  <si>
    <t>2024-02-02-17.30.35.524078</t>
  </si>
  <si>
    <t>0341618112</t>
  </si>
  <si>
    <t>2024-04-17-17.30.29.783079</t>
  </si>
  <si>
    <t>2024-05-28-17.30.37.882803</t>
  </si>
  <si>
    <t>0339026042</t>
  </si>
  <si>
    <t>2024-12-05-17.30.33.163005</t>
  </si>
  <si>
    <t>0393913292</t>
  </si>
  <si>
    <t>2024-10-31-17.30.35.777029</t>
  </si>
  <si>
    <t>0300148031</t>
  </si>
  <si>
    <t>2024-05-28-17.30.37.882733</t>
  </si>
  <si>
    <t>0369243668</t>
  </si>
  <si>
    <t>2024-11-20-17.30.31.540330</t>
  </si>
  <si>
    <t>0337300637</t>
  </si>
  <si>
    <t>2024-07-10-08.07.06.211737</t>
  </si>
  <si>
    <t>2024-07-19-17.30.30.334084</t>
  </si>
  <si>
    <t>0353079326</t>
  </si>
  <si>
    <t>2024-11-12-17.30.32.612713</t>
  </si>
  <si>
    <t>0304301139</t>
  </si>
  <si>
    <t>2024-03-27-17.30.34.888522</t>
  </si>
  <si>
    <t>0307103790</t>
  </si>
  <si>
    <t>2024-09-06-17.30.31.468538</t>
  </si>
  <si>
    <t>0346600436</t>
  </si>
  <si>
    <t>2024-03-14-17.30.32.752430</t>
  </si>
  <si>
    <t>0378405582</t>
  </si>
  <si>
    <t>2024-11-01-17.30.33.597194</t>
  </si>
  <si>
    <t>0343102112</t>
  </si>
  <si>
    <t>2024-12-02-17.30.41.339019</t>
  </si>
  <si>
    <t>0366504681</t>
  </si>
  <si>
    <t>2024-01-12-17.30.30.074112</t>
  </si>
  <si>
    <t>0379578199</t>
  </si>
  <si>
    <t>2024-10-25-17.30.30.767126</t>
  </si>
  <si>
    <t>0334003715</t>
  </si>
  <si>
    <t>2024-11-07-17.30.33.181653</t>
  </si>
  <si>
    <t>0346421791</t>
  </si>
  <si>
    <t>2024-02-28-17.30.31.563294</t>
  </si>
  <si>
    <t>2024-08-15-17.30.30.509257</t>
  </si>
  <si>
    <t>0321800657</t>
  </si>
  <si>
    <t>2024-04-11-14.33.36.402581</t>
  </si>
  <si>
    <t>2024-04-16-17.30.31.082858</t>
  </si>
  <si>
    <t>0393904202</t>
  </si>
  <si>
    <t>2024-04-11-17.30.34.104392</t>
  </si>
  <si>
    <t>0314603076</t>
  </si>
  <si>
    <t>2024-02-20-08.07.13.442538</t>
  </si>
  <si>
    <t>0322704691</t>
  </si>
  <si>
    <t>2024-10-01-17.30.33.364775</t>
  </si>
  <si>
    <t>2024-02-09-17.30.31.051601</t>
  </si>
  <si>
    <t>0352901221</t>
  </si>
  <si>
    <t>2024-11-20-17.30.31.540280</t>
  </si>
  <si>
    <t>0369003630</t>
  </si>
  <si>
    <t>2024-02-06-17.30.28.092123</t>
  </si>
  <si>
    <t>0305994743</t>
  </si>
  <si>
    <t>2024-12-16-17.30.29.422746</t>
  </si>
  <si>
    <t>2024-12-02-17.30.41.339149</t>
  </si>
  <si>
    <t>2024-04-04-17.30.36.750315</t>
  </si>
  <si>
    <t>0370800643</t>
  </si>
  <si>
    <t>2024-10-16-17.30.30.109977</t>
  </si>
  <si>
    <t>0321603368</t>
  </si>
  <si>
    <t>2024-10-09-17.30.30.742180</t>
  </si>
  <si>
    <t>0345800204</t>
  </si>
  <si>
    <t>2024-10-21-17.30.34.016118</t>
  </si>
  <si>
    <t>2024-03-20-17.30.31.474596</t>
  </si>
  <si>
    <t>0314201221</t>
  </si>
  <si>
    <t>2024-03-26-17.30.31.235987</t>
  </si>
  <si>
    <t>0366342662</t>
  </si>
  <si>
    <t>2024-08-15-17.30.30.509177</t>
  </si>
  <si>
    <t>0335800151</t>
  </si>
  <si>
    <t>2024-06-17-17.30.37.525623</t>
  </si>
  <si>
    <t>0390540914</t>
  </si>
  <si>
    <t>2024-02-29-17.30.29.727266</t>
  </si>
  <si>
    <t>0367116364</t>
  </si>
  <si>
    <t>2024-02-05-19.19.56.786228</t>
  </si>
  <si>
    <t>0306138955</t>
  </si>
  <si>
    <t>2024-11-06-17.30.33.649190</t>
  </si>
  <si>
    <t>0380701273</t>
  </si>
  <si>
    <t>2024-05-01-17.30.33.868198</t>
  </si>
  <si>
    <t>0356800307</t>
  </si>
  <si>
    <t>2024-02-22-08.10.41.926230</t>
  </si>
  <si>
    <t>0330702331</t>
  </si>
  <si>
    <t>2024-12-10-17.30.33.951867</t>
  </si>
  <si>
    <t>0345502231</t>
  </si>
  <si>
    <t>2024-08-07-08.06.45.008704</t>
  </si>
  <si>
    <t>0340048874</t>
  </si>
  <si>
    <t>2024-02-26-17.30.34.016280</t>
  </si>
  <si>
    <t>0398764013</t>
  </si>
  <si>
    <t>2024-06-24-17.30.35.189324</t>
  </si>
  <si>
    <t>0341405770</t>
  </si>
  <si>
    <t>2024-09-05-17.30.30.490733</t>
  </si>
  <si>
    <t>0399805894</t>
  </si>
  <si>
    <t>2024-12-10-08.08.13.305146</t>
  </si>
  <si>
    <t>0344052491</t>
  </si>
  <si>
    <t>2024-09-16-18.49.40.011737</t>
  </si>
  <si>
    <t>0315336480</t>
  </si>
  <si>
    <t>2024-07-22-17.30.32.953224</t>
  </si>
  <si>
    <t>0333640672</t>
  </si>
  <si>
    <t>2024-11-04-17.30.35.112471</t>
  </si>
  <si>
    <t>0377703291</t>
  </si>
  <si>
    <t>2024-05-15-17.31.58.843613</t>
  </si>
  <si>
    <t>0378541092</t>
  </si>
  <si>
    <t>2024-08-21-14.49.56.398816</t>
  </si>
  <si>
    <t>0318070670</t>
  </si>
  <si>
    <t>2024-06-07-17.30.28.663660</t>
  </si>
  <si>
    <t>0376200251</t>
  </si>
  <si>
    <t>2024-07-18-17.30.31.245334</t>
  </si>
  <si>
    <t>0321889405</t>
  </si>
  <si>
    <t>2024-07-02-17.30.32.069168</t>
  </si>
  <si>
    <t>0324401791</t>
  </si>
  <si>
    <t>2024-10-29-17.30.30.770921</t>
  </si>
  <si>
    <t>2024-06-12-08.08.17.015983</t>
  </si>
  <si>
    <t>0342502054</t>
  </si>
  <si>
    <t>2024-07-05-08.07.03.954292</t>
  </si>
  <si>
    <t>0369873430</t>
  </si>
  <si>
    <t>2024-09-17-17.30.32.834944</t>
  </si>
  <si>
    <t>0354177139</t>
  </si>
  <si>
    <t>2024-12-11-17.30.30.574289</t>
  </si>
  <si>
    <t>0349400221</t>
  </si>
  <si>
    <t>2024-06-26-17.30.31.720941</t>
  </si>
  <si>
    <t>0344290339</t>
  </si>
  <si>
    <t>2024-12-10-17.30.33.951747</t>
  </si>
  <si>
    <t>0369502083</t>
  </si>
  <si>
    <t>2024-02-29-17.30.29.727206</t>
  </si>
  <si>
    <t>0357553412</t>
  </si>
  <si>
    <t>2024-01-02-17.30.32.133474</t>
  </si>
  <si>
    <t>0379402096</t>
  </si>
  <si>
    <t>2024-08-02-17.30.39.947958</t>
  </si>
  <si>
    <t>0366405041</t>
  </si>
  <si>
    <t>2024-02-26-07.02.59.879219</t>
  </si>
  <si>
    <t>0322370051</t>
  </si>
  <si>
    <t>2024-01-31-17.30.27.948497</t>
  </si>
  <si>
    <t>0382900771</t>
  </si>
  <si>
    <t>2024-05-22-17.30.32.582005</t>
  </si>
  <si>
    <t>0348200929</t>
  </si>
  <si>
    <t>2024-05-22-17.30.32.581995</t>
  </si>
  <si>
    <t>0364317250</t>
  </si>
  <si>
    <t>2024-10-09-17.30.30.742240</t>
  </si>
  <si>
    <t>0347041160</t>
  </si>
  <si>
    <t>2024-01-25-17.30.30.942376</t>
  </si>
  <si>
    <t>0391702144</t>
  </si>
  <si>
    <t>2024-05-30-17.30.28.196307</t>
  </si>
  <si>
    <t>0342305941</t>
  </si>
  <si>
    <t>2024-07-31-08.06.29.128245</t>
  </si>
  <si>
    <t>0313605361</t>
  </si>
  <si>
    <t>2024-12-19-08.10.12.309422</t>
  </si>
  <si>
    <t>0312805625</t>
  </si>
  <si>
    <t>2024-06-26-17.30.31.721021</t>
  </si>
  <si>
    <t>0349901192</t>
  </si>
  <si>
    <t>2024-10-09-12.35.06.017436</t>
  </si>
  <si>
    <t>0318900547</t>
  </si>
  <si>
    <t>2024-10-30-17.30.30.005838</t>
  </si>
  <si>
    <t>0366901291</t>
  </si>
  <si>
    <t>2024-04-25-17.30.31.225727</t>
  </si>
  <si>
    <t>0356000123</t>
  </si>
  <si>
    <t>2024-12-02-15.04.49.666573</t>
  </si>
  <si>
    <t>0390502029</t>
  </si>
  <si>
    <t>2024-10-15-17.30.32.255037</t>
  </si>
  <si>
    <t>0350800561</t>
  </si>
  <si>
    <t>2024-12-18-17.30.29.072580</t>
  </si>
  <si>
    <t>0315603636</t>
  </si>
  <si>
    <t>2024-07-30-08.08.02.470715</t>
  </si>
  <si>
    <t>0309704088</t>
  </si>
  <si>
    <t>2024-04-26-17.30.32.110526</t>
  </si>
  <si>
    <t>0353204280</t>
  </si>
  <si>
    <t>2024-09-24-17.30.24.803748</t>
  </si>
  <si>
    <t>0393803570</t>
  </si>
  <si>
    <t>2024-08-15-17.30.30.509237</t>
  </si>
  <si>
    <t>0370532120</t>
  </si>
  <si>
    <t>2024-08-23-14.31.40.181370</t>
  </si>
  <si>
    <t>0377000340</t>
  </si>
  <si>
    <t>2024-12-09-17.30.36.307375</t>
  </si>
  <si>
    <t>0396714584</t>
  </si>
  <si>
    <t>2024-01-02-17.30.32.133364</t>
  </si>
  <si>
    <t>0315200940</t>
  </si>
  <si>
    <t>2024-11-13-17.30.32.634369</t>
  </si>
  <si>
    <t>0336503655</t>
  </si>
  <si>
    <t>2024-05-30-08.11.34.029498</t>
  </si>
  <si>
    <t>2024-04-15-17.30.31.718450</t>
  </si>
  <si>
    <t>0366687813</t>
  </si>
  <si>
    <t>2024-07-18-17.30.31.245304</t>
  </si>
  <si>
    <t>0335804673</t>
  </si>
  <si>
    <t>2024-08-20-17.30.26.360473</t>
  </si>
  <si>
    <t>0351102510</t>
  </si>
  <si>
    <t>2024-02-08-17.30.38.632280</t>
  </si>
  <si>
    <t>0330702032</t>
  </si>
  <si>
    <t>2024-06-17-17.30.37.525633</t>
  </si>
  <si>
    <t>2024-05-01-08.08.04.451038</t>
  </si>
  <si>
    <t>0387203038</t>
  </si>
  <si>
    <t>2024-07-22-17.30.32.953284</t>
  </si>
  <si>
    <t>0367508950</t>
  </si>
  <si>
    <t>2024-04-29-17.30.36.032025</t>
  </si>
  <si>
    <t>0364002840</t>
  </si>
  <si>
    <t>2024-10-09-16.55.16.954776</t>
  </si>
  <si>
    <t>0385300211</t>
  </si>
  <si>
    <t>2024-09-06-17.30.31.468308</t>
  </si>
  <si>
    <t>0356186991</t>
  </si>
  <si>
    <t>2024-01-29-17.30.33.704821</t>
  </si>
  <si>
    <t>0335000551</t>
  </si>
  <si>
    <t>2024-10-22-17.30.28.717548</t>
  </si>
  <si>
    <t>0345802384</t>
  </si>
  <si>
    <t>2024-12-04-08.07.03.486380</t>
  </si>
  <si>
    <t>0321705345</t>
  </si>
  <si>
    <t>2024-10-01-14.29.23.431587</t>
  </si>
  <si>
    <t>0341202003</t>
  </si>
  <si>
    <t>2024-10-31-17.30.35.777079</t>
  </si>
  <si>
    <t>0328885881</t>
  </si>
  <si>
    <t>2024-05-28-17.30.37.882753</t>
  </si>
  <si>
    <t>0369605584</t>
  </si>
  <si>
    <t>2024-05-21-17.30.28.634647</t>
  </si>
  <si>
    <t>0354201300</t>
  </si>
  <si>
    <t>2024-05-02-17.30.34.949338</t>
  </si>
  <si>
    <t>2024-11-06-08.05.44.310187</t>
  </si>
  <si>
    <t>0370703594</t>
  </si>
  <si>
    <t>2024-11-18-17.30.30.883565</t>
  </si>
  <si>
    <t>0375369040</t>
  </si>
  <si>
    <t>2024-10-30-17.30.30.005858</t>
  </si>
  <si>
    <t>0360800164</t>
  </si>
  <si>
    <t>2024-12-16-17.30.29.422836</t>
  </si>
  <si>
    <t>0366532020</t>
  </si>
  <si>
    <t>2024-07-15-17.30.36.510667</t>
  </si>
  <si>
    <t>0399605464</t>
  </si>
  <si>
    <t>2024-03-26-08.09.21.642897</t>
  </si>
  <si>
    <t>0305598905</t>
  </si>
  <si>
    <t>2024-10-15-17.30.32.255177</t>
  </si>
  <si>
    <t>0343700715</t>
  </si>
  <si>
    <t>2024-04-08-19.07.55.113866</t>
  </si>
  <si>
    <t>0364978800</t>
  </si>
  <si>
    <t>2024-06-11-17.30.35.021695</t>
  </si>
  <si>
    <t>0327203444</t>
  </si>
  <si>
    <t>2024-07-16-07.03.53.192355</t>
  </si>
  <si>
    <t>0364020601</t>
  </si>
  <si>
    <t>2024-07-05-17.30.36.003717</t>
  </si>
  <si>
    <t>0399101445</t>
  </si>
  <si>
    <t>2024-12-02-08.07.26.970236</t>
  </si>
  <si>
    <t>0370705382</t>
  </si>
  <si>
    <t>2024-06-03-17.30.41.249484</t>
  </si>
  <si>
    <t>0396714585</t>
  </si>
  <si>
    <t>2024-07-02-17.30.32.069138</t>
  </si>
  <si>
    <t>2024-08-26-17.30.32.546356</t>
  </si>
  <si>
    <t>0382500607</t>
  </si>
  <si>
    <t>2024-01-03-17.30.34.376093</t>
  </si>
  <si>
    <t>0381303001</t>
  </si>
  <si>
    <t>2024-10-04-17.30.28.327537</t>
  </si>
  <si>
    <t>0314036166</t>
  </si>
  <si>
    <t>2024-10-31-17.30.35.776979</t>
  </si>
  <si>
    <t>0333200216</t>
  </si>
  <si>
    <t>2024-10-22-17.30.28.717708</t>
  </si>
  <si>
    <t>0353003555</t>
  </si>
  <si>
    <t>2024-11-06-17.30.33.649160</t>
  </si>
  <si>
    <t>0396327332</t>
  </si>
  <si>
    <t>2024-03-22-17.30.33.445708</t>
  </si>
  <si>
    <t>0384523570</t>
  </si>
  <si>
    <t>2024-01-23-08.08.34.897791</t>
  </si>
  <si>
    <t>0355000400</t>
  </si>
  <si>
    <t>2024-01-08-08.06.00.909624</t>
  </si>
  <si>
    <t>0342704595</t>
  </si>
  <si>
    <t>2024-02-23-17.30.30.285134</t>
  </si>
  <si>
    <t>0335800870</t>
  </si>
  <si>
    <t>2024-06-05-14.50.03.900448</t>
  </si>
  <si>
    <t>0306000635</t>
  </si>
  <si>
    <t>2024-10-15-17.30.32.255067</t>
  </si>
  <si>
    <t>0325900832</t>
  </si>
  <si>
    <t>2024-06-05-17.30.35.468568</t>
  </si>
  <si>
    <t>0368930870</t>
  </si>
  <si>
    <t>2024-01-11-17.30.29.111961</t>
  </si>
  <si>
    <t>0310952750</t>
  </si>
  <si>
    <t>2024-02-06-08.08.40.962450</t>
  </si>
  <si>
    <t>0325505312</t>
  </si>
  <si>
    <t>2024-09-23-08.07.14.603039</t>
  </si>
  <si>
    <t>0320141062</t>
  </si>
  <si>
    <t>2024-09-25-17.30.33.195799</t>
  </si>
  <si>
    <t>0324204791</t>
  </si>
  <si>
    <t>2024-11-15-17.30.32.581029</t>
  </si>
  <si>
    <t>0361970390</t>
  </si>
  <si>
    <t>2024-09-16-08.07.47.912462</t>
  </si>
  <si>
    <t>0383015967</t>
  </si>
  <si>
    <t>2024-07-29-17.30.31.634672</t>
  </si>
  <si>
    <t>0372804513</t>
  </si>
  <si>
    <t>2024-10-31-15.13.13.115562</t>
  </si>
  <si>
    <t>0370256302</t>
  </si>
  <si>
    <t>2024-07-02-17.30.32.069148</t>
  </si>
  <si>
    <t>0389502265</t>
  </si>
  <si>
    <t>2024-07-02-17.30.32.069288</t>
  </si>
  <si>
    <t>0307500862</t>
  </si>
  <si>
    <t>2024-08-01-17.30.32.966612</t>
  </si>
  <si>
    <t>0324800079</t>
  </si>
  <si>
    <t>2024-11-05-17.30.31.764267</t>
  </si>
  <si>
    <t>0321402812</t>
  </si>
  <si>
    <t>2024-06-06-08.10.23.398329</t>
  </si>
  <si>
    <t>0361300024</t>
  </si>
  <si>
    <t>2024-09-11-17.30.28.629430</t>
  </si>
  <si>
    <t>0361430871</t>
  </si>
  <si>
    <t>2024-04-15-17.30.31.718480</t>
  </si>
  <si>
    <t>0304583080</t>
  </si>
  <si>
    <t>2024-06-21-14.30.36.987587</t>
  </si>
  <si>
    <t>2024-08-30-07.03.39.348797</t>
  </si>
  <si>
    <t>0352800619</t>
  </si>
  <si>
    <t>2024-07-18-17.30.31.245254</t>
  </si>
  <si>
    <t>0352800215</t>
  </si>
  <si>
    <t>2024-01-12-17.30.30.074082</t>
  </si>
  <si>
    <t>0379504453</t>
  </si>
  <si>
    <t>2024-11-20-17.30.31.540360</t>
  </si>
  <si>
    <t>0323163343</t>
  </si>
  <si>
    <t>2024-07-15-17.30.36.510797</t>
  </si>
  <si>
    <t>2024-09-12-15.06.21.774498</t>
  </si>
  <si>
    <t>0331602901</t>
  </si>
  <si>
    <t>2024-08-23-17.30.35.619834</t>
  </si>
  <si>
    <t>0384894241</t>
  </si>
  <si>
    <t>2024-09-03-17.30.42.480609</t>
  </si>
  <si>
    <t>0310447800</t>
  </si>
  <si>
    <t>2024-06-20-17.30.28.778871</t>
  </si>
  <si>
    <t>0321201750</t>
  </si>
  <si>
    <t>2024-09-05-17.30.30.490793</t>
  </si>
  <si>
    <t>0346604194</t>
  </si>
  <si>
    <t>2024-01-08-17.30.35.895217</t>
  </si>
  <si>
    <t>0300905453</t>
  </si>
  <si>
    <t>2024-12-09-08.07.58.981847</t>
  </si>
  <si>
    <t>0396006846</t>
  </si>
  <si>
    <t>2024-09-16-18.49.40.011757</t>
  </si>
  <si>
    <t>0394853971</t>
  </si>
  <si>
    <t>2024-06-05-17.30.35.468558</t>
  </si>
  <si>
    <t>0396241791</t>
  </si>
  <si>
    <t>2024-03-26-08.09.21.642907</t>
  </si>
  <si>
    <t>0335900546</t>
  </si>
  <si>
    <t>2024-06-21-14.30.36.987574</t>
  </si>
  <si>
    <t>2024-07-16-18.08.29.471126</t>
  </si>
  <si>
    <t>0395168140</t>
  </si>
  <si>
    <t>2024-08-08-17.48.21.453446</t>
  </si>
  <si>
    <t>0367201309</t>
  </si>
  <si>
    <t>2024-04-01-17.30.41.784893</t>
  </si>
  <si>
    <t>0331804943</t>
  </si>
  <si>
    <t>2024-03-05-17.30.30.553233</t>
  </si>
  <si>
    <t>0334965919</t>
  </si>
  <si>
    <t>2024-04-11-17.30.34.104342</t>
  </si>
  <si>
    <t>0357200790</t>
  </si>
  <si>
    <t>2024-08-27-08.04.14.373857</t>
  </si>
  <si>
    <t>0314404449</t>
  </si>
  <si>
    <t>2024-01-09-17.30.30.411942</t>
  </si>
  <si>
    <t>0328901251</t>
  </si>
  <si>
    <t>2024-02-16-17.30.37.223293</t>
  </si>
  <si>
    <t>0328504879</t>
  </si>
  <si>
    <t>2024-04-10-17.30.32.840545</t>
  </si>
  <si>
    <t>0338700902</t>
  </si>
  <si>
    <t>2024-09-05-17.30.30.490683</t>
  </si>
  <si>
    <t>0363000812</t>
  </si>
  <si>
    <t>2024-02-21-17.30.29.460943</t>
  </si>
  <si>
    <t>0313705321</t>
  </si>
  <si>
    <t>2024-10-23-17.30.30.891948</t>
  </si>
  <si>
    <t>0367802552</t>
  </si>
  <si>
    <t>2024-09-05-17.30.30.490753</t>
  </si>
  <si>
    <t>0343600368</t>
  </si>
  <si>
    <t>2024-04-05-17.30.34.908190</t>
  </si>
  <si>
    <t>0312000674</t>
  </si>
  <si>
    <t>2024-09-18-17.30.28.805773</t>
  </si>
  <si>
    <t>0369201573</t>
  </si>
  <si>
    <t>2024-03-04-08.06.35.763503</t>
  </si>
  <si>
    <t>0373604760</t>
  </si>
  <si>
    <t>2024-05-21-17.30.28.634667</t>
  </si>
  <si>
    <t>0387971150</t>
  </si>
  <si>
    <t>2024-03-06-17.30.29.705590</t>
  </si>
  <si>
    <t>0326301916</t>
  </si>
  <si>
    <t>2024-01-16-17.30.33.655949</t>
  </si>
  <si>
    <t>0397524090</t>
  </si>
  <si>
    <t>2024-05-21-17.30.28.634677</t>
  </si>
  <si>
    <t>0345876520</t>
  </si>
  <si>
    <t>2024-10-29-14.47.33.313023</t>
  </si>
  <si>
    <t>2024-05-01-08.08.04.449898</t>
  </si>
  <si>
    <t>2024-07-22-07.02.54.805228</t>
  </si>
  <si>
    <t>0372802272</t>
  </si>
  <si>
    <t>2024-06-10-17.30.33.037606</t>
  </si>
  <si>
    <t>0396300634</t>
  </si>
  <si>
    <t>2024-04-12-17.30.31.760232</t>
  </si>
  <si>
    <t>0307200344</t>
  </si>
  <si>
    <t>2024-10-30-14.48.17.892041</t>
  </si>
  <si>
    <t>2024-03-27-17.30.34.888542</t>
  </si>
  <si>
    <t>2024-12-06-17.30.30.263901</t>
  </si>
  <si>
    <t>0396103051</t>
  </si>
  <si>
    <t>2024-08-06-17.30.30.223947</t>
  </si>
  <si>
    <t>0369512121</t>
  </si>
  <si>
    <t>2024-06-27-17.30.29.212507</t>
  </si>
  <si>
    <t>0337304255</t>
  </si>
  <si>
    <t>2024-01-17-17.30.32.353315</t>
  </si>
  <si>
    <t>0333205560</t>
  </si>
  <si>
    <t>2024-05-28-14.29.05.281783</t>
  </si>
  <si>
    <t>0378804498</t>
  </si>
  <si>
    <t>2024-04-15-17.30.31.718460</t>
  </si>
  <si>
    <t>0345601044</t>
  </si>
  <si>
    <t>2024-11-01-17.30.33.597244</t>
  </si>
  <si>
    <t>0302005512</t>
  </si>
  <si>
    <t>2024-07-22-08.05.24.049918</t>
  </si>
  <si>
    <t>0389125604</t>
  </si>
  <si>
    <t>2024-12-11-17.30.30.574309</t>
  </si>
  <si>
    <t>0315800807</t>
  </si>
  <si>
    <t>2024-08-07-17.30.30.338481</t>
  </si>
  <si>
    <t>0308804581</t>
  </si>
  <si>
    <t>2024-03-04-17.30.38.516651</t>
  </si>
  <si>
    <t>0328603712</t>
  </si>
  <si>
    <t>2024-05-13-17.30.37.614025</t>
  </si>
  <si>
    <t>0343702140</t>
  </si>
  <si>
    <t>2024-10-15-17.30.32.255107</t>
  </si>
  <si>
    <t>0388049360</t>
  </si>
  <si>
    <t>2024-04-11-17.30.34.104372</t>
  </si>
  <si>
    <t>0341102551</t>
  </si>
  <si>
    <t>2024-05-13-17.30.37.613905</t>
  </si>
  <si>
    <t>0383217341</t>
  </si>
  <si>
    <t>2024-09-19-17.30.33.967354</t>
  </si>
  <si>
    <t>0306300541</t>
  </si>
  <si>
    <t>2024-02-12-17.30.34.999806</t>
  </si>
  <si>
    <t>0397674471</t>
  </si>
  <si>
    <t>2024-04-15-17.30.31.718530</t>
  </si>
  <si>
    <t>0354189831</t>
  </si>
  <si>
    <t>2024-11-20-17.30.31.540240</t>
  </si>
  <si>
    <t>0338562496</t>
  </si>
  <si>
    <t>2024-02-12-17.30.34.999826</t>
  </si>
  <si>
    <t>0331802705</t>
  </si>
  <si>
    <t>2024-12-06-17.30.30.263911</t>
  </si>
  <si>
    <t>0385198183</t>
  </si>
  <si>
    <t>2024-07-24-17.30.27.405281</t>
  </si>
  <si>
    <t>0325601111</t>
  </si>
  <si>
    <t>2024-10-02-17.30.32.538728</t>
  </si>
  <si>
    <t>0304901160</t>
  </si>
  <si>
    <t>2024-04-23-17.30.29.737366</t>
  </si>
  <si>
    <t>0372701800</t>
  </si>
  <si>
    <t>2024-02-05-08.06.15.517717</t>
  </si>
  <si>
    <t>2024-12-13-17.30.33.101923</t>
  </si>
  <si>
    <t>2024-01-23-17.30.28.920900</t>
  </si>
  <si>
    <t>0350941599</t>
  </si>
  <si>
    <t>2024-01-09-17.30.30.411972</t>
  </si>
  <si>
    <t>0356504222</t>
  </si>
  <si>
    <t>2024-04-11-17.30.34.104382</t>
  </si>
  <si>
    <t>0364289910</t>
  </si>
  <si>
    <t>2024-12-11-17.30.30.574319</t>
  </si>
  <si>
    <t>0394999140</t>
  </si>
  <si>
    <t>2024-06-13-17.30.33.898529</t>
  </si>
  <si>
    <t>0398600640</t>
  </si>
  <si>
    <t>2024-09-06-17.30.31.468418</t>
  </si>
  <si>
    <t>0368605235</t>
  </si>
  <si>
    <t>2024-04-30-17.30.34.478485</t>
  </si>
  <si>
    <t>0380503150</t>
  </si>
  <si>
    <t>2024-06-21-17.30.31.770884</t>
  </si>
  <si>
    <t>0372603330</t>
  </si>
  <si>
    <t>2024-10-17-17.30.36.224355</t>
  </si>
  <si>
    <t>0359100810</t>
  </si>
  <si>
    <t>2024-10-04-14.28.25.656164</t>
  </si>
  <si>
    <t>0312605400</t>
  </si>
  <si>
    <t>2024-09-18-17.30.28.805783</t>
  </si>
  <si>
    <t>2024-11-15-17.30.32.580929</t>
  </si>
  <si>
    <t>0341201731</t>
  </si>
  <si>
    <t>2024-09-12-17.30.27.119719</t>
  </si>
  <si>
    <t>0359205274</t>
  </si>
  <si>
    <t>2024-02-20-17.30.28.672079</t>
  </si>
  <si>
    <t>0370900740</t>
  </si>
  <si>
    <t>2024-11-25-17.30.34.714886</t>
  </si>
  <si>
    <t>2024-08-22-17.30.35.085601</t>
  </si>
  <si>
    <t>0390587639</t>
  </si>
  <si>
    <t>2024-11-20-17.30.31.540200</t>
  </si>
  <si>
    <t>0305902043</t>
  </si>
  <si>
    <t>2024-10-28-17.30.35.053498</t>
  </si>
  <si>
    <t>0349138770</t>
  </si>
  <si>
    <t>2024-10-18-14.28.06.403526</t>
  </si>
  <si>
    <t>0324100596</t>
  </si>
  <si>
    <t>2024-10-23-17.30.30.891838</t>
  </si>
  <si>
    <t>0392154720</t>
  </si>
  <si>
    <t>2024-08-09-17.30.34.700173</t>
  </si>
  <si>
    <t>0332400356</t>
  </si>
  <si>
    <t>2024-04-04-17.30.36.750245</t>
  </si>
  <si>
    <t>0367677794</t>
  </si>
  <si>
    <t>2024-02-05-08.06.15.517727</t>
  </si>
  <si>
    <t>0324604447</t>
  </si>
  <si>
    <t>2024-09-13-17.30.30.460352</t>
  </si>
  <si>
    <t>0373002240</t>
  </si>
  <si>
    <t>2024-11-12-17.30.32.612653</t>
  </si>
  <si>
    <t>0315546461</t>
  </si>
  <si>
    <t>2024-11-27-17.30.32.626063</t>
  </si>
  <si>
    <t>0323902023</t>
  </si>
  <si>
    <t>2024-01-09-17.30.30.412092</t>
  </si>
  <si>
    <t>0378901603</t>
  </si>
  <si>
    <t>2024-08-30-17.30.33.873822</t>
  </si>
  <si>
    <t>0383798793</t>
  </si>
  <si>
    <t>2024-12-31-17.30.30.030816</t>
  </si>
  <si>
    <t>2024-06-28-17.30.29.382975</t>
  </si>
  <si>
    <t>0329694111</t>
  </si>
  <si>
    <t>2024-11-27-17.30.32.626013</t>
  </si>
  <si>
    <t>0308071340</t>
  </si>
  <si>
    <t>2024-03-20-08.06.38.813694</t>
  </si>
  <si>
    <t>0324187661</t>
  </si>
  <si>
    <t>2024-07-23-17.30.32.180151</t>
  </si>
  <si>
    <t>0342503346</t>
  </si>
  <si>
    <t>2024-12-19-17.30.33.514361</t>
  </si>
  <si>
    <t>0361432763</t>
  </si>
  <si>
    <t>2024-11-12-17.30.32.612823</t>
  </si>
  <si>
    <t>0384203525</t>
  </si>
  <si>
    <t>2024-08-12-17.30.31.598563</t>
  </si>
  <si>
    <t>0388421370</t>
  </si>
  <si>
    <t>2024-03-13-17.30.32.949451</t>
  </si>
  <si>
    <t>0382904340</t>
  </si>
  <si>
    <t>2024-02-23-08.07.41.703913</t>
  </si>
  <si>
    <t>0307626442</t>
  </si>
  <si>
    <t>2024-05-17-17.30.32.751793</t>
  </si>
  <si>
    <t>0370301430</t>
  </si>
  <si>
    <t>2024-01-31-17.30.27.948517</t>
  </si>
  <si>
    <t>0396338810</t>
  </si>
  <si>
    <t>2024-04-05-17.30.34.908260</t>
  </si>
  <si>
    <t>0330786203</t>
  </si>
  <si>
    <t>2024-03-21-17.30.33.152204</t>
  </si>
  <si>
    <t>0368400076</t>
  </si>
  <si>
    <t>2024-07-31-17.30.29.479999</t>
  </si>
  <si>
    <t>0313705260</t>
  </si>
  <si>
    <t>2024-08-23-17.30.35.619854</t>
  </si>
  <si>
    <t>0311211920</t>
  </si>
  <si>
    <t>2024-10-03-17.30.31.916644</t>
  </si>
  <si>
    <t>0330200117</t>
  </si>
  <si>
    <t>2024-09-27-17.38.12.787666</t>
  </si>
  <si>
    <t>0364400234</t>
  </si>
  <si>
    <t>2024-02-20-08.07.13.442528</t>
  </si>
  <si>
    <t>0369605547</t>
  </si>
  <si>
    <t>2024-06-20-17.30.28.778831</t>
  </si>
  <si>
    <t>0390158480</t>
  </si>
  <si>
    <t>2024-05-31-08.09.23.609022</t>
  </si>
  <si>
    <t>0352104303</t>
  </si>
  <si>
    <t>2024-04-09-17.30.31.759521</t>
  </si>
  <si>
    <t>0323400106</t>
  </si>
  <si>
    <t>2024-05-06-19.32.23.410958</t>
  </si>
  <si>
    <t>0340701755</t>
  </si>
  <si>
    <t>2024-10-30-17.30.30.005778</t>
  </si>
  <si>
    <t>0379604460</t>
  </si>
  <si>
    <t>2024-06-13-14.30.51.262396</t>
  </si>
  <si>
    <t>0382001647</t>
  </si>
  <si>
    <t>2024-05-09-17.30.35.107663</t>
  </si>
  <si>
    <t>0386749320</t>
  </si>
  <si>
    <t>2024-06-07-17.30.28.663820</t>
  </si>
  <si>
    <t>0351900966</t>
  </si>
  <si>
    <t>2024-12-10-17.30.33.951887</t>
  </si>
  <si>
    <t>2024-07-23-17.30.32.180201</t>
  </si>
  <si>
    <t>0347002364</t>
  </si>
  <si>
    <t>2024-10-22-17.30.28.717608</t>
  </si>
  <si>
    <t>0355547241</t>
  </si>
  <si>
    <t>2024-09-09-17.30.32.019718</t>
  </si>
  <si>
    <t>0382300350</t>
  </si>
  <si>
    <t>2024-10-18-14.28.06.403566</t>
  </si>
  <si>
    <t>2024-02-26-08.06.52.909112</t>
  </si>
  <si>
    <t>0351500855</t>
  </si>
  <si>
    <t>2024-09-26-17.30.30.778810</t>
  </si>
  <si>
    <t>0399301692</t>
  </si>
  <si>
    <t>2024-05-03-08.07.30.234847</t>
  </si>
  <si>
    <t>0362968088</t>
  </si>
  <si>
    <t>2024-09-03-17.30.42.480649</t>
  </si>
  <si>
    <t>0394306681</t>
  </si>
  <si>
    <t>2024-05-28-17.30.37.882873</t>
  </si>
  <si>
    <t>0354756260</t>
  </si>
  <si>
    <t>2024-12-31-17.30.30.030716</t>
  </si>
  <si>
    <t>0373000081</t>
  </si>
  <si>
    <t>2024-02-01-17.30.34.407378</t>
  </si>
  <si>
    <t>0341786810</t>
  </si>
  <si>
    <t>2024-10-09-17.30.30.742230</t>
  </si>
  <si>
    <t>0397237081</t>
  </si>
  <si>
    <t>2024-07-05-17.30.36.003767</t>
  </si>
  <si>
    <t>0349718160</t>
  </si>
  <si>
    <t>2024-06-11-08.07.34.215774</t>
  </si>
  <si>
    <t>0331537050</t>
  </si>
  <si>
    <t>2024-05-01-08.08.04.450658</t>
  </si>
  <si>
    <t>0378020141</t>
  </si>
  <si>
    <t>2024-12-10-08.08.13.305156</t>
  </si>
  <si>
    <t>0305500980</t>
  </si>
  <si>
    <t>2024-06-28-15.29.25.135861</t>
  </si>
  <si>
    <t>0317724885</t>
  </si>
  <si>
    <t>2024-02-15-17.30.37.685813</t>
  </si>
  <si>
    <t>0388004283</t>
  </si>
  <si>
    <t>2024-03-20-08.06.38.812404</t>
  </si>
  <si>
    <t>0344751120</t>
  </si>
  <si>
    <t>2024-09-17-17.30.32.835024</t>
  </si>
  <si>
    <t>0367200097</t>
  </si>
  <si>
    <t>2024-08-28-17.30.28.527504</t>
  </si>
  <si>
    <t>0392801616</t>
  </si>
  <si>
    <t>2024-08-05-08.06.07.869218</t>
  </si>
  <si>
    <t>0338200706</t>
  </si>
  <si>
    <t>2024-09-06-17.30.31.468458</t>
  </si>
  <si>
    <t>0328500218</t>
  </si>
  <si>
    <t>2024-12-31-17.30.30.030826</t>
  </si>
  <si>
    <t>2024-12-17-17.30.31.181440</t>
  </si>
  <si>
    <t>0379204263</t>
  </si>
  <si>
    <t>2024-11-20-17.30.31.540380</t>
  </si>
  <si>
    <t>0338301812</t>
  </si>
  <si>
    <t>2024-09-26-17.30.30.778940</t>
  </si>
  <si>
    <t>0364400510</t>
  </si>
  <si>
    <t>2024-08-01-08.09.46.367557</t>
  </si>
  <si>
    <t>0397201080</t>
  </si>
  <si>
    <t>2024-04-11-17.30.34.104362</t>
  </si>
  <si>
    <t>0352804476</t>
  </si>
  <si>
    <t>2024-05-01-17.30.33.868278</t>
  </si>
  <si>
    <t>0375747621</t>
  </si>
  <si>
    <t>2024-08-23-17.30.35.619844</t>
  </si>
  <si>
    <t>0388000838</t>
  </si>
  <si>
    <t>2024-11-05-17.30.31.764197</t>
  </si>
  <si>
    <t>0305601838</t>
  </si>
  <si>
    <t>2024-09-27-17.38.12.787696</t>
  </si>
  <si>
    <t>0308968410</t>
  </si>
  <si>
    <t>2024-02-21-17.30.29.460923</t>
  </si>
  <si>
    <t>0382601640</t>
  </si>
  <si>
    <t>2024-01-02-17.30.32.133344</t>
  </si>
  <si>
    <t>0301902521</t>
  </si>
  <si>
    <t>2024-03-06-17.30.29.705580</t>
  </si>
  <si>
    <t>0386602350</t>
  </si>
  <si>
    <t>2024-02-05-19.19.56.786208</t>
  </si>
  <si>
    <t>0379584140</t>
  </si>
  <si>
    <t>2024-02-13-17.30.29.811808</t>
  </si>
  <si>
    <t>0384744490</t>
  </si>
  <si>
    <t>2024-04-04-17.30.36.750215</t>
  </si>
  <si>
    <t>0350940287</t>
  </si>
  <si>
    <t>2024-09-25-14.28.33.812672</t>
  </si>
  <si>
    <t>0314102783</t>
  </si>
  <si>
    <t>2024-12-20-17.30.33.534229</t>
  </si>
  <si>
    <t>0318204451</t>
  </si>
  <si>
    <t>2024-11-13-17.30.32.634319</t>
  </si>
  <si>
    <t>0335600123</t>
  </si>
  <si>
    <t>2024-10-31-08.09.26.420859</t>
  </si>
  <si>
    <t>0354404071</t>
  </si>
  <si>
    <t>2024-02-26-14.50.32.211187</t>
  </si>
  <si>
    <t>0333004024</t>
  </si>
  <si>
    <t>2024-12-17-08.02.39.387570</t>
  </si>
  <si>
    <t>0398502039</t>
  </si>
  <si>
    <t>2024-01-09-17.30.30.412042</t>
  </si>
  <si>
    <t>0343000665</t>
  </si>
  <si>
    <t>2024-11-04-17.30.35.112411</t>
  </si>
  <si>
    <t>0388103551</t>
  </si>
  <si>
    <t>2024-12-17-17.30.31.181480</t>
  </si>
  <si>
    <t>0374001273</t>
  </si>
  <si>
    <t>2024-04-30-17.30.34.478515</t>
  </si>
  <si>
    <t>0389705345</t>
  </si>
  <si>
    <t>2024-12-03-17.30.28.886841</t>
  </si>
  <si>
    <t>0340700430</t>
  </si>
  <si>
    <t>2024-05-21-17.30.28.634637</t>
  </si>
  <si>
    <t>0379298290</t>
  </si>
  <si>
    <t>2024-11-15-17.30.32.580889</t>
  </si>
  <si>
    <t>0341905473</t>
  </si>
  <si>
    <t>2024-05-17-17.30.32.751823</t>
  </si>
  <si>
    <t>0327426924</t>
  </si>
  <si>
    <t>2024-09-23-17.30.39.391995</t>
  </si>
  <si>
    <t>0305604936</t>
  </si>
  <si>
    <t>2024-05-30-17.30.28.196297</t>
  </si>
  <si>
    <t>2024-12-18-08.02.54.801730</t>
  </si>
  <si>
    <t>0387502082</t>
  </si>
  <si>
    <t>2024-05-20-17.30.32.896889</t>
  </si>
  <si>
    <t>0384637972</t>
  </si>
  <si>
    <t>2024-02-28-08.07.35.696551</t>
  </si>
  <si>
    <t>0388034967</t>
  </si>
  <si>
    <t>2024-05-29-17.30.34.087722</t>
  </si>
  <si>
    <t>0347203341</t>
  </si>
  <si>
    <t>2024-08-15-17.30.30.509207</t>
  </si>
  <si>
    <t>2024-11-22-17.30.29.950121</t>
  </si>
  <si>
    <t>0386684133</t>
  </si>
  <si>
    <t>2024-12-11-17.30.30.574279</t>
  </si>
  <si>
    <t>0355703972</t>
  </si>
  <si>
    <t>2024-07-29-17.30.31.634692</t>
  </si>
  <si>
    <t>0322901789</t>
  </si>
  <si>
    <t>2024-10-04-17.30.28.327517</t>
  </si>
  <si>
    <t>0302387463</t>
  </si>
  <si>
    <t>2024-10-24-17.30.36.606499</t>
  </si>
  <si>
    <t>0387283364</t>
  </si>
  <si>
    <t>2024-04-19-17.30.31.686875</t>
  </si>
  <si>
    <t>0365500118</t>
  </si>
  <si>
    <t>2024-10-25-17.30.30.767106</t>
  </si>
  <si>
    <t>0372700145</t>
  </si>
  <si>
    <t>2024-10-22-17.30.28.717648</t>
  </si>
  <si>
    <t>0362507610</t>
  </si>
  <si>
    <t>2024-01-19-08.08.11.725249</t>
  </si>
  <si>
    <t>0350909640</t>
  </si>
  <si>
    <t>2024-06-07-17.30.28.663720</t>
  </si>
  <si>
    <t>0303870242</t>
  </si>
  <si>
    <t>2024-12-31-17.30.30.030786</t>
  </si>
  <si>
    <t>2024-06-26-17.30.31.720971</t>
  </si>
  <si>
    <t>0390400591</t>
  </si>
  <si>
    <t>2024-07-05-17.30.36.003737</t>
  </si>
  <si>
    <t>0392612540</t>
  </si>
  <si>
    <t>2024-08-09-17.30.34.700143</t>
  </si>
  <si>
    <t>0370069078</t>
  </si>
  <si>
    <t>2024-04-26-17.30.32.110626</t>
  </si>
  <si>
    <t>0354100080</t>
  </si>
  <si>
    <t>2024-04-30-08.08.50.654855</t>
  </si>
  <si>
    <t>0372000731</t>
  </si>
  <si>
    <t>2024-10-23-17.30.30.891988</t>
  </si>
  <si>
    <t>0329402082</t>
  </si>
  <si>
    <t>2024-04-01-17.30.41.784703</t>
  </si>
  <si>
    <t>0329004018</t>
  </si>
  <si>
    <t>2024-08-16-17.30.35.615912</t>
  </si>
  <si>
    <t>0331105414</t>
  </si>
  <si>
    <t>2024-06-27-17.30.29.212597</t>
  </si>
  <si>
    <t>2024-06-03-08.07.27.446431</t>
  </si>
  <si>
    <t>0374916730</t>
  </si>
  <si>
    <t>2024-12-26-17.30.32.251939</t>
  </si>
  <si>
    <t>0350130791</t>
  </si>
  <si>
    <t>2024-12-06-08.07.17.002322</t>
  </si>
  <si>
    <t>0362023330</t>
  </si>
  <si>
    <t>2024-07-23-17.30.32.180261</t>
  </si>
  <si>
    <t>0385702678</t>
  </si>
  <si>
    <t>2024-10-22-17.30.28.717588</t>
  </si>
  <si>
    <t>0349605512</t>
  </si>
  <si>
    <t>2024-04-23-17.30.29.737306</t>
  </si>
  <si>
    <t>0359324627</t>
  </si>
  <si>
    <t>2024-01-19-17.30.33.616633</t>
  </si>
  <si>
    <t>0360304844</t>
  </si>
  <si>
    <t>2024-01-30-14.50.36.166671</t>
  </si>
  <si>
    <t>0339400983</t>
  </si>
  <si>
    <t>2024-12-18-17.30.29.072700</t>
  </si>
  <si>
    <t>0336900991</t>
  </si>
  <si>
    <t>2024-05-02-17.30.34.949408</t>
  </si>
  <si>
    <t>0335401114</t>
  </si>
  <si>
    <t>2024-04-02-08.08.26.872271</t>
  </si>
  <si>
    <t>0343200931</t>
  </si>
  <si>
    <t>2024-10-24-17.30.36.606469</t>
  </si>
  <si>
    <t>0341701713</t>
  </si>
  <si>
    <t>2024-12-31-17.30.30.030796</t>
  </si>
  <si>
    <t>0372776477</t>
  </si>
  <si>
    <t>2024-11-20-17.30.31.540260</t>
  </si>
  <si>
    <t>0334675773</t>
  </si>
  <si>
    <t>2024-11-07-17.30.33.181703</t>
  </si>
  <si>
    <t>0354741762</t>
  </si>
  <si>
    <t>2024-04-29-17.30.36.032175</t>
  </si>
  <si>
    <t>0334403792</t>
  </si>
  <si>
    <t>2024-08-07-17.30.30.338431</t>
  </si>
  <si>
    <t>0324304561</t>
  </si>
  <si>
    <t>2024-09-18-08.07.29.350014</t>
  </si>
  <si>
    <t>0354399590</t>
  </si>
  <si>
    <t>2024-06-25-17.30.33.907311</t>
  </si>
  <si>
    <t>0324900002</t>
  </si>
  <si>
    <t>2024-09-05-17.30.30.490713</t>
  </si>
  <si>
    <t>0351600334</t>
  </si>
  <si>
    <t>2024-10-24-08.11.05.769355</t>
  </si>
  <si>
    <t>0312901620</t>
  </si>
  <si>
    <t>2024-04-01-17.30.41.784803</t>
  </si>
  <si>
    <t>2024-10-25-17.30.30.767116</t>
  </si>
  <si>
    <t>2024-05-02-17.30.34.949328</t>
  </si>
  <si>
    <t>0353605919</t>
  </si>
  <si>
    <t>2024-02-29-17.30.29.727356</t>
  </si>
  <si>
    <t>2024-02-22-17.30.34.392987</t>
  </si>
  <si>
    <t>0360271853</t>
  </si>
  <si>
    <t>2024-12-11-17.30.30.574399</t>
  </si>
  <si>
    <t>0347916790</t>
  </si>
  <si>
    <t>2024-07-15-17.30.36.510747</t>
  </si>
  <si>
    <t>0386001199</t>
  </si>
  <si>
    <t>2024-06-28-17.30.29.382895</t>
  </si>
  <si>
    <t>0315602673</t>
  </si>
  <si>
    <t>2024-11-04-17.30.35.112591</t>
  </si>
  <si>
    <t>0375557170</t>
  </si>
  <si>
    <t>2024-02-28-17.30.31.563344</t>
  </si>
  <si>
    <t>0309025791</t>
  </si>
  <si>
    <t>2024-10-11-17.30.35.096560</t>
  </si>
  <si>
    <t>0349334840</t>
  </si>
  <si>
    <t>2024-12-16-17.30.29.422766</t>
  </si>
  <si>
    <t>0300700736</t>
  </si>
  <si>
    <t>2024-02-20-08.07.13.443118</t>
  </si>
  <si>
    <t>0359200922</t>
  </si>
  <si>
    <t>2024-06-25-17.30.33.907401</t>
  </si>
  <si>
    <t>0375375910</t>
  </si>
  <si>
    <t>2024-01-22-17.30.38.792854</t>
  </si>
  <si>
    <t>0329894291</t>
  </si>
  <si>
    <t>2024-04-19-17.30.31.686905</t>
  </si>
  <si>
    <t>0353192050</t>
  </si>
  <si>
    <t>2024-08-22-08.05.48.954720</t>
  </si>
  <si>
    <t>2024-03-05-08.07.16.543918</t>
  </si>
  <si>
    <t>0399605831</t>
  </si>
  <si>
    <t>2024-08-16-17.30.35.615942</t>
  </si>
  <si>
    <t>2024-09-17-17.30.32.835004</t>
  </si>
  <si>
    <t>0383241260</t>
  </si>
  <si>
    <t>2024-02-23-17.30.30.285164</t>
  </si>
  <si>
    <t>0339600200</t>
  </si>
  <si>
    <t>2024-12-05-17.30.33.162985</t>
  </si>
  <si>
    <t>0367052721</t>
  </si>
  <si>
    <t>2024-07-16-18.08.29.471116</t>
  </si>
  <si>
    <t>0320971670</t>
  </si>
  <si>
    <t>2024-11-04-17.30.35.112501</t>
  </si>
  <si>
    <t>0365280911</t>
  </si>
  <si>
    <t>2024-11-27-17.30.32.626083</t>
  </si>
  <si>
    <t>0386490471</t>
  </si>
  <si>
    <t>2024-07-18-17.30.31.245274</t>
  </si>
  <si>
    <t>0396200017</t>
  </si>
  <si>
    <t>2024-07-30-17.30.27.809965</t>
  </si>
  <si>
    <t>0314407823</t>
  </si>
  <si>
    <t>2024-12-02-17.30.41.339089</t>
  </si>
  <si>
    <t>0302352461</t>
  </si>
  <si>
    <t>2024-08-21-17.30.34.070693</t>
  </si>
  <si>
    <t>0362302961</t>
  </si>
  <si>
    <t>2024-03-13-14.49.38.428606</t>
  </si>
  <si>
    <t>0365102400</t>
  </si>
  <si>
    <t>2024-09-18-14.28.10.112763</t>
  </si>
  <si>
    <t>0328800321</t>
  </si>
  <si>
    <t>2024-05-23-17.30.33.732830</t>
  </si>
  <si>
    <t>0315504185</t>
  </si>
  <si>
    <t>2024-11-06-17.30.33.649200</t>
  </si>
  <si>
    <t>0335308890</t>
  </si>
  <si>
    <t>2024-10-11-17.30.35.096550</t>
  </si>
  <si>
    <t>0319000631</t>
  </si>
  <si>
    <t>2024-10-31-15.13.13.115604</t>
  </si>
  <si>
    <t>0354806290</t>
  </si>
  <si>
    <t>2024-05-09-17.30.35.107783</t>
  </si>
  <si>
    <t>0319719950</t>
  </si>
  <si>
    <t>2024-03-25-17.30.35.276802</t>
  </si>
  <si>
    <t>0328877011</t>
  </si>
  <si>
    <t>2024-05-23-17.30.33.732980</t>
  </si>
  <si>
    <t>0312602682</t>
  </si>
  <si>
    <t>2024-09-17-17.30.32.835044</t>
  </si>
  <si>
    <t>0395108520</t>
  </si>
  <si>
    <t>2024-05-20-17.30.32.896759</t>
  </si>
  <si>
    <t>0398101980</t>
  </si>
  <si>
    <t>2024-12-23-17.30.33.694407</t>
  </si>
  <si>
    <t>0355790350</t>
  </si>
  <si>
    <t>2024-11-15-17.30.32.580949</t>
  </si>
  <si>
    <t>0386926834</t>
  </si>
  <si>
    <t>2024-04-01-17.30.41.784763</t>
  </si>
  <si>
    <t>0397900500</t>
  </si>
  <si>
    <t>2024-02-28-17.30.31.563354</t>
  </si>
  <si>
    <t>0354600443</t>
  </si>
  <si>
    <t>2024-08-13-15.33.24.931857</t>
  </si>
  <si>
    <t>0311400422</t>
  </si>
  <si>
    <t>2024-12-04-08.07.03.485880</t>
  </si>
  <si>
    <t>2024-10-01-17.30.33.364765</t>
  </si>
  <si>
    <t>0354106682</t>
  </si>
  <si>
    <t>2024-06-26-17.30.31.721041</t>
  </si>
  <si>
    <t>0334101072</t>
  </si>
  <si>
    <t>2024-06-07-17.30.28.663700</t>
  </si>
  <si>
    <t>0304342570</t>
  </si>
  <si>
    <t>2024-10-09-16.55.16.954777</t>
  </si>
  <si>
    <t>0329402220</t>
  </si>
  <si>
    <t>2024-02-29-17.30.29.727216</t>
  </si>
  <si>
    <t>0336500756</t>
  </si>
  <si>
    <t>2024-09-20-08.06.54.016247</t>
  </si>
  <si>
    <t>0309202326</t>
  </si>
  <si>
    <t>2024-09-06-17.30.31.468478</t>
  </si>
  <si>
    <t>0345801453</t>
  </si>
  <si>
    <t>2024-06-04-08.08.25.316731</t>
  </si>
  <si>
    <t>0377048064</t>
  </si>
  <si>
    <t>2024-09-19-17.30.33.967384</t>
  </si>
  <si>
    <t>0387003544</t>
  </si>
  <si>
    <t>2024-12-26-17.30.32.251869</t>
  </si>
  <si>
    <t>0341918380</t>
  </si>
  <si>
    <t>2024-09-17-17.30.32.835064</t>
  </si>
  <si>
    <t>0312944665</t>
  </si>
  <si>
    <t>2024-06-05-08.07.30.542675</t>
  </si>
  <si>
    <t>0311702825</t>
  </si>
  <si>
    <t>2024-03-19-08.40.11.837492</t>
  </si>
  <si>
    <t>6005</t>
  </si>
  <si>
    <t>0303702600</t>
  </si>
  <si>
    <t>2024-10-09-17.30.30.742210</t>
  </si>
  <si>
    <t>2024-05-28-17.30.37.882773</t>
  </si>
  <si>
    <t>0343102505</t>
  </si>
  <si>
    <t>2024-10-03-17.30.31.916614</t>
  </si>
  <si>
    <t>0310803852</t>
  </si>
  <si>
    <t>2024-01-09-17.30.30.411982</t>
  </si>
  <si>
    <t>0348200119</t>
  </si>
  <si>
    <t>2024-05-29-08.07.45.510579</t>
  </si>
  <si>
    <t>0330105485</t>
  </si>
  <si>
    <t>2024-05-15-17.31.58.843653</t>
  </si>
  <si>
    <t>2024-10-03-17.30.31.916714</t>
  </si>
  <si>
    <t>2024-06-24-17.30.35.189304</t>
  </si>
  <si>
    <t>0357677735</t>
  </si>
  <si>
    <t>2024-04-04-17.30.36.750285</t>
  </si>
  <si>
    <t>0341404971</t>
  </si>
  <si>
    <t>2024-07-15-17.30.36.510617</t>
  </si>
  <si>
    <t>0304299420</t>
  </si>
  <si>
    <t>2024-06-24-17.30.35.189284</t>
  </si>
  <si>
    <t>0326203741</t>
  </si>
  <si>
    <t>2024-12-16-17.30.29.422756</t>
  </si>
  <si>
    <t>0311703052</t>
  </si>
  <si>
    <t>2024-08-13-17.30.32.468589</t>
  </si>
  <si>
    <t>0340702981</t>
  </si>
  <si>
    <t>2024-06-11-08.07.34.215004</t>
  </si>
  <si>
    <t>2024-09-18-17.30.28.805733</t>
  </si>
  <si>
    <t>0353604515</t>
  </si>
  <si>
    <t>2024-06-17-17.30.37.525663</t>
  </si>
  <si>
    <t>0383421963</t>
  </si>
  <si>
    <t>2024-01-17-17.30.32.353345</t>
  </si>
  <si>
    <t>0363802847</t>
  </si>
  <si>
    <t>2024-01-23-17.30.28.920770</t>
  </si>
  <si>
    <t>0369095580</t>
  </si>
  <si>
    <t>2024-08-27-17.30.29.282206</t>
  </si>
  <si>
    <t>2024-04-03-08.07.05.144445</t>
  </si>
  <si>
    <t>0304889172</t>
  </si>
  <si>
    <t>2024-06-26-17.30.31.720961</t>
  </si>
  <si>
    <t>2024-05-02-17.30.34.949248</t>
  </si>
  <si>
    <t>0350502707</t>
  </si>
  <si>
    <t>2024-05-06-19.32.23.410968</t>
  </si>
  <si>
    <t>0378202051</t>
  </si>
  <si>
    <t>2024-06-18-17.30.35.338135</t>
  </si>
  <si>
    <t>0348800332</t>
  </si>
  <si>
    <t>2024-03-07-17.30.33.419429</t>
  </si>
  <si>
    <t>0323289040</t>
  </si>
  <si>
    <t>2024-03-07-17.30.33.419389</t>
  </si>
  <si>
    <t>0352675080</t>
  </si>
  <si>
    <t>2024-04-18-08.10.22.826985</t>
  </si>
  <si>
    <t>0348100238</t>
  </si>
  <si>
    <t>2024-05-07-17.30.31.626182</t>
  </si>
  <si>
    <t>0308801380</t>
  </si>
  <si>
    <t>2024-09-06-17.30.31.468558</t>
  </si>
  <si>
    <t>0381990840</t>
  </si>
  <si>
    <t>2024-06-11-17.30.35.021675</t>
  </si>
  <si>
    <t>0382888090</t>
  </si>
  <si>
    <t>2024-12-06-17.30.30.263891</t>
  </si>
  <si>
    <t>0391466421</t>
  </si>
  <si>
    <t>2024-12-30-08.10.43.649946</t>
  </si>
  <si>
    <t>2024-05-24-08.09.44.140310</t>
  </si>
  <si>
    <t>0348144990</t>
  </si>
  <si>
    <t>2024-07-23-14.51.29.769415</t>
  </si>
  <si>
    <t>0336444748</t>
  </si>
  <si>
    <t>2024-12-06-17.30.30.263881</t>
  </si>
  <si>
    <t>2024-10-04-08.08.06.592634</t>
  </si>
  <si>
    <t>0389791660</t>
  </si>
  <si>
    <t>2024-10-21-17.30.34.016108</t>
  </si>
  <si>
    <t>0328385606</t>
  </si>
  <si>
    <t>2024-10-22-17.30.28.717538</t>
  </si>
  <si>
    <t>0394344746</t>
  </si>
  <si>
    <t>2024-02-20-17.30.28.672049</t>
  </si>
  <si>
    <t>0390856261</t>
  </si>
  <si>
    <t>2024-06-06-17.30.32.160993</t>
  </si>
  <si>
    <t>2024-01-05-14.50.37.966739</t>
  </si>
  <si>
    <t>2024-10-15-17.30.32.255157</t>
  </si>
  <si>
    <t>2024-10-01-17.30.33.364785</t>
  </si>
  <si>
    <t>0355875671</t>
  </si>
  <si>
    <t>2024-12-03-17.30.28.886851</t>
  </si>
  <si>
    <t>0324804664</t>
  </si>
  <si>
    <t>2024-03-26-17.30.31.236057</t>
  </si>
  <si>
    <t>0321004294</t>
  </si>
  <si>
    <t>2024-09-17-17.30.32.835034</t>
  </si>
  <si>
    <t>0367900054</t>
  </si>
  <si>
    <t>2024-04-02-08.08.26.872261</t>
  </si>
  <si>
    <t>0334129750</t>
  </si>
  <si>
    <t>2024-10-17-17.30.36.224335</t>
  </si>
  <si>
    <t>0377765855</t>
  </si>
  <si>
    <t>2024-06-07-17.30.28.663800</t>
  </si>
  <si>
    <t>0344447464</t>
  </si>
  <si>
    <t>2024-06-04-17.32.17.428107</t>
  </si>
  <si>
    <t>0357308554</t>
  </si>
  <si>
    <t>2024-03-01-08.08.59.903876</t>
  </si>
  <si>
    <t>0391000430</t>
  </si>
  <si>
    <t>2024-10-08-14.32.17.217964</t>
  </si>
  <si>
    <t>0390905371</t>
  </si>
  <si>
    <t>2024-06-27-17.30.29.212577</t>
  </si>
  <si>
    <t>0347903200</t>
  </si>
  <si>
    <t>2024-10-29-14.47.33.313006</t>
  </si>
  <si>
    <t>0309907548</t>
  </si>
  <si>
    <t>2024-07-18-17.30.31.245214</t>
  </si>
  <si>
    <t>0354691130</t>
  </si>
  <si>
    <t>2024-05-28-17.30.37.882703</t>
  </si>
  <si>
    <t>0344886511</t>
  </si>
  <si>
    <t>2024-07-02-17.30.32.069118</t>
  </si>
  <si>
    <t>0358700333</t>
  </si>
  <si>
    <t>2024-01-05-17.30.33.251956</t>
  </si>
  <si>
    <t>0376902210</t>
  </si>
  <si>
    <t>2024-02-21-17.30.29.460953</t>
  </si>
  <si>
    <t>2024-06-27-17.30.29.212467</t>
  </si>
  <si>
    <t>2024-10-17-07.03.21.440043</t>
  </si>
  <si>
    <t>0399704090</t>
  </si>
  <si>
    <t>2024-10-18-17.30.35.012514</t>
  </si>
  <si>
    <t>0301202418</t>
  </si>
  <si>
    <t>2024-03-19-08.08.21.733335</t>
  </si>
  <si>
    <t>0385500360</t>
  </si>
  <si>
    <t>2024-10-15-17.30.32.255147</t>
  </si>
  <si>
    <t>0379304763</t>
  </si>
  <si>
    <t>2024-06-05-17.30.35.468638</t>
  </si>
  <si>
    <t>0360681300</t>
  </si>
  <si>
    <t>2024-02-02-17.30.35.524118</t>
  </si>
  <si>
    <t>2024-03-04-17.30.38.516571</t>
  </si>
  <si>
    <t>0369702265</t>
  </si>
  <si>
    <t>2024-07-30-17.30.27.810005</t>
  </si>
  <si>
    <t>0349300381</t>
  </si>
  <si>
    <t>2024-04-26-08.09.19.296409</t>
  </si>
  <si>
    <t>0389087415</t>
  </si>
  <si>
    <t>2024-08-20-08.04.09.099835</t>
  </si>
  <si>
    <t>2024-06-11-17.30.35.021745</t>
  </si>
  <si>
    <t>0351800141</t>
  </si>
  <si>
    <t>2024-08-12-17.30.31.598483</t>
  </si>
  <si>
    <t>0333312404</t>
  </si>
  <si>
    <t>2024-02-14-17.30.32.792454</t>
  </si>
  <si>
    <t>2024-06-14-08.08.43.461070</t>
  </si>
  <si>
    <t>0356384321</t>
  </si>
  <si>
    <t>2024-05-15-17.31.58.843603</t>
  </si>
  <si>
    <t>0363100019</t>
  </si>
  <si>
    <t>2024-10-23-17.30.30.891818</t>
  </si>
  <si>
    <t>2024-11-25-17.30.34.714836</t>
  </si>
  <si>
    <t>0323400720</t>
  </si>
  <si>
    <t>2024-04-24-17.30.34.651147</t>
  </si>
  <si>
    <t>2024-04-01-08.07.20.192970</t>
  </si>
  <si>
    <t>0387303750</t>
  </si>
  <si>
    <t>2024-06-12-08.08.17.014093</t>
  </si>
  <si>
    <t>0308300071</t>
  </si>
  <si>
    <t>2024-09-27-14.32.24.343711</t>
  </si>
  <si>
    <t>0329900435</t>
  </si>
  <si>
    <t>2024-01-03-17.30.34.376053</t>
  </si>
  <si>
    <t>0380464200</t>
  </si>
  <si>
    <t>2024-01-05-17.30.33.251976</t>
  </si>
  <si>
    <t>2024-09-18-17.30.28.805663</t>
  </si>
  <si>
    <t>0320104022</t>
  </si>
  <si>
    <t>2024-02-07-17.30.33.362413</t>
  </si>
  <si>
    <t>0336919657</t>
  </si>
  <si>
    <t>2024-04-02-08.36.08.583895</t>
  </si>
  <si>
    <t>0395800607</t>
  </si>
  <si>
    <t>2024-09-30-08.06.55.077488</t>
  </si>
  <si>
    <t>0359303118</t>
  </si>
  <si>
    <t>2024-02-12-14.50.31.656087</t>
  </si>
  <si>
    <t>0319000020</t>
  </si>
  <si>
    <t>2024-08-09-17.30.34.700123</t>
  </si>
  <si>
    <t>0357200831</t>
  </si>
  <si>
    <t>2024-05-29-08.07.45.510309</t>
  </si>
  <si>
    <t>0302401441</t>
  </si>
  <si>
    <t>2024-10-23-17.30.30.891978</t>
  </si>
  <si>
    <t>0305826355</t>
  </si>
  <si>
    <t>2024-09-04-17.30.33.152531</t>
  </si>
  <si>
    <t>2024-04-26-17.30.32.110536</t>
  </si>
  <si>
    <t>0312900014</t>
  </si>
  <si>
    <t>2024-04-29-17.30.36.032075</t>
  </si>
  <si>
    <t>0383603762</t>
  </si>
  <si>
    <t>2024-04-24-08.06.51.843620</t>
  </si>
  <si>
    <t>0324301711</t>
  </si>
  <si>
    <t>2024-10-04-17.30.28.327497</t>
  </si>
  <si>
    <t>0395603611</t>
  </si>
  <si>
    <t>2024-05-08-17.30.33.270589</t>
  </si>
  <si>
    <t>2024-07-15-17.30.36.510607</t>
  </si>
  <si>
    <t>2024-02-12-17.30.34.999866</t>
  </si>
  <si>
    <t>0380702941</t>
  </si>
  <si>
    <t>2024-07-24-17.30.27.405331</t>
  </si>
  <si>
    <t>0372351923</t>
  </si>
  <si>
    <t>2024-05-09-17.30.35.107673</t>
  </si>
  <si>
    <t>0307802100</t>
  </si>
  <si>
    <t>2024-12-05-17.30.33.163025</t>
  </si>
  <si>
    <t>2024-07-01-17.30.37.489002</t>
  </si>
  <si>
    <t>2024-06-07-17.30.28.663790</t>
  </si>
  <si>
    <t>0332600884</t>
  </si>
  <si>
    <t>2024-09-09-17.30.32.019698</t>
  </si>
  <si>
    <t>2024-07-23-08.05.04.933162</t>
  </si>
  <si>
    <t>0302804310</t>
  </si>
  <si>
    <t>2024-11-15-17.30.32.581019</t>
  </si>
  <si>
    <t>2024-04-01-17.30.41.784833</t>
  </si>
  <si>
    <t>0367102664</t>
  </si>
  <si>
    <t>2024-03-04-17.30.38.516671</t>
  </si>
  <si>
    <t>0343904403</t>
  </si>
  <si>
    <t>2024-04-17-08.03.45.220050</t>
  </si>
  <si>
    <t>0363801469</t>
  </si>
  <si>
    <t>2024-02-08-17.30.38.632270</t>
  </si>
  <si>
    <t>0359842380</t>
  </si>
  <si>
    <t>2024-02-07-17.30.33.362283</t>
  </si>
  <si>
    <t>0332100095</t>
  </si>
  <si>
    <t>2024-10-28-08.07.11.771868</t>
  </si>
  <si>
    <t>0343005670</t>
  </si>
  <si>
    <t>2024-01-04-17.30.34.488144</t>
  </si>
  <si>
    <t>0333035092</t>
  </si>
  <si>
    <t>2024-12-06-17.30.30.263921</t>
  </si>
  <si>
    <t>2024-03-26-17.30.31.236077</t>
  </si>
  <si>
    <t>0380501486</t>
  </si>
  <si>
    <t>2024-06-04-17.32.17.428027</t>
  </si>
  <si>
    <t>0376904880</t>
  </si>
  <si>
    <t>2024-04-04-17.30.36.750295</t>
  </si>
  <si>
    <t>0348843690</t>
  </si>
  <si>
    <t>2024-06-21-17.30.31.771064</t>
  </si>
  <si>
    <t>0330500951</t>
  </si>
  <si>
    <t>2024-05-23-17.30.33.732970</t>
  </si>
  <si>
    <t>0329204264</t>
  </si>
  <si>
    <t>2024-11-12-17.30.32.612693</t>
  </si>
  <si>
    <t>2024-04-03-08.07.05.143015</t>
  </si>
  <si>
    <t>0376793640</t>
  </si>
  <si>
    <t>2024-09-19-17.30.33.967364</t>
  </si>
  <si>
    <t>0346600517</t>
  </si>
  <si>
    <t>2024-11-12-17.30.32.612833</t>
  </si>
  <si>
    <t>0325502105</t>
  </si>
  <si>
    <t>2024-12-05-17.30.33.163045</t>
  </si>
  <si>
    <t>0338100915</t>
  </si>
  <si>
    <t>2024-05-08-17.30.33.270599</t>
  </si>
  <si>
    <t>0395801737</t>
  </si>
  <si>
    <t>2024-08-01-17.30.32.966682</t>
  </si>
  <si>
    <t>2024-06-18-17.30.35.338095</t>
  </si>
  <si>
    <t>0360401258</t>
  </si>
  <si>
    <t>2024-10-01-07.03.53.999743</t>
  </si>
  <si>
    <t>0356445356</t>
  </si>
  <si>
    <t>2024-08-01-08.09.46.367627</t>
  </si>
  <si>
    <t>0332173591</t>
  </si>
  <si>
    <t>2024-09-30-17.30.39.689196</t>
  </si>
  <si>
    <t>2024-12-02-17.30.41.339159</t>
  </si>
  <si>
    <t>0302655186</t>
  </si>
  <si>
    <t>2024-09-23-17.30.39.391985</t>
  </si>
  <si>
    <t>0374222821</t>
  </si>
  <si>
    <t>2024-06-11-17.30.35.021645</t>
  </si>
  <si>
    <t>0312900661</t>
  </si>
  <si>
    <t>2024-03-04-17.30.38.516621</t>
  </si>
  <si>
    <t>0398966225</t>
  </si>
  <si>
    <t>2024-08-20-17.30.26.360443</t>
  </si>
  <si>
    <t>0370502134</t>
  </si>
  <si>
    <t>2024-11-14-17.30.32.165749</t>
  </si>
  <si>
    <t>0356924185</t>
  </si>
  <si>
    <t>2024-06-07-17.30.28.663810</t>
  </si>
  <si>
    <t>0388700420</t>
  </si>
  <si>
    <t>2024-06-07-17.30.28.663710</t>
  </si>
  <si>
    <t>0304303189</t>
  </si>
  <si>
    <t>2024-09-18-17.30.28.805793</t>
  </si>
  <si>
    <t>2024-05-02-17.30.34.949228</t>
  </si>
  <si>
    <t>0315702521</t>
  </si>
  <si>
    <t>2024-11-19-17.30.33.875328</t>
  </si>
  <si>
    <t>2024-08-28-17.30.28.527494</t>
  </si>
  <si>
    <t>0308995391</t>
  </si>
  <si>
    <t>2024-02-05-19.19.56.786118</t>
  </si>
  <si>
    <t>0381529872</t>
  </si>
  <si>
    <t>2024-10-17-17.30.36.224345</t>
  </si>
  <si>
    <t>0379903891</t>
  </si>
  <si>
    <t>2024-11-19-17.30.33.875308</t>
  </si>
  <si>
    <t>0316702070</t>
  </si>
  <si>
    <t>2024-02-23-14.50.30.071349</t>
  </si>
  <si>
    <t>0325700114</t>
  </si>
  <si>
    <t>2024-05-29-17.30.34.087692</t>
  </si>
  <si>
    <t>2024-09-05-08.20.41.152694</t>
  </si>
  <si>
    <t>0360767124</t>
  </si>
  <si>
    <t>2024-04-01-17.30.41.784713</t>
  </si>
  <si>
    <t>0371601023</t>
  </si>
  <si>
    <t>2024-11-05-12.23.38.603820</t>
  </si>
  <si>
    <t>0313503600</t>
  </si>
  <si>
    <t>2024-08-19-08.05.25.427791</t>
  </si>
  <si>
    <t>0367501292</t>
  </si>
  <si>
    <t>2024-10-30-17.30.30.005768</t>
  </si>
  <si>
    <t>0302102824</t>
  </si>
  <si>
    <t>2024-02-09-17.30.31.051621</t>
  </si>
  <si>
    <t>0374901338</t>
  </si>
  <si>
    <t>2024-11-04-17.30.35.112621</t>
  </si>
  <si>
    <t>0351114140</t>
  </si>
  <si>
    <t>2024-01-04-17.30.34.488094</t>
  </si>
  <si>
    <t>0385600891</t>
  </si>
  <si>
    <t>2024-07-23-17.30.32.180191</t>
  </si>
  <si>
    <t>2024-05-02-17.30.34.949318</t>
  </si>
  <si>
    <t>2024-09-17-17.30.32.834994</t>
  </si>
  <si>
    <t>2024-06-25-08.09.19.835502</t>
  </si>
  <si>
    <t>0399403350</t>
  </si>
  <si>
    <t>2024-09-10-17.30.33.500847</t>
  </si>
  <si>
    <t>2024-04-24-08.06.51.843610</t>
  </si>
  <si>
    <t>0388402835</t>
  </si>
  <si>
    <t>2024-08-07-17.30.30.338321</t>
  </si>
  <si>
    <t>2024-03-20-17.30.31.474586</t>
  </si>
  <si>
    <t>0364701298</t>
  </si>
  <si>
    <t>2024-03-19-17.30.31.052575</t>
  </si>
  <si>
    <t>0336256320</t>
  </si>
  <si>
    <t>2024-03-11-08.07.05.932535</t>
  </si>
  <si>
    <t>0313704245</t>
  </si>
  <si>
    <t>2024-07-01-17.30.37.488992</t>
  </si>
  <si>
    <t>0348205140</t>
  </si>
  <si>
    <t>2024-06-14-08.08.43.462360</t>
  </si>
  <si>
    <t>0364201201</t>
  </si>
  <si>
    <t>2024-10-30-17.30.30.005878</t>
  </si>
  <si>
    <t>0368251993</t>
  </si>
  <si>
    <t>2024-12-27-17.32.04.834682</t>
  </si>
  <si>
    <t>0392803676</t>
  </si>
  <si>
    <t>2024-09-09-17.30.32.019748</t>
  </si>
  <si>
    <t>0391900922</t>
  </si>
  <si>
    <t>2024-05-08-08.06.33.787306</t>
  </si>
  <si>
    <t>2024-10-17-08.08.47.650149</t>
  </si>
  <si>
    <t>0344900324</t>
  </si>
  <si>
    <t>2024-02-21-17.30.29.460933</t>
  </si>
  <si>
    <t>0333203119</t>
  </si>
  <si>
    <t>2024-11-05-17.30.31.764297</t>
  </si>
  <si>
    <t>0330284600</t>
  </si>
  <si>
    <t>2024-06-05-14.50.03.900450</t>
  </si>
  <si>
    <t>0342469740</t>
  </si>
  <si>
    <t>2024-10-31-15.13.13.115596</t>
  </si>
  <si>
    <t>0339169571</t>
  </si>
  <si>
    <t>2024-12-03-08.08.18.798107</t>
  </si>
  <si>
    <t>0308737080</t>
  </si>
  <si>
    <t>2024-02-20-08.07.13.443148</t>
  </si>
  <si>
    <t>0339276481</t>
  </si>
  <si>
    <t>2024-03-01-08.08.59.904686</t>
  </si>
  <si>
    <t>0330204090</t>
  </si>
  <si>
    <t>2024-02-21-08.06.40.880202</t>
  </si>
  <si>
    <t>2024-02-01-08.11.36.855022</t>
  </si>
  <si>
    <t>0352304460</t>
  </si>
  <si>
    <t>2024-08-16-17.30.35.615902</t>
  </si>
  <si>
    <t>2024-10-03-17.30.31.916724</t>
  </si>
  <si>
    <t>0368795066</t>
  </si>
  <si>
    <t>2024-02-26-17.30.34.016240</t>
  </si>
  <si>
    <t>0388793111</t>
  </si>
  <si>
    <t>2024-12-26-17.30.32.251979</t>
  </si>
  <si>
    <t>0355601539</t>
  </si>
  <si>
    <t>2024-05-07-17.30.31.626172</t>
  </si>
  <si>
    <t>2024-03-19-08.08.21.733215</t>
  </si>
  <si>
    <t>2024-03-08-17.30.33.466557</t>
  </si>
  <si>
    <t>0368705734</t>
  </si>
  <si>
    <t>2024-09-17-17.30.32.835094</t>
  </si>
  <si>
    <t>0346801420</t>
  </si>
  <si>
    <t>2024-06-21-17.30.31.770954</t>
  </si>
  <si>
    <t>0308218010</t>
  </si>
  <si>
    <t>2024-09-30-17.30.39.689306</t>
  </si>
  <si>
    <t>0377500307</t>
  </si>
  <si>
    <t>2024-11-21-17.30.32.281959</t>
  </si>
  <si>
    <t>0311002141</t>
  </si>
  <si>
    <t>2024-02-02-17.30.35.524098</t>
  </si>
  <si>
    <t>0386900636</t>
  </si>
  <si>
    <t>2024-01-05-17.30.33.251936</t>
  </si>
  <si>
    <t>0318323674</t>
  </si>
  <si>
    <t>2024-07-09-17.30.28.378331</t>
  </si>
  <si>
    <t>0300428340</t>
  </si>
  <si>
    <t>2024-01-10-17.30.31.239915</t>
  </si>
  <si>
    <t>2024-12-13-17.30.33.101963</t>
  </si>
  <si>
    <t>0360903870</t>
  </si>
  <si>
    <t>2024-09-30-17.30.39.689246</t>
  </si>
  <si>
    <t>0367340717</t>
  </si>
  <si>
    <t>2024-07-30-17.30.27.810015</t>
  </si>
  <si>
    <t>2024-04-01-17.30.41.784623</t>
  </si>
  <si>
    <t>0349593682</t>
  </si>
  <si>
    <t>2024-12-13-17.30.33.101993</t>
  </si>
  <si>
    <t>2024-02-06-17.30.28.092113</t>
  </si>
  <si>
    <t>0310706080</t>
  </si>
  <si>
    <t>2024-02-22-17.30.34.393007</t>
  </si>
  <si>
    <t>0378087510</t>
  </si>
  <si>
    <t>2024-05-24-17.30.31.969143</t>
  </si>
  <si>
    <t>0396482487</t>
  </si>
  <si>
    <t>2024-10-18-17.30.35.012404</t>
  </si>
  <si>
    <t>2024-05-02-17.30.34.949358</t>
  </si>
  <si>
    <t>0325650993</t>
  </si>
  <si>
    <t>2024-10-25-17.30.30.767156</t>
  </si>
  <si>
    <t>0349500308</t>
  </si>
  <si>
    <t>2024-11-05-17.30.31.764137</t>
  </si>
  <si>
    <t>2024-02-02-17.30.35.524068</t>
  </si>
  <si>
    <t>2024-09-13-17.30.30.460382</t>
  </si>
  <si>
    <t>0356100090</t>
  </si>
  <si>
    <t>2024-04-30-08.08.50.654625</t>
  </si>
  <si>
    <t>2024-06-21-17.30.31.770944</t>
  </si>
  <si>
    <t>0370273274</t>
  </si>
  <si>
    <t>2024-12-04-08.07.03.486370</t>
  </si>
  <si>
    <t>0342920162</t>
  </si>
  <si>
    <t>2024-05-24-17.30.31.969113</t>
  </si>
  <si>
    <t>0364200423</t>
  </si>
  <si>
    <t>2024-09-10-17.30.33.500807</t>
  </si>
  <si>
    <t>2024-04-02-08.08.26.871781</t>
  </si>
  <si>
    <t>0355202456</t>
  </si>
  <si>
    <t>2024-01-09-17.30.30.412062</t>
  </si>
  <si>
    <t>0342104108</t>
  </si>
  <si>
    <t>2024-11-15-08.07.14.720929</t>
  </si>
  <si>
    <t>0367200609</t>
  </si>
  <si>
    <t>2024-10-08-17.45.58.124417</t>
  </si>
  <si>
    <t>0380126250</t>
  </si>
  <si>
    <t>2024-09-11-17.30.28.629520</t>
  </si>
  <si>
    <t>2024-02-26-08.06.52.907972</t>
  </si>
  <si>
    <t>0354521402</t>
  </si>
  <si>
    <t>2024-06-26-17.30.31.721011</t>
  </si>
  <si>
    <t>2024-04-03-17.30.34.731952</t>
  </si>
  <si>
    <t>2024-10-10-17.30.26.749412</t>
  </si>
  <si>
    <t>0336504690</t>
  </si>
  <si>
    <t>2024-10-23-17.30.30.891938</t>
  </si>
  <si>
    <t>0359302131</t>
  </si>
  <si>
    <t>2024-09-11-08.07.58.188451</t>
  </si>
  <si>
    <t>0310574530</t>
  </si>
  <si>
    <t>2024-11-06-17.30.33.649240</t>
  </si>
  <si>
    <t>2024-05-01-17.30.33.868248</t>
  </si>
  <si>
    <t>0329601150</t>
  </si>
  <si>
    <t>2024-10-30-14.48.17.892045</t>
  </si>
  <si>
    <t>2024-03-19-17.30.31.052635</t>
  </si>
  <si>
    <t>0317902441</t>
  </si>
  <si>
    <t>2024-01-03-17.30.34.376073</t>
  </si>
  <si>
    <t>2024-02-02-17.30.35.524018</t>
  </si>
  <si>
    <t>0385007967</t>
  </si>
  <si>
    <t>2024-08-22-17.30.35.085581</t>
  </si>
  <si>
    <t>0326518430</t>
  </si>
  <si>
    <t>2024-12-18-14.28.24.672934</t>
  </si>
  <si>
    <t>0311804547</t>
  </si>
  <si>
    <t>2024-03-25-17.30.35.276832</t>
  </si>
  <si>
    <t>0333445983</t>
  </si>
  <si>
    <t>2024-10-16-17.30.30.109917</t>
  </si>
  <si>
    <t>0393100357</t>
  </si>
  <si>
    <t>2024-06-25-17.30.33.907301</t>
  </si>
  <si>
    <t>0355105388</t>
  </si>
  <si>
    <t>2024-02-22-08.10.41.925860</t>
  </si>
  <si>
    <t>2024-07-02-17.30.32.069318</t>
  </si>
  <si>
    <t>0378900128</t>
  </si>
  <si>
    <t>2024-03-05-08.07.16.543778</t>
  </si>
  <si>
    <t>2024-01-03-08.07.21.299069</t>
  </si>
  <si>
    <t>0306105570</t>
  </si>
  <si>
    <t>2024-11-19-08.07.21.007055</t>
  </si>
  <si>
    <t>0399204631</t>
  </si>
  <si>
    <t>2024-10-29-17.30.30.770801</t>
  </si>
  <si>
    <t>0320648592</t>
  </si>
  <si>
    <t>2024-03-05-17.30.30.553303</t>
  </si>
  <si>
    <t>0382770901</t>
  </si>
  <si>
    <t>2024-04-22-17.30.36.950265</t>
  </si>
  <si>
    <t>0329102670</t>
  </si>
  <si>
    <t>2024-08-05-17.30.38.234963</t>
  </si>
  <si>
    <t>0328502370</t>
  </si>
  <si>
    <t>2024-10-30-14.48.17.892052</t>
  </si>
  <si>
    <t>0342701070</t>
  </si>
  <si>
    <t>2024-10-10-17.30.26.749372</t>
  </si>
  <si>
    <t>0342002491</t>
  </si>
  <si>
    <t>2024-07-08-08.07.16.759409</t>
  </si>
  <si>
    <t>0301880676</t>
  </si>
  <si>
    <t>2024-09-11-17.30.28.629560</t>
  </si>
  <si>
    <t>2024-03-28-17.30.35.273726</t>
  </si>
  <si>
    <t>0318593481</t>
  </si>
  <si>
    <t>2024-12-11-17.30.30.574359</t>
  </si>
  <si>
    <t>2024-06-11-17.30.35.021715</t>
  </si>
  <si>
    <t>0330804515</t>
  </si>
  <si>
    <t>2024-03-19-17.30.31.052625</t>
  </si>
  <si>
    <t>2024-05-13-17.30.37.613955</t>
  </si>
  <si>
    <t>0340775172</t>
  </si>
  <si>
    <t>2024-03-13-17.30.32.949341</t>
  </si>
  <si>
    <t>0372902488</t>
  </si>
  <si>
    <t>2024-05-02-17.30.34.949368</t>
  </si>
  <si>
    <t>0347142264</t>
  </si>
  <si>
    <t>2024-07-02-17.30.32.069228</t>
  </si>
  <si>
    <t>2024-05-28-17.30.37.882743</t>
  </si>
  <si>
    <t>0322600103</t>
  </si>
  <si>
    <t>2024-10-31-17.30.35.776969</t>
  </si>
  <si>
    <t>0378426344</t>
  </si>
  <si>
    <t>2024-03-18-17.30.32.440079</t>
  </si>
  <si>
    <t>0324400501</t>
  </si>
  <si>
    <t>2024-01-11-17.30.29.111971</t>
  </si>
  <si>
    <t>0347702671</t>
  </si>
  <si>
    <t>2024-01-11-17.30.29.111911</t>
  </si>
  <si>
    <t>0325786221</t>
  </si>
  <si>
    <t>2024-01-19-17.30.33.616713</t>
  </si>
  <si>
    <t>2024-09-17-17.30.32.834964</t>
  </si>
  <si>
    <t>0380304482</t>
  </si>
  <si>
    <t>2024-06-13-17.30.33.898649</t>
  </si>
  <si>
    <t>0315395701</t>
  </si>
  <si>
    <t>2024-09-06-17.30.31.468518</t>
  </si>
  <si>
    <t>0324765865</t>
  </si>
  <si>
    <t>2024-12-04-17.30.32.061531</t>
  </si>
  <si>
    <t>2024-05-14-17.30.30.343602</t>
  </si>
  <si>
    <t>0322200036</t>
  </si>
  <si>
    <t>2024-03-01-14.50.31.473017</t>
  </si>
  <si>
    <t>0364401667</t>
  </si>
  <si>
    <t>2024-10-25-17.30.30.767196</t>
  </si>
  <si>
    <t>0343200963</t>
  </si>
  <si>
    <t>2024-12-02-17.30.41.338919</t>
  </si>
  <si>
    <t>2024-05-13-17.30.37.614035</t>
  </si>
  <si>
    <t>0369005347</t>
  </si>
  <si>
    <t>2024-11-18-17.30.30.883615</t>
  </si>
  <si>
    <t>2024-11-15-17.30.32.581039</t>
  </si>
  <si>
    <t>2024-06-07-08.07.30.136003</t>
  </si>
  <si>
    <t>0380003086</t>
  </si>
  <si>
    <t>2024-08-05-08.06.07.870058</t>
  </si>
  <si>
    <t>2024-05-30-17.30.28.196277</t>
  </si>
  <si>
    <t>0345901776</t>
  </si>
  <si>
    <t>2024-09-06-17.30.31.468468</t>
  </si>
  <si>
    <t>0304685574</t>
  </si>
  <si>
    <t>2024-05-24-17.30.31.969043</t>
  </si>
  <si>
    <t>0330064505</t>
  </si>
  <si>
    <t>2024-05-21-17.30.28.634657</t>
  </si>
  <si>
    <t>2024-08-05-17.30.38.234953</t>
  </si>
  <si>
    <t>0320300735</t>
  </si>
  <si>
    <t>2024-03-19-17.30.31.052615</t>
  </si>
  <si>
    <t>0397706512</t>
  </si>
  <si>
    <t>2024-12-09-17.30.36.307355</t>
  </si>
  <si>
    <t>0364200824</t>
  </si>
  <si>
    <t>2024-08-21-17.30.34.070653</t>
  </si>
  <si>
    <t>2024-05-23-17.30.33.732990</t>
  </si>
  <si>
    <t>0346800308</t>
  </si>
  <si>
    <t>2024-05-23-17.30.33.732960</t>
  </si>
  <si>
    <t>0315200900</t>
  </si>
  <si>
    <t>2024-07-26-14.51.22.191869</t>
  </si>
  <si>
    <t>0343286904</t>
  </si>
  <si>
    <t>2024-12-31-17.30.30.030806</t>
  </si>
  <si>
    <t>0318000756</t>
  </si>
  <si>
    <t>2024-10-24-17.30.36.606449</t>
  </si>
  <si>
    <t>0352201562</t>
  </si>
  <si>
    <t>2024-01-23-17.30.28.920760</t>
  </si>
  <si>
    <t>0300800341</t>
  </si>
  <si>
    <t>2024-08-20-17.30.26.360413</t>
  </si>
  <si>
    <t>0380297500</t>
  </si>
  <si>
    <t>2024-03-14-08.11.24.141491</t>
  </si>
  <si>
    <t>2024-04-18-17.30.30.807252</t>
  </si>
  <si>
    <t>2024-12-02-17.30.41.338989</t>
  </si>
  <si>
    <t>0318101732</t>
  </si>
  <si>
    <t>2024-08-08-17.48.21.453456</t>
  </si>
  <si>
    <t>0345253430</t>
  </si>
  <si>
    <t>2024-07-15-17.30.36.510557</t>
  </si>
  <si>
    <t>2024-10-18-14.28.06.403547</t>
  </si>
  <si>
    <t>2024-08-22-17.30.35.085591</t>
  </si>
  <si>
    <t>0361804175</t>
  </si>
  <si>
    <t>2024-05-08-17.30.33.270549</t>
  </si>
  <si>
    <t>0375405582</t>
  </si>
  <si>
    <t>2024-03-21-17.30.33.152214</t>
  </si>
  <si>
    <t>0357101582</t>
  </si>
  <si>
    <t>2024-04-05-08.06.43.574056</t>
  </si>
  <si>
    <t>0317991059</t>
  </si>
  <si>
    <t>2024-02-20-17.30.28.672059</t>
  </si>
  <si>
    <t>0345304501</t>
  </si>
  <si>
    <t>2024-12-18-14.28.24.672953</t>
  </si>
  <si>
    <t>0320064827</t>
  </si>
  <si>
    <t>2024-03-08-17.30.33.466567</t>
  </si>
  <si>
    <t>0347961862</t>
  </si>
  <si>
    <t>2024-05-06-08.07.16.238684</t>
  </si>
  <si>
    <t>0315503070</t>
  </si>
  <si>
    <t>2024-07-10-08.07.06.212137</t>
  </si>
  <si>
    <t>0310248761</t>
  </si>
  <si>
    <t>2024-05-03-17.30.35.056414</t>
  </si>
  <si>
    <t>0375703689</t>
  </si>
  <si>
    <t>2024-12-06-17.30.30.263931</t>
  </si>
  <si>
    <t>2024-05-08-17.30.33.270409</t>
  </si>
  <si>
    <t>0302489930</t>
  </si>
  <si>
    <t>2024-02-29-17.30.29.727386</t>
  </si>
  <si>
    <t>0346063608</t>
  </si>
  <si>
    <t>2024-03-21-17.30.33.152224</t>
  </si>
  <si>
    <t>0387977901</t>
  </si>
  <si>
    <t>2024-06-10-17.30.33.037686</t>
  </si>
  <si>
    <t>2024-07-11-07.02.44.729525</t>
  </si>
  <si>
    <t>2024-05-20-17.30.32.896919</t>
  </si>
  <si>
    <t>2024-01-24-17.30.32.352409</t>
  </si>
  <si>
    <t>0375800540</t>
  </si>
  <si>
    <t>2024-02-14-17.30.32.792464</t>
  </si>
  <si>
    <t>2024-06-28-17.30.29.382965</t>
  </si>
  <si>
    <t>0336501907</t>
  </si>
  <si>
    <t>2024-06-07-17.30.28.663740</t>
  </si>
  <si>
    <t>0330600938</t>
  </si>
  <si>
    <t>2024-08-16-17.30.35.616012</t>
  </si>
  <si>
    <t>0339704911</t>
  </si>
  <si>
    <t>2024-07-03-17.30.34.380610</t>
  </si>
  <si>
    <t>2024-06-04-17.32.17.428037</t>
  </si>
  <si>
    <t>2024-05-06-08.07.16.239144</t>
  </si>
  <si>
    <t>0339445518</t>
  </si>
  <si>
    <t>2024-09-04-17.30.33.152521</t>
  </si>
  <si>
    <t>2024-12-03-17.30.28.886861</t>
  </si>
  <si>
    <t>0323974700</t>
  </si>
  <si>
    <t>2024-11-22-17.30.29.950081</t>
  </si>
  <si>
    <t>2024-12-02-17.30.41.339079</t>
  </si>
  <si>
    <t>2024-10-21-17.30.34.016098</t>
  </si>
  <si>
    <t>0385780842</t>
  </si>
  <si>
    <t>2024-12-17-17.30.31.181450</t>
  </si>
  <si>
    <t>0328600436</t>
  </si>
  <si>
    <t>2024-02-08-17.30.38.632300</t>
  </si>
  <si>
    <t>0386505618</t>
  </si>
  <si>
    <t>2024-07-25-17.30.27.463111</t>
  </si>
  <si>
    <t>0370900739</t>
  </si>
  <si>
    <t>2024-02-22-08.10.41.927050</t>
  </si>
  <si>
    <t>2024-10-22-17.30.28.717618</t>
  </si>
  <si>
    <t>0346102623</t>
  </si>
  <si>
    <t>2024-02-12-08.07.02.511416</t>
  </si>
  <si>
    <t>0374015831</t>
  </si>
  <si>
    <t>2024-03-13-17.30.32.949331</t>
  </si>
  <si>
    <t>0386300642</t>
  </si>
  <si>
    <t>2024-03-26-17.30.31.236117</t>
  </si>
  <si>
    <t>0306001627</t>
  </si>
  <si>
    <t>2024-08-19-17.30.33.087126</t>
  </si>
  <si>
    <t>0314829922</t>
  </si>
  <si>
    <t>2024-11-20-17.30.31.540340</t>
  </si>
  <si>
    <t>0377800416</t>
  </si>
  <si>
    <t>2024-10-22-17.30.28.717568</t>
  </si>
  <si>
    <t>0381304175</t>
  </si>
  <si>
    <t>2024-07-29-17.30.31.634762</t>
  </si>
  <si>
    <t>0326602062</t>
  </si>
  <si>
    <t>2024-12-06-08.07.17.002332</t>
  </si>
  <si>
    <t>2024-10-09-07.02.55.255752</t>
  </si>
  <si>
    <t>0355357081</t>
  </si>
  <si>
    <t>2024-06-25-08.09.19.835482</t>
  </si>
  <si>
    <t>2024-07-23-17.30.32.180251</t>
  </si>
  <si>
    <t>0351100087</t>
  </si>
  <si>
    <t>2024-04-05-17.30.34.908230</t>
  </si>
  <si>
    <t>0305600123</t>
  </si>
  <si>
    <t>2024-10-31-08.09.26.420849</t>
  </si>
  <si>
    <t>0385403469</t>
  </si>
  <si>
    <t>2024-10-09-17.30.30.742190</t>
  </si>
  <si>
    <t>0321853880</t>
  </si>
  <si>
    <t>2024-07-25-17.30.27.463271</t>
  </si>
  <si>
    <t>0362409912</t>
  </si>
  <si>
    <t>2024-10-01-17.30.33.364725</t>
  </si>
  <si>
    <t>0369128970</t>
  </si>
  <si>
    <t>2024-01-03-17.30.34.376013</t>
  </si>
  <si>
    <t>0375002901</t>
  </si>
  <si>
    <t>2024-05-31-17.30.32.240543</t>
  </si>
  <si>
    <t>0304900604</t>
  </si>
  <si>
    <t>2024-12-30-08.10.43.649546</t>
  </si>
  <si>
    <t>0374502754</t>
  </si>
  <si>
    <t>2024-09-12-08.12.45.993733</t>
  </si>
  <si>
    <t>2024-01-02-17.30.32.133454</t>
  </si>
  <si>
    <t>0333397960</t>
  </si>
  <si>
    <t>2024-04-29-17.30.36.032105</t>
  </si>
  <si>
    <t>0396476285</t>
  </si>
  <si>
    <t>2024-05-09-17.30.35.107653</t>
  </si>
  <si>
    <t>0342405020</t>
  </si>
  <si>
    <t>2024-12-02-17.30.41.339109</t>
  </si>
  <si>
    <t>0366801902</t>
  </si>
  <si>
    <t>2024-08-26-17.30.32.546376</t>
  </si>
  <si>
    <t>0364392425</t>
  </si>
  <si>
    <t>2024-06-28-17.30.29.382855</t>
  </si>
  <si>
    <t>0336200841</t>
  </si>
  <si>
    <t>2024-11-05-08.07.41.477356</t>
  </si>
  <si>
    <t>0320501472</t>
  </si>
  <si>
    <t>2024-11-22-17.30.29.950101</t>
  </si>
  <si>
    <t>0346200903</t>
  </si>
  <si>
    <t>2024-10-02-17.30.32.538718</t>
  </si>
  <si>
    <t>0369502713</t>
  </si>
  <si>
    <t>2024-08-05-17.30.38.234943</t>
  </si>
  <si>
    <t>0382100819</t>
  </si>
  <si>
    <t>2024-06-25-14.49.57.717778</t>
  </si>
  <si>
    <t>0379502608</t>
  </si>
  <si>
    <t>2024-06-11-17.30.35.021755</t>
  </si>
  <si>
    <t>0361800451</t>
  </si>
  <si>
    <t>2024-11-20-07.03.08.516312</t>
  </si>
  <si>
    <t>0367371118</t>
  </si>
  <si>
    <t>2024-09-11-17.30.28.629350</t>
  </si>
  <si>
    <t>0364890089</t>
  </si>
  <si>
    <t>2024-02-22-17.30.34.392937</t>
  </si>
  <si>
    <t>0371806622</t>
  </si>
  <si>
    <t>2024-09-03-17.30.42.480639</t>
  </si>
  <si>
    <t>2024-07-18-07.03.04.363886</t>
  </si>
  <si>
    <t>0322169054</t>
  </si>
  <si>
    <t>2024-06-13-17.30.33.898579</t>
  </si>
  <si>
    <t>0355601540</t>
  </si>
  <si>
    <t>2024-11-01-08.08.48.118356</t>
  </si>
  <si>
    <t>0373435333</t>
  </si>
  <si>
    <t>2024-12-26-17.30.32.251989</t>
  </si>
  <si>
    <t>0383345082</t>
  </si>
  <si>
    <t>2024-12-19-17.30.33.514441</t>
  </si>
  <si>
    <t>0355905570</t>
  </si>
  <si>
    <t>2024-03-25-08.06.45.864986</t>
  </si>
  <si>
    <t>0331001208</t>
  </si>
  <si>
    <t>2024-02-07-17.30.33.362373</t>
  </si>
  <si>
    <t>0377360440</t>
  </si>
  <si>
    <t>2024-10-04-17.30.28.327547</t>
  </si>
  <si>
    <t>0301082160</t>
  </si>
  <si>
    <t>2024-08-14-17.30.29.737369</t>
  </si>
  <si>
    <t>2024-09-18-07.03.18.046555</t>
  </si>
  <si>
    <t>0349634633</t>
  </si>
  <si>
    <t>2024-02-06-08.08.40.962030</t>
  </si>
  <si>
    <t>0321003245</t>
  </si>
  <si>
    <t>2024-02-22-17.30.34.392947</t>
  </si>
  <si>
    <t>0333362620</t>
  </si>
  <si>
    <t>2024-12-17-17.30.31.181500</t>
  </si>
  <si>
    <t>0318000754</t>
  </si>
  <si>
    <t>2024-09-30-17.30.39.689266</t>
  </si>
  <si>
    <t>0344811537</t>
  </si>
  <si>
    <t>2024-06-11-17.30.35.021665</t>
  </si>
  <si>
    <t>0355603440</t>
  </si>
  <si>
    <t>2024-12-10-08.08.13.305116</t>
  </si>
  <si>
    <t>0343661250</t>
  </si>
  <si>
    <t>2024-04-22-17.30.36.950315</t>
  </si>
  <si>
    <t>0370527242</t>
  </si>
  <si>
    <t>2024-12-31-17.30.30.030776</t>
  </si>
  <si>
    <t>0301632311</t>
  </si>
  <si>
    <t>2024-09-09-17.30.32.019798</t>
  </si>
  <si>
    <t>0309102271</t>
  </si>
  <si>
    <t>2024-05-09-17.30.35.107753</t>
  </si>
  <si>
    <t>0388828590</t>
  </si>
  <si>
    <t>2024-06-28-17.30.29.382915</t>
  </si>
  <si>
    <t>0368928640</t>
  </si>
  <si>
    <t>2024-10-09-16.55.16.954778</t>
  </si>
  <si>
    <t>0338426158</t>
  </si>
  <si>
    <t>2024-08-01-17.30.32.966632</t>
  </si>
  <si>
    <t>0352455184</t>
  </si>
  <si>
    <t>2024-07-11-21.06.22.752498</t>
  </si>
  <si>
    <t>0352400051</t>
  </si>
  <si>
    <t>2024-05-22-14.52.05.855204</t>
  </si>
  <si>
    <t>0360420150</t>
  </si>
  <si>
    <t>2024-12-03-14.32.04.019111</t>
  </si>
  <si>
    <t>0337002367</t>
  </si>
  <si>
    <t>2024-02-29-17.30.29.727336</t>
  </si>
  <si>
    <t>2024-05-06-19.32.23.410878</t>
  </si>
  <si>
    <t>0394003291</t>
  </si>
  <si>
    <t>2024-07-03-17.30.34.380630</t>
  </si>
  <si>
    <t>0390346310</t>
  </si>
  <si>
    <t>2024-04-22-17.30.36.950325</t>
  </si>
  <si>
    <t>0348100286</t>
  </si>
  <si>
    <t>2024-12-03-17.30.28.886761</t>
  </si>
  <si>
    <t>0329905262</t>
  </si>
  <si>
    <t>2024-12-19-17.30.33.514421</t>
  </si>
  <si>
    <t>0311340182</t>
  </si>
  <si>
    <t>2024-07-29-17.30.31.634712</t>
  </si>
  <si>
    <t>0363203227</t>
  </si>
  <si>
    <t>2024-03-08-17.30.33.466517</t>
  </si>
  <si>
    <t>0322704644</t>
  </si>
  <si>
    <t>2024-04-30-17.30.34.478445</t>
  </si>
  <si>
    <t>0306602281</t>
  </si>
  <si>
    <t>2024-10-16-17.30.30.109947</t>
  </si>
  <si>
    <t>2024-06-20-07.03.06.983858</t>
  </si>
  <si>
    <t>0395278911</t>
  </si>
  <si>
    <t>2024-03-22-17.30.33.445628</t>
  </si>
  <si>
    <t>0390000755</t>
  </si>
  <si>
    <t>2024-11-25-17.30.34.714866</t>
  </si>
  <si>
    <t>0350435931</t>
  </si>
  <si>
    <t>2024-06-07-17.30.28.663680</t>
  </si>
  <si>
    <t>0310400244</t>
  </si>
  <si>
    <t>2024-01-23-17.30.28.920860</t>
  </si>
  <si>
    <t>0395101784</t>
  </si>
  <si>
    <t>2024-06-04-17.32.17.428067</t>
  </si>
  <si>
    <t>0317304211</t>
  </si>
  <si>
    <t>2024-12-30-17.30.28.181310</t>
  </si>
  <si>
    <t>0365000612</t>
  </si>
  <si>
    <t>2024-07-03-08.10.31.637245</t>
  </si>
  <si>
    <t>0302447013</t>
  </si>
  <si>
    <t>2024-06-25-17.30.33.907341</t>
  </si>
  <si>
    <t>0386100394</t>
  </si>
  <si>
    <t>2024-06-26-08.09.33.403619</t>
  </si>
  <si>
    <t>0396905251</t>
  </si>
  <si>
    <t>2024-01-18-17.30.30.636439</t>
  </si>
  <si>
    <t>0393702280</t>
  </si>
  <si>
    <t>2024-10-24-17.30.36.606439</t>
  </si>
  <si>
    <t>0315622241</t>
  </si>
  <si>
    <t>2024-06-06-17.30.32.161163</t>
  </si>
  <si>
    <t>0301700766</t>
  </si>
  <si>
    <t>2024-07-23-17.30.32.180181</t>
  </si>
  <si>
    <t>0356726990</t>
  </si>
  <si>
    <t>2024-11-25-17.30.34.714906</t>
  </si>
  <si>
    <t>0368203893</t>
  </si>
  <si>
    <t>2024-08-27-17.30.29.282196</t>
  </si>
  <si>
    <t>0355900853</t>
  </si>
  <si>
    <t>2024-10-31-17.30.35.776949</t>
  </si>
  <si>
    <t>0323500541</t>
  </si>
  <si>
    <t>2024-09-11-17.30.28.629460</t>
  </si>
  <si>
    <t>0305405316</t>
  </si>
  <si>
    <t>2024-05-31-17.30.32.240553</t>
  </si>
  <si>
    <t>0332496920</t>
  </si>
  <si>
    <t>2024-02-29-17.30.29.727236</t>
  </si>
  <si>
    <t>0378704078</t>
  </si>
  <si>
    <t>2024-06-18-17.30.35.338075</t>
  </si>
  <si>
    <t>0320505423</t>
  </si>
  <si>
    <t>2024-09-25-17.30.33.195889</t>
  </si>
  <si>
    <t>0321700857</t>
  </si>
  <si>
    <t>2024-04-30-17.30.34.478425</t>
  </si>
  <si>
    <t>0380500532</t>
  </si>
  <si>
    <t>2024-01-30-17.30.26.891258</t>
  </si>
  <si>
    <t>0369403440</t>
  </si>
  <si>
    <t>2024-10-31-15.13.13.115608</t>
  </si>
  <si>
    <t>0382602533</t>
  </si>
  <si>
    <t>2024-02-05-19.19.56.786168</t>
  </si>
  <si>
    <t>0326505873</t>
  </si>
  <si>
    <t>2024-03-07-17.30.33.419419</t>
  </si>
  <si>
    <t>0303100616</t>
  </si>
  <si>
    <t>2024-10-01-08.07.49.793017</t>
  </si>
  <si>
    <t>0380601007</t>
  </si>
  <si>
    <t>2024-12-10-17.30.33.951757</t>
  </si>
  <si>
    <t>0386205301</t>
  </si>
  <si>
    <t>2024-01-22-08.06.58.001495</t>
  </si>
  <si>
    <t>0316304640</t>
  </si>
  <si>
    <t>2024-01-09-17.30.30.411952</t>
  </si>
  <si>
    <t>0383501481</t>
  </si>
  <si>
    <t>2024-05-29-17.30.34.087702</t>
  </si>
  <si>
    <t>0393600145</t>
  </si>
  <si>
    <t>2024-06-21-17.30.31.770974</t>
  </si>
  <si>
    <t>2024-10-03-17.30.31.916584</t>
  </si>
  <si>
    <t>0331477670</t>
  </si>
  <si>
    <t>2024-02-26-17.30.34.016290</t>
  </si>
  <si>
    <t>0333403835</t>
  </si>
  <si>
    <t>2024-06-25-17.30.33.907271</t>
  </si>
  <si>
    <t>0308454574</t>
  </si>
  <si>
    <t>2024-12-13-17.30.33.102063</t>
  </si>
  <si>
    <t>0332300636</t>
  </si>
  <si>
    <t>2024-08-29-14.28.25.150191</t>
  </si>
  <si>
    <t>0372903635</t>
  </si>
  <si>
    <t>2024-01-10-17.30.31.239835</t>
  </si>
  <si>
    <t>0318202557</t>
  </si>
  <si>
    <t>2024-02-05-19.19.56.786068</t>
  </si>
  <si>
    <t>0355603830</t>
  </si>
  <si>
    <t>2024-01-18-17.30.30.636529</t>
  </si>
  <si>
    <t>0373000217</t>
  </si>
  <si>
    <t>2024-11-18-17.30.30.883575</t>
  </si>
  <si>
    <t>0387708470</t>
  </si>
  <si>
    <t>2024-10-11-17.30.35.096610</t>
  </si>
  <si>
    <t>2024-11-25-17.30.34.714766</t>
  </si>
  <si>
    <t>0335300377</t>
  </si>
  <si>
    <t>2024-05-20-17.30.32.896839</t>
  </si>
  <si>
    <t>0344887721</t>
  </si>
  <si>
    <t>2024-09-11-17.30.28.629540</t>
  </si>
  <si>
    <t>0336701492</t>
  </si>
  <si>
    <t>2024-02-02-08.08.24.119156</t>
  </si>
  <si>
    <t>0397906560</t>
  </si>
  <si>
    <t>2024-05-16-17.30.35.217720</t>
  </si>
  <si>
    <t>0382283211</t>
  </si>
  <si>
    <t>2024-01-16-17.30.33.655909</t>
  </si>
  <si>
    <t>0380503982</t>
  </si>
  <si>
    <t>2024-01-16-14.50.30.171261</t>
  </si>
  <si>
    <t>0325701456</t>
  </si>
  <si>
    <t>2024-09-11-08.07.58.188011</t>
  </si>
  <si>
    <t>0355179660</t>
  </si>
  <si>
    <t>2024-06-27-17.30.29.212667</t>
  </si>
  <si>
    <t>0358267911</t>
  </si>
  <si>
    <t>2024-10-22-17.30.28.717518</t>
  </si>
  <si>
    <t>0379703940</t>
  </si>
  <si>
    <t>2024-10-11-08.16.08.837788</t>
  </si>
  <si>
    <t>2024-07-05-17.30.36.003677</t>
  </si>
  <si>
    <t>0354803850</t>
  </si>
  <si>
    <t>2024-12-13-17.30.33.101883</t>
  </si>
  <si>
    <t>0303656861</t>
  </si>
  <si>
    <t>2024-03-13-17.30.32.949371</t>
  </si>
  <si>
    <t>0360504872</t>
  </si>
  <si>
    <t>2024-07-22-17.30.32.953204</t>
  </si>
  <si>
    <t>0396755840</t>
  </si>
  <si>
    <t>2024-09-17-08.06.26.005976</t>
  </si>
  <si>
    <t>0359387172</t>
  </si>
  <si>
    <t>2024-11-26-17.30.31.172685</t>
  </si>
  <si>
    <t>0368203182</t>
  </si>
  <si>
    <t>2024-07-22-17.30.32.953304</t>
  </si>
  <si>
    <t>0357102677</t>
  </si>
  <si>
    <t>2024-06-10-08.07.35.316939</t>
  </si>
  <si>
    <t>0398804583</t>
  </si>
  <si>
    <t>2024-11-07-17.30.33.181753</t>
  </si>
  <si>
    <t>0356900165</t>
  </si>
  <si>
    <t>2024-01-31-17.30.27.948467</t>
  </si>
  <si>
    <t>0370559695</t>
  </si>
  <si>
    <t>2024-03-25-17.30.35.276782</t>
  </si>
  <si>
    <t>0385201611</t>
  </si>
  <si>
    <t>2024-07-03-17.30.34.380640</t>
  </si>
  <si>
    <t>0398424281</t>
  </si>
  <si>
    <t>2024-09-06-17.30.31.468318</t>
  </si>
  <si>
    <t>0359503036</t>
  </si>
  <si>
    <t>2024-01-19-17.30.33.616613</t>
  </si>
  <si>
    <t>0349476010</t>
  </si>
  <si>
    <t>2024-07-08-08.07.16.759879</t>
  </si>
  <si>
    <t>0352637084</t>
  </si>
  <si>
    <t>2024-04-30-17.30.34.478455</t>
  </si>
  <si>
    <t>0319416416</t>
  </si>
  <si>
    <t>2024-04-10-17.30.32.840605</t>
  </si>
  <si>
    <t>0371057975</t>
  </si>
  <si>
    <t>2024-10-08-17.45.58.124397</t>
  </si>
  <si>
    <t>0322603540</t>
  </si>
  <si>
    <t>2024-06-06-17.30.32.161023</t>
  </si>
  <si>
    <t>2024-05-10-08.07.46.597363</t>
  </si>
  <si>
    <t>0387300402</t>
  </si>
  <si>
    <t>2024-09-16-18.49.40.011787</t>
  </si>
  <si>
    <t>0342406650</t>
  </si>
  <si>
    <t>2024-04-22-17.30.36.950345</t>
  </si>
  <si>
    <t>0397300307</t>
  </si>
  <si>
    <t>2024-12-18-17.30.29.072640</t>
  </si>
  <si>
    <t>0334297616</t>
  </si>
  <si>
    <t>2024-09-17-17.30.32.834984</t>
  </si>
  <si>
    <t>0346500380</t>
  </si>
  <si>
    <t>2024-04-10-17.30.32.840535</t>
  </si>
  <si>
    <t>0366705783</t>
  </si>
  <si>
    <t>2024-07-31-17.30.29.480019</t>
  </si>
  <si>
    <t>2024-08-01-17.30.32.966622</t>
  </si>
  <si>
    <t>0385803300</t>
  </si>
  <si>
    <t>2024-09-20-14.30.31.818270</t>
  </si>
  <si>
    <t>0321425469</t>
  </si>
  <si>
    <t>2024-09-23-17.30.39.391965</t>
  </si>
  <si>
    <t>0324912642</t>
  </si>
  <si>
    <t>2024-06-25-17.30.33.907321</t>
  </si>
  <si>
    <t>0326434290</t>
  </si>
  <si>
    <t>2024-07-02-17.30.32.069158</t>
  </si>
  <si>
    <t>0355804524</t>
  </si>
  <si>
    <t>2024-11-15-08.07.14.721189</t>
  </si>
  <si>
    <t>0358913196</t>
  </si>
  <si>
    <t>2024-03-06-08.06.08.885976</t>
  </si>
  <si>
    <t>0309138560</t>
  </si>
  <si>
    <t>2024-04-09-17.30.31.759621</t>
  </si>
  <si>
    <t>2024-10-11-17.30.35.096580</t>
  </si>
  <si>
    <t>0337005396</t>
  </si>
  <si>
    <t>2024-04-18-17.30.30.807322</t>
  </si>
  <si>
    <t>0322962286</t>
  </si>
  <si>
    <t>2024-11-26-17.30.31.172755</t>
  </si>
  <si>
    <t>2024-05-20-07.03.05.615203</t>
  </si>
  <si>
    <t>0333735840</t>
  </si>
  <si>
    <t>2024-04-26-17.30.32.110656</t>
  </si>
  <si>
    <t>0363338783</t>
  </si>
  <si>
    <t>2024-10-07-17.30.29.939913</t>
  </si>
  <si>
    <t>0354405573</t>
  </si>
  <si>
    <t>2024-08-09-17.30.34.700183</t>
  </si>
  <si>
    <t>0338326890</t>
  </si>
  <si>
    <t>2024-02-27-17.30.31.779589</t>
  </si>
  <si>
    <t>0310200203</t>
  </si>
  <si>
    <t>2024-04-29-17.30.36.032035</t>
  </si>
  <si>
    <t>0315988162</t>
  </si>
  <si>
    <t>2024-09-25-17.30.33.195839</t>
  </si>
  <si>
    <t>0304601017</t>
  </si>
  <si>
    <t>2024-10-24-17.30.36.606459</t>
  </si>
  <si>
    <t>0338406294</t>
  </si>
  <si>
    <t>2024-09-13-17.30.30.460402</t>
  </si>
  <si>
    <t>0346574303</t>
  </si>
  <si>
    <t>2024-07-16-08.07.47.478153</t>
  </si>
  <si>
    <t>0361445590</t>
  </si>
  <si>
    <t>2024-07-19-17.30.30.334024</t>
  </si>
  <si>
    <t>0348200044</t>
  </si>
  <si>
    <t>2024-06-28-08.08.09.981383</t>
  </si>
  <si>
    <t>0336501616</t>
  </si>
  <si>
    <t>2024-10-24-17.30.36.606399</t>
  </si>
  <si>
    <t>2024-01-03-17.30.34.376123</t>
  </si>
  <si>
    <t>0346700623</t>
  </si>
  <si>
    <t>2024-09-25-17.30.33.195929</t>
  </si>
  <si>
    <t>0372765402</t>
  </si>
  <si>
    <t>2024-02-06-17.30.28.092133</t>
  </si>
  <si>
    <t>2024-07-05-17.30.36.003697</t>
  </si>
  <si>
    <t>2024-07-19-17.30.30.334034</t>
  </si>
  <si>
    <t>0376225890</t>
  </si>
  <si>
    <t>2024-02-05-19.19.56.786078</t>
  </si>
  <si>
    <t>0301885430</t>
  </si>
  <si>
    <t>2024-12-04-17.30.32.061561</t>
  </si>
  <si>
    <t>0393600870</t>
  </si>
  <si>
    <t>2024-10-25-17.30.30.767236</t>
  </si>
  <si>
    <t>0397987360</t>
  </si>
  <si>
    <t>2024-02-07-17.30.33.362383</t>
  </si>
  <si>
    <t>0315601115</t>
  </si>
  <si>
    <t>2024-09-09-17.30.32.019708</t>
  </si>
  <si>
    <t>0346766080</t>
  </si>
  <si>
    <t>2024-09-03-17.30.42.480709</t>
  </si>
  <si>
    <t>0371905974</t>
  </si>
  <si>
    <t>2024-07-25-17.30.27.463191</t>
  </si>
  <si>
    <t>0303782202</t>
  </si>
  <si>
    <t>2024-09-09-17.30.32.019728</t>
  </si>
  <si>
    <t>0330325614</t>
  </si>
  <si>
    <t>2024-06-18-17.30.35.338065</t>
  </si>
  <si>
    <t>0325300663</t>
  </si>
  <si>
    <t>2024-07-03-17.30.34.380690</t>
  </si>
  <si>
    <t>0346949092</t>
  </si>
  <si>
    <t>2024-05-02-17.30.34.949288</t>
  </si>
  <si>
    <t>0332500621</t>
  </si>
  <si>
    <t>2024-12-18-17.30.29.072670</t>
  </si>
  <si>
    <t>0323703001</t>
  </si>
  <si>
    <t>2024-08-21-17.30.34.070703</t>
  </si>
  <si>
    <t>0302902050</t>
  </si>
  <si>
    <t>2024-04-08-08.06.16.238780</t>
  </si>
  <si>
    <t>2024-08-08-08.11.06.340101</t>
  </si>
  <si>
    <t>0380503149</t>
  </si>
  <si>
    <t>2024-05-08-17.30.33.270419</t>
  </si>
  <si>
    <t>0399402450</t>
  </si>
  <si>
    <t>2024-06-11-17.30.35.021615</t>
  </si>
  <si>
    <t>0301400654</t>
  </si>
  <si>
    <t>2024-12-31-17.30.30.030836</t>
  </si>
  <si>
    <t>0392800559</t>
  </si>
  <si>
    <t>2024-01-18-17.30.30.636499</t>
  </si>
  <si>
    <t>0316405205</t>
  </si>
  <si>
    <t>2024-08-01-17.30.32.966692</t>
  </si>
  <si>
    <t>0365097545</t>
  </si>
  <si>
    <t>2024-04-01-17.30.41.784723</t>
  </si>
  <si>
    <t>0304001250</t>
  </si>
  <si>
    <t>2024-08-06-17.30.30.223967</t>
  </si>
  <si>
    <t>0300425773</t>
  </si>
  <si>
    <t>2024-04-29-17.30.36.032145</t>
  </si>
  <si>
    <t>0394000135</t>
  </si>
  <si>
    <t>2024-06-18-17.30.35.338085</t>
  </si>
  <si>
    <t>0336603690</t>
  </si>
  <si>
    <t>2024-06-05-17.30.35.468628</t>
  </si>
  <si>
    <t>0326821065</t>
  </si>
  <si>
    <t>2024-04-18-17.30.30.807292</t>
  </si>
  <si>
    <t>2024-02-05-19.19.56.786218</t>
  </si>
  <si>
    <t>0305102948</t>
  </si>
  <si>
    <t>2024-10-07-17.30.29.939953</t>
  </si>
  <si>
    <t>0371131102</t>
  </si>
  <si>
    <t>2024-07-29-17.30.31.634662</t>
  </si>
  <si>
    <t>0390904891</t>
  </si>
  <si>
    <t>2024-09-06-17.30.31.468368</t>
  </si>
  <si>
    <t>0331704573</t>
  </si>
  <si>
    <t>2024-05-20-17.30.32.896809</t>
  </si>
  <si>
    <t>0396804121</t>
  </si>
  <si>
    <t>2024-05-13-08.06.57.996053</t>
  </si>
  <si>
    <t>0388600718</t>
  </si>
  <si>
    <t>2024-08-30-14.49.52.012087</t>
  </si>
  <si>
    <t>0373805672</t>
  </si>
  <si>
    <t>2024-10-11-17.30.35.096540</t>
  </si>
  <si>
    <t>2024-01-30-17.30.26.891238</t>
  </si>
  <si>
    <t>2024-09-23-17.30.39.392105</t>
  </si>
  <si>
    <t>0329903642</t>
  </si>
  <si>
    <t>2024-09-10-17.30.33.500917</t>
  </si>
  <si>
    <t>0369701416</t>
  </si>
  <si>
    <t>2024-05-28-17.30.37.882813</t>
  </si>
  <si>
    <t>0371000610</t>
  </si>
  <si>
    <t>2024-03-01-17.30.32.887969</t>
  </si>
  <si>
    <t>0321486662</t>
  </si>
  <si>
    <t>2024-06-06-17.30.32.161193</t>
  </si>
  <si>
    <t>0329007081</t>
  </si>
  <si>
    <t>2024-02-20-17.30.28.672069</t>
  </si>
  <si>
    <t>0349245300</t>
  </si>
  <si>
    <t>2024-10-22-17.30.28.717628</t>
  </si>
  <si>
    <t>0396900827</t>
  </si>
  <si>
    <t>2024-10-07-08.05.53.726488</t>
  </si>
  <si>
    <t>0358203165</t>
  </si>
  <si>
    <t>2024-05-08-17.30.33.270539</t>
  </si>
  <si>
    <t>2024-02-29-17.30.29.727256</t>
  </si>
  <si>
    <t>0377900534</t>
  </si>
  <si>
    <t>2024-05-14-17.30.30.343722</t>
  </si>
  <si>
    <t>0378500522</t>
  </si>
  <si>
    <t>2024-02-01-17.30.34.407438</t>
  </si>
  <si>
    <t>0318022021</t>
  </si>
  <si>
    <t>2024-06-06-17.30.32.161063</t>
  </si>
  <si>
    <t>0371826392</t>
  </si>
  <si>
    <t>2024-04-17-17.30.29.783099</t>
  </si>
  <si>
    <t>2024-09-11-17.30.28.629550</t>
  </si>
  <si>
    <t>0364865542</t>
  </si>
  <si>
    <t>2024-07-24-08.06.55.994810</t>
  </si>
  <si>
    <t>0397403400</t>
  </si>
  <si>
    <t>2024-07-05-17.30.36.003657</t>
  </si>
  <si>
    <t>0346217381</t>
  </si>
  <si>
    <t>2024-02-20-08.07.13.441958</t>
  </si>
  <si>
    <t>0352904012</t>
  </si>
  <si>
    <t>2024-05-20-17.30.32.896829</t>
  </si>
  <si>
    <t>0375104551</t>
  </si>
  <si>
    <t>2024-04-18-17.30.30.807262</t>
  </si>
  <si>
    <t>0326100151</t>
  </si>
  <si>
    <t>2024-02-23-17.30.30.285184</t>
  </si>
  <si>
    <t>0399503415</t>
  </si>
  <si>
    <t>2024-03-12-17.30.30.888554</t>
  </si>
  <si>
    <t>0369283161</t>
  </si>
  <si>
    <t>2024-11-07-08.01.09.798698</t>
  </si>
  <si>
    <t>0357204186</t>
  </si>
  <si>
    <t>2024-09-16-18.49.40.011687</t>
  </si>
  <si>
    <t>0366702335</t>
  </si>
  <si>
    <t>2024-11-04-17.30.35.112581</t>
  </si>
  <si>
    <t>0373905540</t>
  </si>
  <si>
    <t>2024-04-23-08.07.57.560818</t>
  </si>
  <si>
    <t>0310201318</t>
  </si>
  <si>
    <t>2024-05-14-17.30.30.343662</t>
  </si>
  <si>
    <t>0396834593</t>
  </si>
  <si>
    <t>2024-08-12-17.30.31.598583</t>
  </si>
  <si>
    <t>0393000152</t>
  </si>
  <si>
    <t>2024-06-12-14.30.35.670466</t>
  </si>
  <si>
    <t>0343977462</t>
  </si>
  <si>
    <t>2024-11-01-08.08.48.118776</t>
  </si>
  <si>
    <t>0390291070</t>
  </si>
  <si>
    <t>2024-12-16-08.05.31.316407</t>
  </si>
  <si>
    <t>0346049940</t>
  </si>
  <si>
    <t>2024-07-15-17.30.36.510787</t>
  </si>
  <si>
    <t>0369520610</t>
  </si>
  <si>
    <t>2024-07-11-21.06.22.752518</t>
  </si>
  <si>
    <t>0383750280</t>
  </si>
  <si>
    <t>2024-08-07-17.30.30.338501</t>
  </si>
  <si>
    <t>0352096406</t>
  </si>
  <si>
    <t>2024-07-29-17.30.31.634652</t>
  </si>
  <si>
    <t>0356202877</t>
  </si>
  <si>
    <t>2024-05-14-17.30.30.343582</t>
  </si>
  <si>
    <t>0389890950</t>
  </si>
  <si>
    <t>2024-02-28-17.30.31.563324</t>
  </si>
  <si>
    <t>0385001826</t>
  </si>
  <si>
    <t>2024-11-12-17.30.32.612773</t>
  </si>
  <si>
    <t>0356300519</t>
  </si>
  <si>
    <t>2024-06-14-17.30.37.409029</t>
  </si>
  <si>
    <t>0367501834</t>
  </si>
  <si>
    <t>2024-08-06-17.30.30.223987</t>
  </si>
  <si>
    <t>0305200446</t>
  </si>
  <si>
    <t>2024-09-23-17.30.39.392005</t>
  </si>
  <si>
    <t>0378805294</t>
  </si>
  <si>
    <t>2024-05-24-08.09.44.139860</t>
  </si>
  <si>
    <t>0390803626</t>
  </si>
  <si>
    <t>2024-12-04-17.30.32.061491</t>
  </si>
  <si>
    <t>0313301913</t>
  </si>
  <si>
    <t>2024-03-15-17.30.32.033564</t>
  </si>
  <si>
    <t>0349748250</t>
  </si>
  <si>
    <t>2024-04-18-08.10.22.826995</t>
  </si>
  <si>
    <t>0312104648</t>
  </si>
  <si>
    <t>2024-06-21-17.30.31.770964</t>
  </si>
  <si>
    <t>0394800061</t>
  </si>
  <si>
    <t>2024-11-19-17.30.33.875218</t>
  </si>
  <si>
    <t>0362701650</t>
  </si>
  <si>
    <t>2024-01-02-17.30.32.133414</t>
  </si>
  <si>
    <t>2024-02-08-08.09.38.687486</t>
  </si>
  <si>
    <t>0370201893</t>
  </si>
  <si>
    <t>2024-04-25-17.30.31.225707</t>
  </si>
  <si>
    <t>0314602806</t>
  </si>
  <si>
    <t>2024-05-14-17.30.30.343592</t>
  </si>
  <si>
    <t>0369837090</t>
  </si>
  <si>
    <t>2024-10-30-14.48.17.892049</t>
  </si>
  <si>
    <t>0327066180</t>
  </si>
  <si>
    <t>2024-05-17-14.32.43.872538</t>
  </si>
  <si>
    <t>0355868133</t>
  </si>
  <si>
    <t>2024-03-15-17.30.32.033584</t>
  </si>
  <si>
    <t>0355000340</t>
  </si>
  <si>
    <t>2024-06-13-08.04.20.723009</t>
  </si>
  <si>
    <t>2024-07-05-17.30.36.003687</t>
  </si>
  <si>
    <t>0396149066</t>
  </si>
  <si>
    <t>2024-12-27-17.32.04.834592</t>
  </si>
  <si>
    <t>0339000966</t>
  </si>
  <si>
    <t>2024-04-26-17.30.32.110546</t>
  </si>
  <si>
    <t>0303803073</t>
  </si>
  <si>
    <t>2024-02-20-08.07.13.443138</t>
  </si>
  <si>
    <t>0383992101</t>
  </si>
  <si>
    <t>2024-02-02-17.30.35.524048</t>
  </si>
  <si>
    <t>2024-11-15-08.07.14.720959</t>
  </si>
  <si>
    <t>0318104232</t>
  </si>
  <si>
    <t>2024-12-26-17.30.32.252069</t>
  </si>
  <si>
    <t>0334305368</t>
  </si>
  <si>
    <t>2024-10-21-08.06.22.223562</t>
  </si>
  <si>
    <t>2024-10-30-17.30.30.005848</t>
  </si>
  <si>
    <t>0311600705</t>
  </si>
  <si>
    <t>2024-05-23-17.30.33.732940</t>
  </si>
  <si>
    <t>0361305542</t>
  </si>
  <si>
    <t>2024-06-03-17.30.41.249544</t>
  </si>
  <si>
    <t>0363041380</t>
  </si>
  <si>
    <t>2024-01-10-17.30.31.239815</t>
  </si>
  <si>
    <t>0379002906</t>
  </si>
  <si>
    <t>2024-07-02-17.30.32.069178</t>
  </si>
  <si>
    <t>0351000391</t>
  </si>
  <si>
    <t>2024-12-02-17.30.41.339129</t>
  </si>
  <si>
    <t>0357931690</t>
  </si>
  <si>
    <t>2024-12-13-17.30.33.101943</t>
  </si>
  <si>
    <t>2024-09-16-08.07.47.912442</t>
  </si>
  <si>
    <t>0304122240</t>
  </si>
  <si>
    <t>2024-01-04-17.30.34.488104</t>
  </si>
  <si>
    <t>0377998170</t>
  </si>
  <si>
    <t>2024-09-13-17.30.30.460362</t>
  </si>
  <si>
    <t>0360839601</t>
  </si>
  <si>
    <t>2024-10-10-17.30.26.749472</t>
  </si>
  <si>
    <t>0367500944</t>
  </si>
  <si>
    <t>2024-02-22-17.30.34.392957</t>
  </si>
  <si>
    <t>0395505577</t>
  </si>
  <si>
    <t>2024-07-05-17.30.36.003637</t>
  </si>
  <si>
    <t>0373100408</t>
  </si>
  <si>
    <t>2024-12-26-08.10.05.598932</t>
  </si>
  <si>
    <t>0301505700</t>
  </si>
  <si>
    <t>2024-07-22-08.05.24.050058</t>
  </si>
  <si>
    <t>0349075490</t>
  </si>
  <si>
    <t>2024-10-07-17.30.29.939933</t>
  </si>
  <si>
    <t>0348041020</t>
  </si>
  <si>
    <t>2024-03-08-17.30.33.466527</t>
  </si>
  <si>
    <t>0386451941</t>
  </si>
  <si>
    <t>2024-05-02-17.30.34.949378</t>
  </si>
  <si>
    <t>0374803713</t>
  </si>
  <si>
    <t>2024-05-09-17.30.35.107793</t>
  </si>
  <si>
    <t>2024-07-02-17.30.32.069308</t>
  </si>
  <si>
    <t>2024-11-27-08.06.41.700484</t>
  </si>
  <si>
    <t>0339903360</t>
  </si>
  <si>
    <t>2024-04-12-17.30.31.760212</t>
  </si>
  <si>
    <t>0373134500</t>
  </si>
  <si>
    <t>2024-10-30-14.48.17.892062</t>
  </si>
  <si>
    <t>0358702470</t>
  </si>
  <si>
    <t>2024-06-11-17.30.35.021655</t>
  </si>
  <si>
    <t>0332503172</t>
  </si>
  <si>
    <t>2024-10-17-17.30.36.224365</t>
  </si>
  <si>
    <t>0382303145</t>
  </si>
  <si>
    <t>2024-05-29-17.30.34.087642</t>
  </si>
  <si>
    <t>2024-04-05-17.30.34.908270</t>
  </si>
  <si>
    <t>0384404942</t>
  </si>
  <si>
    <t>2024-04-11-14.33.36.402570</t>
  </si>
  <si>
    <t>0355041942</t>
  </si>
  <si>
    <t>2024-11-19-17.30.33.875238</t>
  </si>
  <si>
    <t>0351468633</t>
  </si>
  <si>
    <t>2024-06-06-15.29.15.564803</t>
  </si>
  <si>
    <t>0398100891</t>
  </si>
  <si>
    <t>2024-04-10-17.30.32.840595</t>
  </si>
  <si>
    <t>0335801923</t>
  </si>
  <si>
    <t>2024-03-25-17.30.35.276852</t>
  </si>
  <si>
    <t>0337804410</t>
  </si>
  <si>
    <t>2024-11-14-17.30.32.165709</t>
  </si>
  <si>
    <t>0340900960</t>
  </si>
  <si>
    <t>2024-04-11-17.30.34.104412</t>
  </si>
  <si>
    <t>0358183875</t>
  </si>
  <si>
    <t>2024-12-17-17.30.31.181430</t>
  </si>
  <si>
    <t>0384802141</t>
  </si>
  <si>
    <t>2024-06-18-15.30.42.289243</t>
  </si>
  <si>
    <t>0301904524</t>
  </si>
  <si>
    <t>2024-10-04-14.28.25.656171</t>
  </si>
  <si>
    <t>0313487712</t>
  </si>
  <si>
    <t>2024-11-12-17.30.32.612733</t>
  </si>
  <si>
    <t>0368702521</t>
  </si>
  <si>
    <t>2024-11-08-17.30.31.257476</t>
  </si>
  <si>
    <t>0381900809</t>
  </si>
  <si>
    <t>2024-09-12-17.30.27.119769</t>
  </si>
  <si>
    <t>0384501521</t>
  </si>
  <si>
    <t>2024-10-28-17.30.35.053448</t>
  </si>
  <si>
    <t>0320000240</t>
  </si>
  <si>
    <t>2024-09-16-18.49.40.011707</t>
  </si>
  <si>
    <t>0302207823</t>
  </si>
  <si>
    <t>2024-09-03-17.30.42.480629</t>
  </si>
  <si>
    <t>0374548300</t>
  </si>
  <si>
    <t>2024-11-13-17.30.32.634289</t>
  </si>
  <si>
    <t>0393334655</t>
  </si>
  <si>
    <t>2024-10-28-08.07.11.772638</t>
  </si>
  <si>
    <t>0394500614</t>
  </si>
  <si>
    <t>2024-02-26-17.30.34.016310</t>
  </si>
  <si>
    <t>0354700802</t>
  </si>
  <si>
    <t>2024-09-26-17.30.30.778800</t>
  </si>
  <si>
    <t>0341604512</t>
  </si>
  <si>
    <t>2024-01-17-08.05.26.366125</t>
  </si>
  <si>
    <t>0385204239</t>
  </si>
  <si>
    <t>2024-09-16-18.49.40.011797</t>
  </si>
  <si>
    <t>0370405355</t>
  </si>
  <si>
    <t>2024-01-11-17.30.29.112041</t>
  </si>
  <si>
    <t>0322321130</t>
  </si>
  <si>
    <t>2024-10-29-14.47.33.313022</t>
  </si>
  <si>
    <t>0310200602</t>
  </si>
  <si>
    <t>2024-03-28-17.30.35.273696</t>
  </si>
  <si>
    <t>0348000066</t>
  </si>
  <si>
    <t>2024-12-02-08.07.26.971996</t>
  </si>
  <si>
    <t>0396905133</t>
  </si>
  <si>
    <t>2024-09-25-17.30.33.195809</t>
  </si>
  <si>
    <t>0351600368</t>
  </si>
  <si>
    <t>2024-07-25-17.30.27.463101</t>
  </si>
  <si>
    <t>0304904132</t>
  </si>
  <si>
    <t>2024-01-08-08.06.00.909474</t>
  </si>
  <si>
    <t>0390302645</t>
  </si>
  <si>
    <t>2024-06-21-17.30.31.770924</t>
  </si>
  <si>
    <t>0378805440</t>
  </si>
  <si>
    <t>2024-02-27-17.30.31.779619</t>
  </si>
  <si>
    <t>0374806520</t>
  </si>
  <si>
    <t>2024-01-17-17.30.32.353305</t>
  </si>
  <si>
    <t>0326904542</t>
  </si>
  <si>
    <t>2024-09-12-17.30.27.119749</t>
  </si>
  <si>
    <t>0352700036</t>
  </si>
  <si>
    <t>2024-01-25-17.30.30.942396</t>
  </si>
  <si>
    <t>0337805401</t>
  </si>
  <si>
    <t>2024-02-26-08.06.52.909082</t>
  </si>
  <si>
    <t>0394738982</t>
  </si>
  <si>
    <t>2024-03-26-17.30.31.236037</t>
  </si>
  <si>
    <t>0355246504</t>
  </si>
  <si>
    <t>2024-10-03-17.30.31.916604</t>
  </si>
  <si>
    <t>0329100723</t>
  </si>
  <si>
    <t>2024-09-27-17.38.12.787686</t>
  </si>
  <si>
    <t>0371704200</t>
  </si>
  <si>
    <t>2024-02-22-17.30.34.392967</t>
  </si>
  <si>
    <t>0300700392</t>
  </si>
  <si>
    <t>2024-08-23-17.30.35.619864</t>
  </si>
  <si>
    <t>0397505407</t>
  </si>
  <si>
    <t>2024-06-26-08.09.33.404639</t>
  </si>
  <si>
    <t>0300570292</t>
  </si>
  <si>
    <t>2024-06-20-17.30.28.778771</t>
  </si>
  <si>
    <t>0359405340</t>
  </si>
  <si>
    <t>2024-06-13-17.30.33.898499</t>
  </si>
  <si>
    <t>2024-02-21-17.30.29.461003</t>
  </si>
  <si>
    <t>0349401741</t>
  </si>
  <si>
    <t>2024-02-15-17.30.37.685883</t>
  </si>
  <si>
    <t>0389904780</t>
  </si>
  <si>
    <t>2024-05-21-17.30.28.634697</t>
  </si>
  <si>
    <t>0328005036</t>
  </si>
  <si>
    <t>2024-10-22-17.30.28.717578</t>
  </si>
  <si>
    <t>0325919220</t>
  </si>
  <si>
    <t>2024-03-07-08.09.07.265860</t>
  </si>
  <si>
    <t>2024-07-31-17.30.29.480129</t>
  </si>
  <si>
    <t>0309404751</t>
  </si>
  <si>
    <t>2024-07-30-17.30.27.809985</t>
  </si>
  <si>
    <t>0364303205</t>
  </si>
  <si>
    <t>2024-10-31-17.30.35.777129</t>
  </si>
  <si>
    <t>2024-07-18-17.30.31.245344</t>
  </si>
  <si>
    <t>0330500240</t>
  </si>
  <si>
    <t>2024-06-17-08.24.48.798710</t>
  </si>
  <si>
    <t>0351004694</t>
  </si>
  <si>
    <t>2024-07-23-17.30.32.180241</t>
  </si>
  <si>
    <t>0332254039</t>
  </si>
  <si>
    <t>2024-01-03-17.30.34.376063</t>
  </si>
  <si>
    <t>2024-08-29-17.30.32.842880</t>
  </si>
  <si>
    <t>0351800074</t>
  </si>
  <si>
    <t>2024-10-01-08.07.49.793787</t>
  </si>
  <si>
    <t>0334002720</t>
  </si>
  <si>
    <t>2024-01-08-08.06.00.910294</t>
  </si>
  <si>
    <t>0327837553</t>
  </si>
  <si>
    <t>2024-05-01-17.30.33.868308</t>
  </si>
  <si>
    <t>0310702309</t>
  </si>
  <si>
    <t>2024-12-16-17.30.29.422776</t>
  </si>
  <si>
    <t>2024-06-14-08.08.43.461610</t>
  </si>
  <si>
    <t>0361303147</t>
  </si>
  <si>
    <t>2024-10-21-17.30.34.016128</t>
  </si>
  <si>
    <t>0330904711</t>
  </si>
  <si>
    <t>2024-11-14-17.30.32.165719</t>
  </si>
  <si>
    <t>0365510857</t>
  </si>
  <si>
    <t>2024-07-11-21.06.22.752508</t>
  </si>
  <si>
    <t>2024-04-29-08.07.55.195186</t>
  </si>
  <si>
    <t>0338028050</t>
  </si>
  <si>
    <t>2024-02-09-08.07.09.631786</t>
  </si>
  <si>
    <t>0324207844</t>
  </si>
  <si>
    <t>2024-01-05-17.30.33.251966</t>
  </si>
  <si>
    <t>0386451940</t>
  </si>
  <si>
    <t>2024-01-03-17.30.34.376083</t>
  </si>
  <si>
    <t>0373301100</t>
  </si>
  <si>
    <t>2024-11-26-08.16.47.145873</t>
  </si>
  <si>
    <t>0327500306</t>
  </si>
  <si>
    <t>2024-02-29-08.10.08.429343</t>
  </si>
  <si>
    <t>0399004023</t>
  </si>
  <si>
    <t>2024-04-11-17.30.34.104312</t>
  </si>
  <si>
    <t>0312905469</t>
  </si>
  <si>
    <t>2024-10-15-17.30.32.255187</t>
  </si>
  <si>
    <t>0386502005</t>
  </si>
  <si>
    <t>2024-06-10-17.30.33.037726</t>
  </si>
  <si>
    <t>0317658040</t>
  </si>
  <si>
    <t>2024-09-30-17.30.39.689236</t>
  </si>
  <si>
    <t>0347310230</t>
  </si>
  <si>
    <t>2024-08-09-17.30.34.700133</t>
  </si>
  <si>
    <t>0300800432</t>
  </si>
  <si>
    <t>2024-08-13-08.08.27.385046</t>
  </si>
  <si>
    <t>0303329283</t>
  </si>
  <si>
    <t>2024-07-03-17.30.34.380790</t>
  </si>
  <si>
    <t>2024-06-26-08.09.33.404669</t>
  </si>
  <si>
    <t>0353900581</t>
  </si>
  <si>
    <t>2024-07-10-17.30.35.009261</t>
  </si>
  <si>
    <t>0390401673</t>
  </si>
  <si>
    <t>2024-11-20-17.30.31.540140</t>
  </si>
  <si>
    <t>0312001262</t>
  </si>
  <si>
    <t>2024-06-27-17.30.29.212537</t>
  </si>
  <si>
    <t>0386103946</t>
  </si>
  <si>
    <t>2024-05-31-17.30.32.240583</t>
  </si>
  <si>
    <t>0339103651</t>
  </si>
  <si>
    <t>2024-11-27-17.30.32.626023</t>
  </si>
  <si>
    <t>0385663004</t>
  </si>
  <si>
    <t>2024-12-17-17.30.31.181490</t>
  </si>
  <si>
    <t>0313657473</t>
  </si>
  <si>
    <t>2024-01-31-17.30.27.948547</t>
  </si>
  <si>
    <t>2024-07-19-17.30.30.334044</t>
  </si>
  <si>
    <t>0377904510</t>
  </si>
  <si>
    <t>2024-08-07-17.30.30.338351</t>
  </si>
  <si>
    <t>0344801670</t>
  </si>
  <si>
    <t>2024-12-06-17.30.30.263841</t>
  </si>
  <si>
    <t>0318141060</t>
  </si>
  <si>
    <t>2024-06-07-17.30.28.663780</t>
  </si>
  <si>
    <t>0318801455</t>
  </si>
  <si>
    <t>2024-03-01-17.30.32.887989</t>
  </si>
  <si>
    <t>0359302130</t>
  </si>
  <si>
    <t>2024-02-05-19.19.56.786188</t>
  </si>
  <si>
    <t>0345716440</t>
  </si>
  <si>
    <t>2024-06-27-17.30.29.212547</t>
  </si>
  <si>
    <t>2024-01-05-08.06.42.145506</t>
  </si>
  <si>
    <t>0399405603</t>
  </si>
  <si>
    <t>2024-12-13-17.30.33.101863</t>
  </si>
  <si>
    <t>0307551520</t>
  </si>
  <si>
    <t>2024-01-23-17.30.28.920890</t>
  </si>
  <si>
    <t>0324303095</t>
  </si>
  <si>
    <t>2024-08-09-17.30.34.700163</t>
  </si>
  <si>
    <t>0382701271</t>
  </si>
  <si>
    <t>2024-01-25-14.50.40.213059</t>
  </si>
  <si>
    <t>0300604912</t>
  </si>
  <si>
    <t>2024-12-11-08.06.54.955734</t>
  </si>
  <si>
    <t>0346302327</t>
  </si>
  <si>
    <t>2024-05-08-17.30.33.270449</t>
  </si>
  <si>
    <t>0336401229</t>
  </si>
  <si>
    <t>2024-11-04-17.30.35.112391</t>
  </si>
  <si>
    <t>0367105143</t>
  </si>
  <si>
    <t>2024-12-26-17.30.32.252029</t>
  </si>
  <si>
    <t>0393602773</t>
  </si>
  <si>
    <t>2024-11-21-17.30.32.282049</t>
  </si>
  <si>
    <t>0301700705</t>
  </si>
  <si>
    <t>2024-12-17-17.30.31.181460</t>
  </si>
  <si>
    <t>0322805653</t>
  </si>
  <si>
    <t>2024-09-19-17.30.33.967404</t>
  </si>
  <si>
    <t>0300210143</t>
  </si>
  <si>
    <t>2024-05-23-17.30.33.732930</t>
  </si>
  <si>
    <t>0353201826</t>
  </si>
  <si>
    <t>2024-04-04-17.30.36.750275</t>
  </si>
  <si>
    <t>0325233787</t>
  </si>
  <si>
    <t>2024-03-12-17.30.30.888584</t>
  </si>
  <si>
    <t>0313904461</t>
  </si>
  <si>
    <t>2024-10-15-17.30.32.255117</t>
  </si>
  <si>
    <t>0316600344</t>
  </si>
  <si>
    <t>2024-04-26-08.09.19.295319</t>
  </si>
  <si>
    <t>0369700983</t>
  </si>
  <si>
    <t>2024-07-25-08.10.36.738291</t>
  </si>
  <si>
    <t>0327401580</t>
  </si>
  <si>
    <t>2024-07-03-17.30.34.380570</t>
  </si>
  <si>
    <t>0301990070</t>
  </si>
  <si>
    <t>2024-09-10-17.30.33.500877</t>
  </si>
  <si>
    <t>2024-12-26-17.30.32.252059</t>
  </si>
  <si>
    <t>0319328820</t>
  </si>
  <si>
    <t>2024-11-15-17.30.32.580939</t>
  </si>
  <si>
    <t>0363039620</t>
  </si>
  <si>
    <t>2024-05-23-17.30.33.732900</t>
  </si>
  <si>
    <t>0316903331</t>
  </si>
  <si>
    <t>2024-08-08-17.48.21.453496</t>
  </si>
  <si>
    <t>0319700375</t>
  </si>
  <si>
    <t>2024-10-25-17.30.30.767166</t>
  </si>
  <si>
    <t>0338236773</t>
  </si>
  <si>
    <t>2024-11-20-17.30.31.540150</t>
  </si>
  <si>
    <t>0367504641</t>
  </si>
  <si>
    <t>2024-11-07-17.30.33.181693</t>
  </si>
  <si>
    <t>0329001391</t>
  </si>
  <si>
    <t>2024-06-10-17.30.33.037646</t>
  </si>
  <si>
    <t>0364601041</t>
  </si>
  <si>
    <t>2024-10-17-17.30.36.224385</t>
  </si>
  <si>
    <t>0369000132</t>
  </si>
  <si>
    <t>2024-10-03-17.30.31.916694</t>
  </si>
  <si>
    <t>0330905378</t>
  </si>
  <si>
    <t>2024-10-21-14.51.16.353733</t>
  </si>
  <si>
    <t>0379200604</t>
  </si>
  <si>
    <t>2024-01-25-17.30.30.942456</t>
  </si>
  <si>
    <t>2024-05-16-17.30.35.217770</t>
  </si>
  <si>
    <t>0331017480</t>
  </si>
  <si>
    <t>2024-12-30-08.10.43.649956</t>
  </si>
  <si>
    <t>0302801737</t>
  </si>
  <si>
    <t>2024-11-01-17.30.33.597154</t>
  </si>
  <si>
    <t>0321727300</t>
  </si>
  <si>
    <t>2024-04-02-17.30.34.288437</t>
  </si>
  <si>
    <t>0397492150</t>
  </si>
  <si>
    <t>2024-09-16-08.07.47.911722</t>
  </si>
  <si>
    <t>0314797902</t>
  </si>
  <si>
    <t>2024-12-02-08.07.26.969916</t>
  </si>
  <si>
    <t>2024-10-28-08.07.11.772998</t>
  </si>
  <si>
    <t>0397600022</t>
  </si>
  <si>
    <t>2024-02-29-17.30.29.727276</t>
  </si>
  <si>
    <t>2024-02-29-08.10.08.429293</t>
  </si>
  <si>
    <t>0336906571</t>
  </si>
  <si>
    <t>2024-04-01-17.30.41.784953</t>
  </si>
  <si>
    <t>0394600217</t>
  </si>
  <si>
    <t>2024-11-13-17.30.32.634349</t>
  </si>
  <si>
    <t>0331100706</t>
  </si>
  <si>
    <t>2024-12-27-17.32.04.834622</t>
  </si>
  <si>
    <t>2024-04-22-17.30.36.950305</t>
  </si>
  <si>
    <t>0388300710</t>
  </si>
  <si>
    <t>2024-05-23-17.30.33.732950</t>
  </si>
  <si>
    <t>2024-06-11-17.30.35.021785</t>
  </si>
  <si>
    <t>0317100061</t>
  </si>
  <si>
    <t>2024-05-29-17.30.34.087742</t>
  </si>
  <si>
    <t>0310904820</t>
  </si>
  <si>
    <t>2024-04-17-17.30.29.783089</t>
  </si>
  <si>
    <t>0372834430</t>
  </si>
  <si>
    <t>2024-02-07-17.30.33.362253</t>
  </si>
  <si>
    <t>0347710490</t>
  </si>
  <si>
    <t>2024-03-04-17.30.38.516561</t>
  </si>
  <si>
    <t>0391206606</t>
  </si>
  <si>
    <t>2024-03-22-17.30.33.445668</t>
  </si>
  <si>
    <t>0345903122</t>
  </si>
  <si>
    <t>2024-01-05-08.06.42.146456</t>
  </si>
  <si>
    <t>0352841750</t>
  </si>
  <si>
    <t>2024-06-20-17.30.28.778801</t>
  </si>
  <si>
    <t>0369402420</t>
  </si>
  <si>
    <t>2024-10-24-17.30.36.606489</t>
  </si>
  <si>
    <t>2024-02-05-19.19.56.786198</t>
  </si>
  <si>
    <t>0348704341</t>
  </si>
  <si>
    <t>2024-09-12-17.30.27.119709</t>
  </si>
  <si>
    <t>0367226350</t>
  </si>
  <si>
    <t>2024-11-19-14.28.45.319306</t>
  </si>
  <si>
    <t>2024-04-23-17.30.29.737316</t>
  </si>
  <si>
    <t>0328105594</t>
  </si>
  <si>
    <t>2024-08-29-14.28.25.150171</t>
  </si>
  <si>
    <t>0313244517</t>
  </si>
  <si>
    <t>2024-12-23-17.30.33.694347</t>
  </si>
  <si>
    <t>0379008720</t>
  </si>
  <si>
    <t>2024-11-22-17.30.29.950111</t>
  </si>
  <si>
    <t>0315827510</t>
  </si>
  <si>
    <t>2024-02-26-08.06.52.908072</t>
  </si>
  <si>
    <t>2024-11-11-08.56.19.308989</t>
  </si>
  <si>
    <t>0348100916</t>
  </si>
  <si>
    <t>2024-11-21-17.30.32.282069</t>
  </si>
  <si>
    <t>0347104688</t>
  </si>
  <si>
    <t>2024-11-20-17.30.31.540220</t>
  </si>
  <si>
    <t>2024-11-15-17.30.32.580989</t>
  </si>
  <si>
    <t>2024-07-24-17.30.27.405291</t>
  </si>
  <si>
    <t>0327532911</t>
  </si>
  <si>
    <t>2024-06-21-14.30.36.987595</t>
  </si>
  <si>
    <t>0330102914</t>
  </si>
  <si>
    <t>2024-04-03-17.30.34.731992</t>
  </si>
  <si>
    <t>0388695500</t>
  </si>
  <si>
    <t>2024-04-10-17.30.32.840585</t>
  </si>
  <si>
    <t>0387200622</t>
  </si>
  <si>
    <t>2024-12-26-17.30.32.251909</t>
  </si>
  <si>
    <t>0370170690</t>
  </si>
  <si>
    <t>2024-05-13-17.30.37.613995</t>
  </si>
  <si>
    <t>0373903861</t>
  </si>
  <si>
    <t>2024-12-13-17.30.33.102023</t>
  </si>
  <si>
    <t>0359805300</t>
  </si>
  <si>
    <t>2024-09-17-08.06.26.006176</t>
  </si>
  <si>
    <t>0360365000</t>
  </si>
  <si>
    <t>2024-10-18-17.30.35.012504</t>
  </si>
  <si>
    <t>2024-12-02-17.30.41.339069</t>
  </si>
  <si>
    <t>0303492590</t>
  </si>
  <si>
    <t>2024-04-29-17.30.36.032015</t>
  </si>
  <si>
    <t>0319502555</t>
  </si>
  <si>
    <t>2024-11-05-17.30.31.764217</t>
  </si>
  <si>
    <t>0324605106</t>
  </si>
  <si>
    <t>2024-07-22-17.30.32.953264</t>
  </si>
  <si>
    <t>0368947129</t>
  </si>
  <si>
    <t>2024-07-30-17.30.27.809995</t>
  </si>
  <si>
    <t>0358595190</t>
  </si>
  <si>
    <t>2024-08-29-17.30.32.842830</t>
  </si>
  <si>
    <t>0332884222</t>
  </si>
  <si>
    <t>2024-07-11-21.06.22.752538</t>
  </si>
  <si>
    <t>0369156711</t>
  </si>
  <si>
    <t>2024-06-21-17.30.31.771004</t>
  </si>
  <si>
    <t>0310868912</t>
  </si>
  <si>
    <t>2024-12-04-17.30.32.061501</t>
  </si>
  <si>
    <t>2024-05-13-17.30.37.614015</t>
  </si>
  <si>
    <t>0302043120</t>
  </si>
  <si>
    <t>2024-06-11-17.30.35.021605</t>
  </si>
  <si>
    <t>0343201292</t>
  </si>
  <si>
    <t>2024-09-25-17.30.33.195829</t>
  </si>
  <si>
    <t>0352601765</t>
  </si>
  <si>
    <t>2024-09-03-17.30.42.480619</t>
  </si>
  <si>
    <t>0331164491</t>
  </si>
  <si>
    <t>2024-04-18-17.30.30.807212</t>
  </si>
  <si>
    <t>0302903466</t>
  </si>
  <si>
    <t>2024-11-18-17.30.30.883595</t>
  </si>
  <si>
    <t>0380939744</t>
  </si>
  <si>
    <t>2024-02-23-08.07.41.703893</t>
  </si>
  <si>
    <t>2024-09-03-17.30.42.480699</t>
  </si>
  <si>
    <t>0310327432</t>
  </si>
  <si>
    <t>2024-02-20-08.07.13.442548</t>
  </si>
  <si>
    <t>0369085088</t>
  </si>
  <si>
    <t>2024-05-03-17.30.35.056394</t>
  </si>
  <si>
    <t>0362300936</t>
  </si>
  <si>
    <t>2024-10-15-08.08.09.405094</t>
  </si>
  <si>
    <t>2024-12-05-17.30.33.162965</t>
  </si>
  <si>
    <t>0326402094</t>
  </si>
  <si>
    <t>2024-11-13-17.30.32.634339</t>
  </si>
  <si>
    <t>0387389097</t>
  </si>
  <si>
    <t>2024-12-23-17.30.33.694387</t>
  </si>
  <si>
    <t>0344627022</t>
  </si>
  <si>
    <t>2024-05-17-17.30.32.751803</t>
  </si>
  <si>
    <t>0358002120</t>
  </si>
  <si>
    <t>2024-04-08-08.06.16.239260</t>
  </si>
  <si>
    <t>0364000144</t>
  </si>
  <si>
    <t>2024-10-11-17.30.35.096530</t>
  </si>
  <si>
    <t>2024-04-01-17.30.41.784773</t>
  </si>
  <si>
    <t>0362201820</t>
  </si>
  <si>
    <t>2024-09-12-08.12.45.993943</t>
  </si>
  <si>
    <t>0335439270</t>
  </si>
  <si>
    <t>2024-12-03-17.30.28.886771</t>
  </si>
  <si>
    <t>0318301294</t>
  </si>
  <si>
    <t>2024-02-29-17.30.29.727326</t>
  </si>
  <si>
    <t>0372857133</t>
  </si>
  <si>
    <t>2024-02-20-17.30.28.672109</t>
  </si>
  <si>
    <t>0396903635</t>
  </si>
  <si>
    <t>2024-07-03-17.30.34.380720</t>
  </si>
  <si>
    <t>0316903332</t>
  </si>
  <si>
    <t>2024-10-25-17.30.30.767216</t>
  </si>
  <si>
    <t>0323800151</t>
  </si>
  <si>
    <t>2024-03-01-17.30.32.888019</t>
  </si>
  <si>
    <t>0307605062</t>
  </si>
  <si>
    <t>2024-07-25-17.30.27.463141</t>
  </si>
  <si>
    <t>0381402690</t>
  </si>
  <si>
    <t>2024-03-11-17.30.38.885834</t>
  </si>
  <si>
    <t>0307502674</t>
  </si>
  <si>
    <t>2024-04-30-17.30.34.478505</t>
  </si>
  <si>
    <t>0304001495</t>
  </si>
  <si>
    <t>2024-06-13-17.30.33.898599</t>
  </si>
  <si>
    <t>0325900895</t>
  </si>
  <si>
    <t>2024-09-19-14.29.43.226978</t>
  </si>
  <si>
    <t>0370423511</t>
  </si>
  <si>
    <t>2024-07-12-08.07.52.958992</t>
  </si>
  <si>
    <t>0392625315</t>
  </si>
  <si>
    <t>2024-03-14-17.30.32.752390</t>
  </si>
  <si>
    <t>0377999521</t>
  </si>
  <si>
    <t>2024-08-14-17.30.29.737279</t>
  </si>
  <si>
    <t>0337341791</t>
  </si>
  <si>
    <t>2024-08-19-17.30.33.087006</t>
  </si>
  <si>
    <t>0350400821</t>
  </si>
  <si>
    <t>2024-11-21-17.30.32.282059</t>
  </si>
  <si>
    <t>0353302230</t>
  </si>
  <si>
    <t>2024-10-29-17.30.30.770861</t>
  </si>
  <si>
    <t>0346600013</t>
  </si>
  <si>
    <t>2024-07-15-15.51.07.041820</t>
  </si>
  <si>
    <t>0334514823</t>
  </si>
  <si>
    <t>2024-06-27-17.30.29.212587</t>
  </si>
  <si>
    <t>0365836820</t>
  </si>
  <si>
    <t>2024-04-09-17.30.31.759531</t>
  </si>
  <si>
    <t>0394116571</t>
  </si>
  <si>
    <t>2024-03-28-17.30.35.273716</t>
  </si>
  <si>
    <t>2024-01-12-17.30.30.074102</t>
  </si>
  <si>
    <t>0319302112</t>
  </si>
  <si>
    <t>2024-04-05-17.30.34.908250</t>
  </si>
  <si>
    <t>0391654391</t>
  </si>
  <si>
    <t>2024-06-10-17.30.33.037576</t>
  </si>
  <si>
    <t>0362504791</t>
  </si>
  <si>
    <t>2024-12-05-17.30.33.163055</t>
  </si>
  <si>
    <t>0383597085</t>
  </si>
  <si>
    <t>2024-05-30-17.30.28.196337</t>
  </si>
  <si>
    <t>0311105521</t>
  </si>
  <si>
    <t>2024-04-29-17.30.36.032135</t>
  </si>
  <si>
    <t>2024-07-02-17.30.32.069258</t>
  </si>
  <si>
    <t>2024-06-06-17.30.32.161073</t>
  </si>
  <si>
    <t>0345601481</t>
  </si>
  <si>
    <t>2024-08-19-17.30.33.087116</t>
  </si>
  <si>
    <t>0323102280</t>
  </si>
  <si>
    <t>2024-09-06-17.30.31.468508</t>
  </si>
  <si>
    <t>0350561867</t>
  </si>
  <si>
    <t>2024-11-12-17.30.32.612783</t>
  </si>
  <si>
    <t>0383839024</t>
  </si>
  <si>
    <t>2024-12-09-17.30.36.307285</t>
  </si>
  <si>
    <t>0386605772</t>
  </si>
  <si>
    <t>2024-08-21-14.49.56.398802</t>
  </si>
  <si>
    <t>0348005706</t>
  </si>
  <si>
    <t>2024-07-24-17.30.27.405271</t>
  </si>
  <si>
    <t>0339886269</t>
  </si>
  <si>
    <t>2024-05-17-08.07.07.432613</t>
  </si>
  <si>
    <t>0318604744</t>
  </si>
  <si>
    <t>2024-12-04-17.30.32.061541</t>
  </si>
  <si>
    <t>0386401874</t>
  </si>
  <si>
    <t>2024-04-09-17.30.31.759601</t>
  </si>
  <si>
    <t>0368903755</t>
  </si>
  <si>
    <t>2024-08-05-17.30.38.234983</t>
  </si>
  <si>
    <t>0329701769</t>
  </si>
  <si>
    <t>2024-12-13-17.30.33.101873</t>
  </si>
  <si>
    <t>2024-03-20-17.30.31.474726</t>
  </si>
  <si>
    <t>0385701225</t>
  </si>
  <si>
    <t>2024-07-30-08.08.02.469845</t>
  </si>
  <si>
    <t>0350801795</t>
  </si>
  <si>
    <t>2024-10-07-17.30.29.939903</t>
  </si>
  <si>
    <t>0385603410</t>
  </si>
  <si>
    <t>2024-10-18-17.30.35.012444</t>
  </si>
  <si>
    <t>0342303338</t>
  </si>
  <si>
    <t>2024-09-16-18.49.40.011677</t>
  </si>
  <si>
    <t>0313003980</t>
  </si>
  <si>
    <t>2024-04-01-08.07.20.193100</t>
  </si>
  <si>
    <t>0311907965</t>
  </si>
  <si>
    <t>2024-07-03-17.30.34.380710</t>
  </si>
  <si>
    <t>2024-08-20-07.03.26.690256</t>
  </si>
  <si>
    <t>0338361130</t>
  </si>
  <si>
    <t>2024-04-05-17.30.34.908200</t>
  </si>
  <si>
    <t>2024-01-02-17.30.32.133434</t>
  </si>
  <si>
    <t>0353518620</t>
  </si>
  <si>
    <t>2024-05-28-17.30.37.882693</t>
  </si>
  <si>
    <t>0383902216</t>
  </si>
  <si>
    <t>2024-12-02-17.30.41.339179</t>
  </si>
  <si>
    <t>0337078115</t>
  </si>
  <si>
    <t>2024-12-02-17.30.41.338999</t>
  </si>
  <si>
    <t>0354276254</t>
  </si>
  <si>
    <t>2024-09-25-17.30.33.195779</t>
  </si>
  <si>
    <t>2024-06-14-17.30.37.409049</t>
  </si>
  <si>
    <t>0334901473</t>
  </si>
  <si>
    <t>2024-08-01-14.49.03.709326</t>
  </si>
  <si>
    <t>0394800002</t>
  </si>
  <si>
    <t>2024-03-22-17.30.33.445728</t>
  </si>
  <si>
    <t>0320384841</t>
  </si>
  <si>
    <t>2024-09-23-17.30.39.391955</t>
  </si>
  <si>
    <t>0348400920</t>
  </si>
  <si>
    <t>2024-11-01-17.30.33.597184</t>
  </si>
  <si>
    <t>0367300331</t>
  </si>
  <si>
    <t>2024-06-20-17.30.28.778811</t>
  </si>
  <si>
    <t>2024-05-29-17.30.34.087712</t>
  </si>
  <si>
    <t>0343118793</t>
  </si>
  <si>
    <t>2024-02-20-17.30.28.672119</t>
  </si>
  <si>
    <t>0358075313</t>
  </si>
  <si>
    <t>2024-09-11-17.30.28.629490</t>
  </si>
  <si>
    <t>0397901073</t>
  </si>
  <si>
    <t>2024-04-03-17.30.34.731972</t>
  </si>
  <si>
    <t>0358101512</t>
  </si>
  <si>
    <t>2024-10-21-17.30.34.016078</t>
  </si>
  <si>
    <t>0322803851</t>
  </si>
  <si>
    <t>2024-04-15-08.07.25.332795</t>
  </si>
  <si>
    <t>2024-01-31-08.07.38.288649</t>
  </si>
  <si>
    <t>0344105040</t>
  </si>
  <si>
    <t>2024-10-29-17.30.30.770851</t>
  </si>
  <si>
    <t>0301300019</t>
  </si>
  <si>
    <t>2024-03-06-17.30.29.705480</t>
  </si>
  <si>
    <t>0349633351</t>
  </si>
  <si>
    <t>2024-07-12-17.30.34.245653</t>
  </si>
  <si>
    <t>0346715450</t>
  </si>
  <si>
    <t>2024-05-06-19.32.23.410908</t>
  </si>
  <si>
    <t>0375001634</t>
  </si>
  <si>
    <t>2024-01-02-17.30.32.133334</t>
  </si>
  <si>
    <t>0376944934</t>
  </si>
  <si>
    <t>2024-10-24-17.30.36.606379</t>
  </si>
  <si>
    <t>0341601118</t>
  </si>
  <si>
    <t>2024-07-03-17.30.34.380650</t>
  </si>
  <si>
    <t>0354829600</t>
  </si>
  <si>
    <t>2024-06-07-17.30.28.663840</t>
  </si>
  <si>
    <t>2024-03-13-17.30.32.949361</t>
  </si>
  <si>
    <t>0385582854</t>
  </si>
  <si>
    <t>2024-03-01-17.30.32.887939</t>
  </si>
  <si>
    <t>0360129310</t>
  </si>
  <si>
    <t>2024-11-21-17.30.32.281979</t>
  </si>
  <si>
    <t>0364100841</t>
  </si>
  <si>
    <t>2024-03-20-17.30.31.474666</t>
  </si>
  <si>
    <t>0349749231</t>
  </si>
  <si>
    <t>2024-08-06-17.30.30.223887</t>
  </si>
  <si>
    <t>0399859101</t>
  </si>
  <si>
    <t>2024-08-28-17.30.28.527484</t>
  </si>
  <si>
    <t>0338600280</t>
  </si>
  <si>
    <t>2024-07-02-17.30.32.069098</t>
  </si>
  <si>
    <t>0332504942</t>
  </si>
  <si>
    <t>2024-11-26-17.30.31.172675</t>
  </si>
  <si>
    <t>2024-03-13-17.30.32.949411</t>
  </si>
  <si>
    <t>0365802091</t>
  </si>
  <si>
    <t>2024-07-08-17.30.31.535745</t>
  </si>
  <si>
    <t>2024-01-03-17.30.34.376133</t>
  </si>
  <si>
    <t>0331800422</t>
  </si>
  <si>
    <t>2024-02-14-17.30.32.792394</t>
  </si>
  <si>
    <t>0392003778</t>
  </si>
  <si>
    <t>2024-07-15-17.30.36.510587</t>
  </si>
  <si>
    <t>0360603215</t>
  </si>
  <si>
    <t>2024-12-20-17.30.33.534209</t>
  </si>
  <si>
    <t>0318900450</t>
  </si>
  <si>
    <t>2024-07-31-17.30.29.480009</t>
  </si>
  <si>
    <t>0338494690</t>
  </si>
  <si>
    <t>2024-09-11-17.30.28.629570</t>
  </si>
  <si>
    <t>0370865570</t>
  </si>
  <si>
    <t>2024-10-10-17.30.26.749392</t>
  </si>
  <si>
    <t>2024-01-31-17.30.27.948537</t>
  </si>
  <si>
    <t>0330801661</t>
  </si>
  <si>
    <t>2024-02-23-17.30.30.285154</t>
  </si>
  <si>
    <t>0373141021</t>
  </si>
  <si>
    <t>2024-07-15-17.30.36.510767</t>
  </si>
  <si>
    <t>0308100095</t>
  </si>
  <si>
    <t>2024-08-29-17.30.32.842820</t>
  </si>
  <si>
    <t>0364305450</t>
  </si>
  <si>
    <t>2024-10-23-14.28.41.853468</t>
  </si>
  <si>
    <t>0371100781</t>
  </si>
  <si>
    <t>2024-02-07-17.30.33.362343</t>
  </si>
  <si>
    <t>0302990650</t>
  </si>
  <si>
    <t>2024-11-06-17.30.33.649150</t>
  </si>
  <si>
    <t>0366903697</t>
  </si>
  <si>
    <t>2024-07-02-17.30.32.069208</t>
  </si>
  <si>
    <t>0318369142</t>
  </si>
  <si>
    <t>2024-07-25-17.30.27.463231</t>
  </si>
  <si>
    <t>0326805092</t>
  </si>
  <si>
    <t>2024-08-23-17.30.35.619874</t>
  </si>
  <si>
    <t>2024-09-30-17.30.39.689276</t>
  </si>
  <si>
    <t>0353701164</t>
  </si>
  <si>
    <t>2024-04-15-17.30.31.718490</t>
  </si>
  <si>
    <t>0331402681</t>
  </si>
  <si>
    <t>2024-06-05-17.30.35.468538</t>
  </si>
  <si>
    <t>0361300920</t>
  </si>
  <si>
    <t>2024-04-22-17.30.36.950255</t>
  </si>
  <si>
    <t>0309037543</t>
  </si>
  <si>
    <t>2024-07-03-17.30.34.380590</t>
  </si>
  <si>
    <t>0366196900</t>
  </si>
  <si>
    <t>2024-10-30-08.06.17.638414</t>
  </si>
  <si>
    <t>0315101197</t>
  </si>
  <si>
    <t>2024-11-06-17.30.33.649210</t>
  </si>
  <si>
    <t>0353902622</t>
  </si>
  <si>
    <t>2024-09-04-17.30.33.152591</t>
  </si>
  <si>
    <t>0341900849</t>
  </si>
  <si>
    <t>2024-12-18-08.02.54.802810</t>
  </si>
  <si>
    <t>0384397121</t>
  </si>
  <si>
    <t>2024-04-18-17.30.30.807232</t>
  </si>
  <si>
    <t>0313769241</t>
  </si>
  <si>
    <t>2024-04-24-17.30.34.651097</t>
  </si>
  <si>
    <t>0327402093</t>
  </si>
  <si>
    <t>2024-09-13-08.07.13.201452</t>
  </si>
  <si>
    <t>0386825312</t>
  </si>
  <si>
    <t>2024-06-28-17.30.29.382945</t>
  </si>
  <si>
    <t>0390901604</t>
  </si>
  <si>
    <t>2024-03-25-17.30.35.276862</t>
  </si>
  <si>
    <t>0307526620</t>
  </si>
  <si>
    <t>2024-06-11-17.30.35.021685</t>
  </si>
  <si>
    <t>0332000726</t>
  </si>
  <si>
    <t>2024-09-09-17.30.32.019788</t>
  </si>
  <si>
    <t>0368792780</t>
  </si>
  <si>
    <t>2024-08-12-17.30.31.598463</t>
  </si>
  <si>
    <t>0324404346</t>
  </si>
  <si>
    <t>2024-06-20-17.30.28.778861</t>
  </si>
  <si>
    <t>0321772795</t>
  </si>
  <si>
    <t>2024-09-04-17.30.33.152541</t>
  </si>
  <si>
    <t>0318812590</t>
  </si>
  <si>
    <t>2024-01-09-08.06.12.089935</t>
  </si>
  <si>
    <t>0350900216</t>
  </si>
  <si>
    <t>2024-09-30-08.06.55.077328</t>
  </si>
  <si>
    <t>0301249373</t>
  </si>
  <si>
    <t>2024-03-12-17.30.30.888614</t>
  </si>
  <si>
    <t>2024-03-11-08.07.05.932555</t>
  </si>
  <si>
    <t>0393105695</t>
  </si>
  <si>
    <t>2024-03-28-14.29.10.872093</t>
  </si>
  <si>
    <t>2024-09-10-08.10.00.440589</t>
  </si>
  <si>
    <t>0348258740</t>
  </si>
  <si>
    <t>2024-06-11-08.07.34.215054</t>
  </si>
  <si>
    <t>0306131460</t>
  </si>
  <si>
    <t>2024-07-15-17.30.36.510547</t>
  </si>
  <si>
    <t>0350944860</t>
  </si>
  <si>
    <t>2024-08-28-17.30.28.527454</t>
  </si>
  <si>
    <t>2024-03-08-08.07.16.894433</t>
  </si>
  <si>
    <t>0389967831</t>
  </si>
  <si>
    <t>2024-07-16-07.03.53.192365</t>
  </si>
  <si>
    <t>0393782891</t>
  </si>
  <si>
    <t>2024-09-30-17.30.39.689176</t>
  </si>
  <si>
    <t>2024-11-15-17.30.32.580899</t>
  </si>
  <si>
    <t>0312370029</t>
  </si>
  <si>
    <t>2024-09-17-17.30.32.835074</t>
  </si>
  <si>
    <t>0318700590</t>
  </si>
  <si>
    <t>2024-08-07-17.30.30.338421</t>
  </si>
  <si>
    <t>0330404765</t>
  </si>
  <si>
    <t>2024-10-24-17.30.36.606479</t>
  </si>
  <si>
    <t>2024-10-28-08.07.11.771878</t>
  </si>
  <si>
    <t>0342902470</t>
  </si>
  <si>
    <t>2024-08-05-17.30.38.235023</t>
  </si>
  <si>
    <t>0311402861</t>
  </si>
  <si>
    <t>2024-12-06-08.07.17.003382</t>
  </si>
  <si>
    <t>2024-05-16-17.30.35.217730</t>
  </si>
  <si>
    <t>0303014590</t>
  </si>
  <si>
    <t>2024-11-08-17.30.31.257406</t>
  </si>
  <si>
    <t>0329970625</t>
  </si>
  <si>
    <t>2024-01-30-17.30.26.891228</t>
  </si>
  <si>
    <t>0302868631</t>
  </si>
  <si>
    <t>2024-03-26-08.09.21.643047</t>
  </si>
  <si>
    <t>0344300070</t>
  </si>
  <si>
    <t>2024-09-27-08.08.40.924956</t>
  </si>
  <si>
    <t>0300762481</t>
  </si>
  <si>
    <t>2024-03-07-17.30.33.419399</t>
  </si>
  <si>
    <t>0314382431</t>
  </si>
  <si>
    <t>2024-03-07-17.30.33.419439</t>
  </si>
  <si>
    <t>0321000404</t>
  </si>
  <si>
    <t>2024-11-20-17.30.31.540400</t>
  </si>
  <si>
    <t>0343107162</t>
  </si>
  <si>
    <t>2024-07-03-17.30.34.380780</t>
  </si>
  <si>
    <t>0398305030</t>
  </si>
  <si>
    <t>2024-12-20-17.30.33.534219</t>
  </si>
  <si>
    <t>0394400331</t>
  </si>
  <si>
    <t>2024-09-16-18.49.40.011847</t>
  </si>
  <si>
    <t>0374558194</t>
  </si>
  <si>
    <t>2024-01-31-17.30.27.948437</t>
  </si>
  <si>
    <t>2024-08-19-17.30.33.087076</t>
  </si>
  <si>
    <t>2024-04-08-19.07.55.113956</t>
  </si>
  <si>
    <t>2024-03-05-17.30.30.553243</t>
  </si>
  <si>
    <t>0399700994</t>
  </si>
  <si>
    <t>2024-11-26-17.30.31.172645</t>
  </si>
  <si>
    <t>0322701861</t>
  </si>
  <si>
    <t>2024-08-08-17.48.21.453516</t>
  </si>
  <si>
    <t>2024-11-07-08.01.09.798878</t>
  </si>
  <si>
    <t>0347757903</t>
  </si>
  <si>
    <t>2024-11-07-17.30.33.181733</t>
  </si>
  <si>
    <t>0399399324</t>
  </si>
  <si>
    <t>2024-07-10-17.30.35.009231</t>
  </si>
  <si>
    <t>0355235197</t>
  </si>
  <si>
    <t>2024-08-14-17.30.29.737349</t>
  </si>
  <si>
    <t>0355500603</t>
  </si>
  <si>
    <t>2024-11-26-17.30.31.172715</t>
  </si>
  <si>
    <t>0353101531</t>
  </si>
  <si>
    <t>2024-11-25-17.30.34.714936</t>
  </si>
  <si>
    <t>0341200932</t>
  </si>
  <si>
    <t>2024-04-16-17.30.31.082918</t>
  </si>
  <si>
    <t>2024-01-04-17.30.34.488024</t>
  </si>
  <si>
    <t>0386700511</t>
  </si>
  <si>
    <t>2024-06-06-17.30.32.161123</t>
  </si>
  <si>
    <t>0382809386</t>
  </si>
  <si>
    <t>2024-01-10-08.02.55.574342</t>
  </si>
  <si>
    <t>0350800111</t>
  </si>
  <si>
    <t>2024-06-07-17.30.28.663690</t>
  </si>
  <si>
    <t>0316803906</t>
  </si>
  <si>
    <t>2024-09-09-17.30.32.019738</t>
  </si>
  <si>
    <t>0367203723</t>
  </si>
  <si>
    <t>2024-01-19-17.30.33.616653</t>
  </si>
  <si>
    <t>2024-02-05-19.19.56.786178</t>
  </si>
  <si>
    <t>2024-10-25-17.30.30.767096</t>
  </si>
  <si>
    <t>2024-09-04-08.09.51.238930</t>
  </si>
  <si>
    <t>0395325950</t>
  </si>
  <si>
    <t>2024-03-04-08.06.35.763763</t>
  </si>
  <si>
    <t>0332009922</t>
  </si>
  <si>
    <t>2024-11-18-17.30.30.883625</t>
  </si>
  <si>
    <t>0338245500</t>
  </si>
  <si>
    <t>2024-06-27-08.12.07.930231</t>
  </si>
  <si>
    <t>0333602671</t>
  </si>
  <si>
    <t>2024-04-05-17.30.34.908280</t>
  </si>
  <si>
    <t>0310536101</t>
  </si>
  <si>
    <t>2024-04-05-17.30.34.908180</t>
  </si>
  <si>
    <t>0307501306</t>
  </si>
  <si>
    <t>2024-10-02-17.30.32.538708</t>
  </si>
  <si>
    <t>2024-11-21-17.30.32.281939</t>
  </si>
  <si>
    <t>0369091282</t>
  </si>
  <si>
    <t>2024-06-03-17.30.41.249494</t>
  </si>
  <si>
    <t>0399455270</t>
  </si>
  <si>
    <t>2024-04-16-17.30.31.082878</t>
  </si>
  <si>
    <t>0347803669</t>
  </si>
  <si>
    <t>2024-01-09-08.06.12.089575</t>
  </si>
  <si>
    <t>0353905351</t>
  </si>
  <si>
    <t>2024-08-30-17.30.33.873832</t>
  </si>
  <si>
    <t>0320100080</t>
  </si>
  <si>
    <t>2024-08-30-17.30.33.873812</t>
  </si>
  <si>
    <t>0320700527</t>
  </si>
  <si>
    <t>2024-11-05-17.30.31.764187</t>
  </si>
  <si>
    <t>0316102620</t>
  </si>
  <si>
    <t>2024-02-12-08.07.02.511426</t>
  </si>
  <si>
    <t>2024-04-04-17.30.36.750335</t>
  </si>
  <si>
    <t>0332704801</t>
  </si>
  <si>
    <t>2024-01-08-08.06.00.910284</t>
  </si>
  <si>
    <t>0366056732</t>
  </si>
  <si>
    <t>2024-07-15-17.30.36.510807</t>
  </si>
  <si>
    <t>2024-01-31-17.30.27.948487</t>
  </si>
  <si>
    <t>2024-04-30-08.08.50.655575</t>
  </si>
  <si>
    <t>0365957280</t>
  </si>
  <si>
    <t>2024-10-30-14.48.17.892087</t>
  </si>
  <si>
    <t>0397505341</t>
  </si>
  <si>
    <t>2024-10-04-17.30.28.327477</t>
  </si>
  <si>
    <t>0327579902</t>
  </si>
  <si>
    <t>2024-10-08-17.45.58.124407</t>
  </si>
  <si>
    <t>0303804442</t>
  </si>
  <si>
    <t>2024-11-13-17.30.32.634359</t>
  </si>
  <si>
    <t>2024-06-04-17.32.17.428057</t>
  </si>
  <si>
    <t>0300349242</t>
  </si>
  <si>
    <t>2024-04-01-17.30.41.784883</t>
  </si>
  <si>
    <t>0389903312</t>
  </si>
  <si>
    <t>2024-11-14-17.30.32.165569</t>
  </si>
  <si>
    <t>0365604961</t>
  </si>
  <si>
    <t>2024-10-15-17.30.32.255057</t>
  </si>
  <si>
    <t>0345002449</t>
  </si>
  <si>
    <t>2024-04-22-17.30.36.950335</t>
  </si>
  <si>
    <t>2024-02-07-17.30.33.362313</t>
  </si>
  <si>
    <t>0315600111</t>
  </si>
  <si>
    <t>2024-08-26-17.30.32.546396</t>
  </si>
  <si>
    <t>0325000419</t>
  </si>
  <si>
    <t>2024-10-28-08.07.11.772628</t>
  </si>
  <si>
    <t>0347500901</t>
  </si>
  <si>
    <t>2024-04-12-17.30.31.760242</t>
  </si>
  <si>
    <t>2024-10-22-17.30.28.717508</t>
  </si>
  <si>
    <t>0349000950</t>
  </si>
  <si>
    <t>2024-02-23-14.50.30.071348</t>
  </si>
  <si>
    <t>0328000703</t>
  </si>
  <si>
    <t>2024-11-18-14.30.36.576015</t>
  </si>
  <si>
    <t>0342601119</t>
  </si>
  <si>
    <t>2024-09-20-14.30.31.818291</t>
  </si>
  <si>
    <t>0341804478</t>
  </si>
  <si>
    <t>2024-04-12-17.30.31.760182</t>
  </si>
  <si>
    <t>2024-08-13-08.08.27.384256</t>
  </si>
  <si>
    <t>2024-02-22-08.10.41.927400</t>
  </si>
  <si>
    <t>0343380015</t>
  </si>
  <si>
    <t>2024-11-04-17.30.35.112601</t>
  </si>
  <si>
    <t>2024-09-05-17.30.30.490743</t>
  </si>
  <si>
    <t>0316204202</t>
  </si>
  <si>
    <t>2024-05-07-17.30.31.626202</t>
  </si>
  <si>
    <t>0374538300</t>
  </si>
  <si>
    <t>2024-07-22-17.30.32.953314</t>
  </si>
  <si>
    <t>0311503154</t>
  </si>
  <si>
    <t>2024-07-25-17.30.27.463221</t>
  </si>
  <si>
    <t>0371004692</t>
  </si>
  <si>
    <t>2024-10-09-17.30.30.742270</t>
  </si>
  <si>
    <t>0307900800</t>
  </si>
  <si>
    <t>2024-01-25-14.50.40.213058</t>
  </si>
  <si>
    <t>0367032221</t>
  </si>
  <si>
    <t>2024-10-30-14.48.17.892061</t>
  </si>
  <si>
    <t>0356805364</t>
  </si>
  <si>
    <t>2024-05-22-08.06.49.236501</t>
  </si>
  <si>
    <t>2024-06-12-08.08.17.015723</t>
  </si>
  <si>
    <t>0302913652</t>
  </si>
  <si>
    <t>2024-06-20-17.30.28.778711</t>
  </si>
  <si>
    <t>0301302930</t>
  </si>
  <si>
    <t>2024-05-06-19.32.23.410998</t>
  </si>
  <si>
    <t>0323741458</t>
  </si>
  <si>
    <t>2024-04-01-17.30.41.784973</t>
  </si>
  <si>
    <t>0343200812</t>
  </si>
  <si>
    <t>2024-07-26-17.30.33.092172</t>
  </si>
  <si>
    <t>0324804494</t>
  </si>
  <si>
    <t>2024-08-19-17.30.33.087086</t>
  </si>
  <si>
    <t>0357617472</t>
  </si>
  <si>
    <t>2024-07-09-17.30.28.378261</t>
  </si>
  <si>
    <t>2024-05-15-17.31.58.843623</t>
  </si>
  <si>
    <t>2024-06-26-08.09.33.404109</t>
  </si>
  <si>
    <t>2024-02-05-19.19.56.786108</t>
  </si>
  <si>
    <t>0314202064</t>
  </si>
  <si>
    <t>2024-12-06-17.30.30.263821</t>
  </si>
  <si>
    <t>0350102708</t>
  </si>
  <si>
    <t>2024-06-25-17.30.33.907281</t>
  </si>
  <si>
    <t>0373704011</t>
  </si>
  <si>
    <t>2024-11-20-17.30.31.540230</t>
  </si>
  <si>
    <t>0357310932</t>
  </si>
  <si>
    <t>2024-07-22-17.30.32.953324</t>
  </si>
  <si>
    <t>0336134463</t>
  </si>
  <si>
    <t>2024-01-30-17.30.26.891208</t>
  </si>
  <si>
    <t>0337202163</t>
  </si>
  <si>
    <t>2024-01-25-17.30.30.942386</t>
  </si>
  <si>
    <t>0358311220</t>
  </si>
  <si>
    <t>2024-05-30-17.30.28.196347</t>
  </si>
  <si>
    <t>0340802564</t>
  </si>
  <si>
    <t>2024-11-01-17.30.33.597164</t>
  </si>
  <si>
    <t>0395700836</t>
  </si>
  <si>
    <t>2024-10-31-17.30.35.777019</t>
  </si>
  <si>
    <t>0331400957</t>
  </si>
  <si>
    <t>2024-03-26-17.30.31.236027</t>
  </si>
  <si>
    <t>0303893252</t>
  </si>
  <si>
    <t>2024-06-14-14.50.25.917431</t>
  </si>
  <si>
    <t>0392183252</t>
  </si>
  <si>
    <t>2024-12-11-17.30.30.574329</t>
  </si>
  <si>
    <t>0347752224</t>
  </si>
  <si>
    <t>2024-12-23-17.30.33.694327</t>
  </si>
  <si>
    <t>2024-12-18-07.02.39.999091</t>
  </si>
  <si>
    <t>2024-07-19-17.30.30.334014</t>
  </si>
  <si>
    <t>0364301610</t>
  </si>
  <si>
    <t>2024-05-03-17.30.35.056364</t>
  </si>
  <si>
    <t>0352601986</t>
  </si>
  <si>
    <t>2024-03-18-17.30.32.440189</t>
  </si>
  <si>
    <t>0396101491</t>
  </si>
  <si>
    <t>2024-12-11-17.30.30.574339</t>
  </si>
  <si>
    <t>0312200558</t>
  </si>
  <si>
    <t>2024-12-05-17.30.33.163015</t>
  </si>
  <si>
    <t>0397605631</t>
  </si>
  <si>
    <t>2024-11-20-17.30.31.540350</t>
  </si>
  <si>
    <t>0301900788</t>
  </si>
  <si>
    <t>2024-12-27-17.32.04.834642</t>
  </si>
  <si>
    <t>0347200053</t>
  </si>
  <si>
    <t>2024-04-29-17.30.36.032045</t>
  </si>
  <si>
    <t>0339701490</t>
  </si>
  <si>
    <t>2024-09-09-17.30.32.019758</t>
  </si>
  <si>
    <t>0344278879</t>
  </si>
  <si>
    <t>2024-10-16-17.30.30.109967</t>
  </si>
  <si>
    <t>0371799311</t>
  </si>
  <si>
    <t>2024-07-10-17.30.35.009221</t>
  </si>
  <si>
    <t>0336489980</t>
  </si>
  <si>
    <t>2024-06-03-17.30.41.249504</t>
  </si>
  <si>
    <t>0397196120</t>
  </si>
  <si>
    <t>2024-10-30-14.48.17.892054</t>
  </si>
  <si>
    <t>0317200736</t>
  </si>
  <si>
    <t>2024-07-11-10.21.56.851002</t>
  </si>
  <si>
    <t>0327101492</t>
  </si>
  <si>
    <t>2024-03-04-17.30.38.516541</t>
  </si>
  <si>
    <t>0304671507</t>
  </si>
  <si>
    <t>2024-09-10-17.30.33.501007</t>
  </si>
  <si>
    <t>0397307890</t>
  </si>
  <si>
    <t>2024-10-17-17.30.36.224255</t>
  </si>
  <si>
    <t>0317506544</t>
  </si>
  <si>
    <t>2024-05-13-17.30.37.613915</t>
  </si>
  <si>
    <t>0372001413</t>
  </si>
  <si>
    <t>2024-04-19-17.30.31.686865</t>
  </si>
  <si>
    <t>0351040951</t>
  </si>
  <si>
    <t>2024-11-12-17.30.32.612633</t>
  </si>
  <si>
    <t>0352303710</t>
  </si>
  <si>
    <t>2024-04-12-08.08.43.656929</t>
  </si>
  <si>
    <t>2024-10-18-07.03.04.068892</t>
  </si>
  <si>
    <t>2024-10-08-17.45.58.124337</t>
  </si>
  <si>
    <t>2024-09-20-17.30.33.034482</t>
  </si>
  <si>
    <t>0310800920</t>
  </si>
  <si>
    <t>2024-07-03-17.30.34.380800</t>
  </si>
  <si>
    <t>2024-04-18-07.02.43.519407</t>
  </si>
  <si>
    <t>2024-09-13-08.07.13.201462</t>
  </si>
  <si>
    <t>2024-04-18-17.30.30.807242</t>
  </si>
  <si>
    <t>0321061913</t>
  </si>
  <si>
    <t>2024-01-31-08.07.38.289269</t>
  </si>
  <si>
    <t>2024-11-12-08.07.36.348950</t>
  </si>
  <si>
    <t>0376424345</t>
  </si>
  <si>
    <t>2024-07-15-17.30.36.510687</t>
  </si>
  <si>
    <t>0364900352</t>
  </si>
  <si>
    <t>2024-04-08-19.07.55.113936</t>
  </si>
  <si>
    <t>0374905173</t>
  </si>
  <si>
    <t>2024-03-25-08.06.45.865496</t>
  </si>
  <si>
    <t>0323412146</t>
  </si>
  <si>
    <t>2024-04-22-17.30.36.950285</t>
  </si>
  <si>
    <t>2024-11-04-17.30.35.112401</t>
  </si>
  <si>
    <t>0321504531</t>
  </si>
  <si>
    <t>2024-04-02-17.30.34.288477</t>
  </si>
  <si>
    <t>0355905229</t>
  </si>
  <si>
    <t>2024-11-06-14.27.46.368617</t>
  </si>
  <si>
    <t>0387401555</t>
  </si>
  <si>
    <t>2024-11-15-17.30.32.580969</t>
  </si>
  <si>
    <t>2024-12-03-17.30.28.886711</t>
  </si>
  <si>
    <t>0348857965</t>
  </si>
  <si>
    <t>2024-05-31-17.30.32.240603</t>
  </si>
  <si>
    <t>0364396724</t>
  </si>
  <si>
    <t>2024-02-27-17.30.31.779629</t>
  </si>
  <si>
    <t>0313900590</t>
  </si>
  <si>
    <t>2024-04-18-17.30.30.807162</t>
  </si>
  <si>
    <t>0376605870</t>
  </si>
  <si>
    <t>2024-08-14-17.30.29.737359</t>
  </si>
  <si>
    <t>2024-12-23-17.30.33.694417</t>
  </si>
  <si>
    <t>0360208221</t>
  </si>
  <si>
    <t>2024-04-25-14.30.23.298208</t>
  </si>
  <si>
    <t>0327400206</t>
  </si>
  <si>
    <t>2024-05-20-14.29.38.044865</t>
  </si>
  <si>
    <t>0327698251</t>
  </si>
  <si>
    <t>2024-06-24-17.30.35.189274</t>
  </si>
  <si>
    <t>0374402881</t>
  </si>
  <si>
    <t>2024-05-13-08.06.57.996063</t>
  </si>
  <si>
    <t>0325202465</t>
  </si>
  <si>
    <t>2024-12-26-17.30.32.251929</t>
  </si>
  <si>
    <t>0313404214</t>
  </si>
  <si>
    <t>2024-11-12-17.30.32.612763</t>
  </si>
  <si>
    <t>2024-10-22-17.30.28.717668</t>
  </si>
  <si>
    <t>0388603891</t>
  </si>
  <si>
    <t>2024-07-16-18.08.29.471166</t>
  </si>
  <si>
    <t>0394854291</t>
  </si>
  <si>
    <t>2024-04-23-17.30.29.737346</t>
  </si>
  <si>
    <t>0313923605</t>
  </si>
  <si>
    <t>2024-05-16-17.30.35.217700</t>
  </si>
  <si>
    <t>0361303595</t>
  </si>
  <si>
    <t>2024-07-10-17.30.35.009211</t>
  </si>
  <si>
    <t>0350200354</t>
  </si>
  <si>
    <t>2024-01-23-17.30.28.920810</t>
  </si>
  <si>
    <t>0392977790</t>
  </si>
  <si>
    <t>2024-10-30-17.30.30.005798</t>
  </si>
  <si>
    <t>2024-06-28-17.30.29.382985</t>
  </si>
  <si>
    <t>2024-03-27-08.16.23.477738</t>
  </si>
  <si>
    <t>0353603036</t>
  </si>
  <si>
    <t>2024-02-01-17.30.34.407428</t>
  </si>
  <si>
    <t>0391400377</t>
  </si>
  <si>
    <t>2024-10-02-17.30.32.538758</t>
  </si>
  <si>
    <t>0334700313</t>
  </si>
  <si>
    <t>2024-06-27-17.30.29.212687</t>
  </si>
  <si>
    <t>0343605223</t>
  </si>
  <si>
    <t>2024-11-12-17.30.32.612793</t>
  </si>
  <si>
    <t>0313501531</t>
  </si>
  <si>
    <t>2024-10-02-17.30.32.538748</t>
  </si>
  <si>
    <t>0396203610</t>
  </si>
  <si>
    <t>2024-10-16-17.30.30.109937</t>
  </si>
  <si>
    <t>0361433912</t>
  </si>
  <si>
    <t>2024-10-03-17.30.31.916664</t>
  </si>
  <si>
    <t>2024-06-17-08.24.48.798390</t>
  </si>
  <si>
    <t>2024-10-21-08.06.22.222822</t>
  </si>
  <si>
    <t>2024-04-24-08.06.51.843650</t>
  </si>
  <si>
    <t>0309400229</t>
  </si>
  <si>
    <t>2024-09-27-14.32.24.343708</t>
  </si>
  <si>
    <t>0385905301</t>
  </si>
  <si>
    <t>2024-03-05-17.30.30.553273</t>
  </si>
  <si>
    <t>0324793718</t>
  </si>
  <si>
    <t>2024-09-26-17.30.30.778900</t>
  </si>
  <si>
    <t>0329300280</t>
  </si>
  <si>
    <t>2024-09-24-17.30.24.803758</t>
  </si>
  <si>
    <t>0332695616</t>
  </si>
  <si>
    <t>2024-06-26-17.30.31.720951</t>
  </si>
  <si>
    <t>0321900932</t>
  </si>
  <si>
    <t>2024-02-27-17.30.31.779669</t>
  </si>
  <si>
    <t>0388705413</t>
  </si>
  <si>
    <t>2024-01-04-17.30.34.487954</t>
  </si>
  <si>
    <t>0326204524</t>
  </si>
  <si>
    <t>2024-10-10-17.30.26.749422</t>
  </si>
  <si>
    <t>2024-04-29-17.30.36.032155</t>
  </si>
  <si>
    <t>0373316680</t>
  </si>
  <si>
    <t>2024-10-16-17.30.30.109927</t>
  </si>
  <si>
    <t>2024-11-27-17.30.32.626053</t>
  </si>
  <si>
    <t>2024-10-04-17.30.28.327527</t>
  </si>
  <si>
    <t>0307004100</t>
  </si>
  <si>
    <t>2024-12-13-17.30.33.102053</t>
  </si>
  <si>
    <t>0357405632</t>
  </si>
  <si>
    <t>2024-07-25-17.30.27.463121</t>
  </si>
  <si>
    <t>0367900380</t>
  </si>
  <si>
    <t>2024-09-23-17.30.39.392075</t>
  </si>
  <si>
    <t>2024-01-31-17.30.27.948527</t>
  </si>
  <si>
    <t>0317103253</t>
  </si>
  <si>
    <t>2024-08-15-17.30.30.509187</t>
  </si>
  <si>
    <t>0380148775</t>
  </si>
  <si>
    <t>2024-07-19-17.30.30.334064</t>
  </si>
  <si>
    <t>0360800810</t>
  </si>
  <si>
    <t>2024-04-25-17.30.31.225697</t>
  </si>
  <si>
    <t>2024-06-11-08.07.34.215994</t>
  </si>
  <si>
    <t>0343001163</t>
  </si>
  <si>
    <t>2024-04-15-17.30.31.718520</t>
  </si>
  <si>
    <t>2024-05-08-17.30.33.270429</t>
  </si>
  <si>
    <t>2024-09-23-17.30.39.392095</t>
  </si>
  <si>
    <t>2024-10-29-17.30.30.770871</t>
  </si>
  <si>
    <t>2024-11-20-17.30.31.540300</t>
  </si>
  <si>
    <t>0352202040</t>
  </si>
  <si>
    <t>2024-06-28-17.30.29.382955</t>
  </si>
  <si>
    <t>2024-07-25-17.30.27.463181</t>
  </si>
  <si>
    <t>2024-04-01-17.30.41.784823</t>
  </si>
  <si>
    <t>2024-01-02-17.30.32.133444</t>
  </si>
  <si>
    <t>0311301902</t>
  </si>
  <si>
    <t>2024-01-04-17.30.34.488054</t>
  </si>
  <si>
    <t>0311605561</t>
  </si>
  <si>
    <t>2024-07-02-17.30.32.069338</t>
  </si>
  <si>
    <t>0333204392</t>
  </si>
  <si>
    <t>2024-09-20-17.30.33.034502</t>
  </si>
  <si>
    <t>2024-06-26-17.30.31.720931</t>
  </si>
  <si>
    <t>0333733693</t>
  </si>
  <si>
    <t>2024-02-14-17.30.32.792404</t>
  </si>
  <si>
    <t>0331205430</t>
  </si>
  <si>
    <t>2024-07-17-17.30.30.396048</t>
  </si>
  <si>
    <t>0345422291</t>
  </si>
  <si>
    <t>2024-07-24-17.30.27.405301</t>
  </si>
  <si>
    <t>0381704512</t>
  </si>
  <si>
    <t>2024-02-26-08.06.52.909092</t>
  </si>
  <si>
    <t>0303158586</t>
  </si>
  <si>
    <t>2024-12-09-17.30.36.307305</t>
  </si>
  <si>
    <t>0329541887</t>
  </si>
  <si>
    <t>2024-03-06-17.30.29.705530</t>
  </si>
  <si>
    <t>0332009920</t>
  </si>
  <si>
    <t>2024-05-23-17.30.33.732920</t>
  </si>
  <si>
    <t>0338903833</t>
  </si>
  <si>
    <t>2024-05-23-17.30.33.732890</t>
  </si>
  <si>
    <t>0376518312</t>
  </si>
  <si>
    <t>2024-01-05-17.30.33.252036</t>
  </si>
  <si>
    <t>2024-02-29-08.10.08.429963</t>
  </si>
  <si>
    <t>0363001685</t>
  </si>
  <si>
    <t>2024-04-08-08.06.16.239580</t>
  </si>
  <si>
    <t>0379500331</t>
  </si>
  <si>
    <t>2024-01-31-08.07.38.288639</t>
  </si>
  <si>
    <t>0367505341</t>
  </si>
  <si>
    <t>2024-10-04-17.30.28.327467</t>
  </si>
  <si>
    <t>0347699780</t>
  </si>
  <si>
    <t>2024-11-26-17.30.31.172665</t>
  </si>
  <si>
    <t>0364300675</t>
  </si>
  <si>
    <t>2024-08-20-17.30.26.360403</t>
  </si>
  <si>
    <t>0316280465</t>
  </si>
  <si>
    <t>2024-02-12-17.30.34.999816</t>
  </si>
  <si>
    <t>0391902930</t>
  </si>
  <si>
    <t>2024-01-29-14.50.35.315800</t>
  </si>
  <si>
    <t>2024-12-18-17.30.29.072590</t>
  </si>
  <si>
    <t>0330500726</t>
  </si>
  <si>
    <t>2024-11-25-17.30.34.714846</t>
  </si>
  <si>
    <t>0389605652</t>
  </si>
  <si>
    <t>2024-02-02-17.30.35.524058</t>
  </si>
  <si>
    <t>0381242324</t>
  </si>
  <si>
    <t>2024-02-08-17.30.38.632390</t>
  </si>
  <si>
    <t>0387604621</t>
  </si>
  <si>
    <t>2024-03-21-15.29.17.633064</t>
  </si>
  <si>
    <t>2024-10-01-08.07.49.793617</t>
  </si>
  <si>
    <t>0342200981</t>
  </si>
  <si>
    <t>2024-03-01-17.30.32.888009</t>
  </si>
  <si>
    <t>0321404913</t>
  </si>
  <si>
    <t>2024-10-17-17.30.36.224405</t>
  </si>
  <si>
    <t>2024-07-22-17.30.32.953294</t>
  </si>
  <si>
    <t>0368101323</t>
  </si>
  <si>
    <t>2024-05-09-17.30.35.107743</t>
  </si>
  <si>
    <t>2024-10-29-08.07.11.657819</t>
  </si>
  <si>
    <t>0357001082</t>
  </si>
  <si>
    <t>2024-12-02-17.30.41.339119</t>
  </si>
  <si>
    <t>0300390768</t>
  </si>
  <si>
    <t>2024-10-02-17.30.32.538768</t>
  </si>
  <si>
    <t>2024-06-05-17.30.35.468508</t>
  </si>
  <si>
    <t>2024-12-03-17.30.28.886801</t>
  </si>
  <si>
    <t>2024-04-19-08.07.20.818369</t>
  </si>
  <si>
    <t>0353393653</t>
  </si>
  <si>
    <t>2024-04-18-17.30.30.807272</t>
  </si>
  <si>
    <t>2024-08-01-17.30.32.966712</t>
  </si>
  <si>
    <t>0378531103</t>
  </si>
  <si>
    <t>2024-02-21-08.06.40.879072</t>
  </si>
  <si>
    <t>0311301511</t>
  </si>
  <si>
    <t>2024-07-08-08.07.16.760449</t>
  </si>
  <si>
    <t>0399801481</t>
  </si>
  <si>
    <t>2024-05-13-17.30.37.613965</t>
  </si>
  <si>
    <t>0316100227</t>
  </si>
  <si>
    <t>2024-11-22-17.30.29.950061</t>
  </si>
  <si>
    <t>0335002621</t>
  </si>
  <si>
    <t>2024-07-31-17.30.29.480059</t>
  </si>
  <si>
    <t>0367303942</t>
  </si>
  <si>
    <t>2024-03-12-17.30.30.888574</t>
  </si>
  <si>
    <t>0382504358</t>
  </si>
  <si>
    <t>2024-07-19-17.30.30.333984</t>
  </si>
  <si>
    <t>0386001127</t>
  </si>
  <si>
    <t>2024-10-30-08.06.17.638204</t>
  </si>
  <si>
    <t>0378200937</t>
  </si>
  <si>
    <t>2024-01-12-17.30.30.074042</t>
  </si>
  <si>
    <t>2024-10-01-17.30.33.364745</t>
  </si>
  <si>
    <t>0313701861</t>
  </si>
  <si>
    <t>2024-03-05-17.30.30.553223</t>
  </si>
  <si>
    <t>0329304216</t>
  </si>
  <si>
    <t>2024-12-18-17.30.29.072600</t>
  </si>
  <si>
    <t>0321229711</t>
  </si>
  <si>
    <t>2024-02-05-19.19.56.786138</t>
  </si>
  <si>
    <t>2024-06-04-17.32.17.428047</t>
  </si>
  <si>
    <t>0396500129</t>
  </si>
  <si>
    <t>2024-11-12-17.30.32.612663</t>
  </si>
  <si>
    <t>2024-12-03-17.30.28.886781</t>
  </si>
  <si>
    <t>2024-02-21-08.06.40.880222</t>
  </si>
  <si>
    <t>2024-08-05-08.06.07.869668</t>
  </si>
  <si>
    <t>0306403746</t>
  </si>
  <si>
    <t>2024-06-05-17.30.35.468578</t>
  </si>
  <si>
    <t>0318903111</t>
  </si>
  <si>
    <t>2024-04-01-17.30.41.784963</t>
  </si>
  <si>
    <t>0387093974</t>
  </si>
  <si>
    <t>2024-01-10-17.30.31.239845</t>
  </si>
  <si>
    <t>0340204902</t>
  </si>
  <si>
    <t>2024-09-03-17.30.42.480659</t>
  </si>
  <si>
    <t>2024-11-25-17.30.34.714786</t>
  </si>
  <si>
    <t>CKCHG ($14.65)</t>
  </si>
  <si>
    <t>RETURNED CHECK CHARGE (PAPER)</t>
  </si>
  <si>
    <t>RETURNED CHECK CHARGE (PAPERLESS)</t>
  </si>
  <si>
    <t>CODE N/A</t>
  </si>
  <si>
    <t>2024 Fleet Cost Per Hour</t>
  </si>
  <si>
    <t>Trip</t>
  </si>
  <si>
    <t>Returned Payment</t>
  </si>
  <si>
    <t>Paper Check</t>
  </si>
  <si>
    <t>Electronic Debit</t>
  </si>
  <si>
    <t>12
(Ln 6 + Ln 8 + Ln 10+Ln 11)</t>
  </si>
  <si>
    <t>Bank Fees</t>
  </si>
  <si>
    <t>Leave Notice / Read Meter</t>
  </si>
  <si>
    <t>Test</t>
  </si>
  <si>
    <t>Meter Test</t>
  </si>
  <si>
    <t>Actual Cost</t>
  </si>
  <si>
    <t>x</t>
  </si>
  <si>
    <t>Number of Instances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7">
    <numFmt numFmtId="44" formatCode="_(&quot;$&quot;* #,##0.00_);_(&quot;$&quot;* \(#,##0.00\);_(&quot;$&quot;* &quot;-&quot;??_);_(@_)"/>
    <numFmt numFmtId="43" formatCode="_(* #,##0.00_);_(* \(#,##0.00\);_(* &quot;-&quot;??_);_(@_)"/>
    <numFmt numFmtId="164" formatCode="0_);\(0\)"/>
    <numFmt numFmtId="165" formatCode="0.0000"/>
    <numFmt numFmtId="166" formatCode="000"/>
    <numFmt numFmtId="167" formatCode="&quot;$&quot;#,##0.00"/>
    <numFmt numFmtId="168" formatCode="0000000000"/>
  </numFmts>
  <fonts count="24" x14ac:knownFonts="1">
    <font>
      <sz val="11"/>
      <color theme="1"/>
      <name val="Aptos Narrow"/>
      <family val="2"/>
      <scheme val="minor"/>
    </font>
    <font>
      <sz val="11"/>
      <color theme="1"/>
      <name val="Aptos Narrow"/>
      <family val="2"/>
      <scheme val="minor"/>
    </font>
    <font>
      <sz val="10"/>
      <color theme="1"/>
      <name val="Arial"/>
      <family val="2"/>
    </font>
    <font>
      <sz val="10"/>
      <name val="Arial"/>
      <family val="2"/>
    </font>
    <font>
      <u/>
      <sz val="10"/>
      <color theme="10"/>
      <name val="Arial"/>
      <family val="2"/>
    </font>
    <font>
      <b/>
      <sz val="10"/>
      <name val="Times New Roman"/>
      <family val="1"/>
    </font>
    <font>
      <sz val="10"/>
      <color theme="1"/>
      <name val="Times New Roman"/>
      <family val="1"/>
    </font>
    <font>
      <b/>
      <sz val="10"/>
      <name val="MS Sans Serif"/>
    </font>
    <font>
      <sz val="10"/>
      <name val="MS Sans Serif"/>
    </font>
    <font>
      <b/>
      <sz val="10"/>
      <color theme="1"/>
      <name val="Times New Roman"/>
      <family val="1"/>
    </font>
    <font>
      <b/>
      <sz val="12"/>
      <color theme="1"/>
      <name val="Times New Roman"/>
      <family val="1"/>
    </font>
    <font>
      <b/>
      <sz val="10"/>
      <color rgb="FFFF0000"/>
      <name val="Times New Roman"/>
      <family val="1"/>
    </font>
    <font>
      <sz val="10"/>
      <color rgb="FF0000FF"/>
      <name val="Times New Roman"/>
      <family val="1"/>
    </font>
    <font>
      <b/>
      <sz val="10"/>
      <color rgb="FF0000FF"/>
      <name val="Times New Roman"/>
      <family val="1"/>
    </font>
    <font>
      <b/>
      <sz val="10"/>
      <color theme="1"/>
      <name val="Tahoma"/>
      <family val="2"/>
    </font>
    <font>
      <sz val="10"/>
      <color theme="1"/>
      <name val="Tahoma"/>
      <family val="2"/>
    </font>
    <font>
      <b/>
      <u/>
      <sz val="11"/>
      <color theme="1"/>
      <name val="Aptos Narrow"/>
      <family val="2"/>
      <scheme val="minor"/>
    </font>
    <font>
      <b/>
      <sz val="14"/>
      <color theme="1"/>
      <name val="Times New Roman"/>
      <family val="1"/>
    </font>
    <font>
      <i/>
      <sz val="10"/>
      <color theme="1"/>
      <name val="Times New Roman"/>
      <family val="1"/>
    </font>
    <font>
      <sz val="10"/>
      <color rgb="FF000000"/>
      <name val="Times New Roman"/>
      <family val="2"/>
    </font>
    <font>
      <b/>
      <sz val="11"/>
      <color theme="1"/>
      <name val="Times New Roman"/>
      <family val="1"/>
    </font>
    <font>
      <sz val="11"/>
      <color theme="1"/>
      <name val="Times New Roman"/>
      <family val="1"/>
    </font>
    <font>
      <b/>
      <sz val="11"/>
      <name val="Times New Roman"/>
      <family val="1"/>
    </font>
    <font>
      <sz val="11"/>
      <name val="Times New Roman"/>
      <family val="1"/>
    </font>
  </fonts>
  <fills count="7">
    <fill>
      <patternFill patternType="none"/>
    </fill>
    <fill>
      <patternFill patternType="gray125"/>
    </fill>
    <fill>
      <patternFill patternType="solid">
        <fgColor rgb="FFCCFFCC"/>
        <bgColor indexed="64"/>
      </patternFill>
    </fill>
    <fill>
      <patternFill patternType="solid">
        <fgColor theme="4" tint="0.79998168889431442"/>
        <bgColor indexed="64"/>
      </patternFill>
    </fill>
    <fill>
      <patternFill patternType="solid">
        <fgColor rgb="FF92D050"/>
        <bgColor indexed="64"/>
      </patternFill>
    </fill>
    <fill>
      <patternFill patternType="solid">
        <fgColor rgb="FFF0F0F0"/>
        <bgColor indexed="64"/>
      </patternFill>
    </fill>
    <fill>
      <patternFill patternType="solid">
        <fgColor theme="3" tint="0.749992370372631"/>
        <bgColor indexed="64"/>
      </patternFill>
    </fill>
  </fills>
  <borders count="27">
    <border>
      <left/>
      <right/>
      <top/>
      <bottom/>
      <diagonal/>
    </border>
    <border>
      <left/>
      <right/>
      <top/>
      <bottom style="thin">
        <color indexed="64"/>
      </bottom>
      <diagonal/>
    </border>
    <border>
      <left/>
      <right/>
      <top/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/>
      <top style="medium">
        <color indexed="64"/>
      </top>
      <bottom/>
      <diagonal/>
    </border>
    <border>
      <left/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/>
      <top/>
      <bottom/>
      <diagonal/>
    </border>
    <border>
      <left/>
      <right style="medium">
        <color indexed="64"/>
      </right>
      <top/>
      <bottom/>
      <diagonal/>
    </border>
    <border>
      <left style="medium">
        <color indexed="64"/>
      </left>
      <right/>
      <top/>
      <bottom style="medium">
        <color indexed="64"/>
      </bottom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/>
      <right/>
      <top style="thin">
        <color auto="1"/>
      </top>
      <bottom style="double">
        <color auto="1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/>
      <right style="thick">
        <color indexed="64"/>
      </right>
      <top/>
      <bottom style="medium">
        <color indexed="64"/>
      </bottom>
      <diagonal/>
    </border>
    <border>
      <left/>
      <right style="thick">
        <color indexed="64"/>
      </right>
      <top/>
      <bottom/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medium">
        <color indexed="64"/>
      </left>
      <right style="medium">
        <color indexed="64"/>
      </right>
      <top style="medium">
        <color indexed="64"/>
      </top>
      <bottom/>
      <diagonal/>
    </border>
    <border>
      <left style="thin">
        <color indexed="64"/>
      </left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 style="medium">
        <color indexed="64"/>
      </right>
      <top style="medium">
        <color indexed="64"/>
      </top>
      <bottom/>
      <diagonal/>
    </border>
    <border>
      <left style="thin">
        <color indexed="64"/>
      </left>
      <right style="medium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 style="medium">
        <color indexed="64"/>
      </right>
      <top/>
      <bottom style="medium">
        <color indexed="64"/>
      </bottom>
      <diagonal/>
    </border>
    <border>
      <left style="medium">
        <color indexed="64"/>
      </left>
      <right style="medium">
        <color indexed="64"/>
      </right>
      <top/>
      <bottom style="medium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</borders>
  <cellStyleXfs count="14">
    <xf numFmtId="0" fontId="0" fillId="0" borderId="0"/>
    <xf numFmtId="44" fontId="1" fillId="0" borderId="0" applyFont="0" applyFill="0" applyBorder="0" applyAlignment="0" applyProtection="0"/>
    <xf numFmtId="0" fontId="2" fillId="0" borderId="0"/>
    <xf numFmtId="43" fontId="2" fillId="0" borderId="0" applyFont="0" applyFill="0" applyBorder="0" applyAlignment="0" applyProtection="0"/>
    <xf numFmtId="43" fontId="3" fillId="0" borderId="0" applyFont="0" applyFill="0" applyBorder="0" applyAlignment="0" applyProtection="0"/>
    <xf numFmtId="0" fontId="3" fillId="0" borderId="0"/>
    <xf numFmtId="9" fontId="2" fillId="0" borderId="0" applyFont="0" applyFill="0" applyBorder="0" applyAlignment="0" applyProtection="0"/>
    <xf numFmtId="44" fontId="2" fillId="0" borderId="0" applyFont="0" applyFill="0" applyBorder="0" applyAlignment="0" applyProtection="0"/>
    <xf numFmtId="0" fontId="4" fillId="0" borderId="0" applyNumberFormat="0" applyFill="0" applyBorder="0" applyAlignment="0" applyProtection="0"/>
    <xf numFmtId="0" fontId="3" fillId="0" borderId="0"/>
    <xf numFmtId="0" fontId="7" fillId="0" borderId="2">
      <alignment horizontal="center"/>
    </xf>
    <xf numFmtId="0" fontId="8" fillId="0" borderId="0" applyNumberFormat="0" applyFont="0" applyFill="0" applyBorder="0" applyAlignment="0" applyProtection="0">
      <alignment horizontal="left"/>
    </xf>
    <xf numFmtId="15" fontId="8" fillId="0" borderId="0" applyFont="0" applyFill="0" applyBorder="0" applyAlignment="0" applyProtection="0"/>
    <xf numFmtId="4" fontId="8" fillId="0" borderId="0" applyFont="0" applyFill="0" applyBorder="0" applyAlignment="0" applyProtection="0"/>
  </cellStyleXfs>
  <cellXfs count="133">
    <xf numFmtId="0" fontId="0" fillId="0" borderId="0" xfId="0"/>
    <xf numFmtId="44" fontId="0" fillId="0" borderId="0" xfId="1" applyFont="1"/>
    <xf numFmtId="167" fontId="15" fillId="0" borderId="0" xfId="0" applyNumberFormat="1" applyFont="1" applyAlignment="1">
      <alignment horizontal="right" vertical="center"/>
    </xf>
    <xf numFmtId="166" fontId="15" fillId="0" borderId="0" xfId="0" applyNumberFormat="1" applyFont="1" applyAlignment="1">
      <alignment horizontal="right" vertical="center"/>
    </xf>
    <xf numFmtId="3" fontId="15" fillId="0" borderId="0" xfId="0" applyNumberFormat="1" applyFont="1" applyAlignment="1">
      <alignment horizontal="right" vertical="center"/>
    </xf>
    <xf numFmtId="3" fontId="14" fillId="5" borderId="0" xfId="0" applyNumberFormat="1" applyFont="1" applyFill="1" applyAlignment="1">
      <alignment horizontal="center" vertical="center"/>
    </xf>
    <xf numFmtId="167" fontId="14" fillId="5" borderId="0" xfId="0" applyNumberFormat="1" applyFont="1" applyFill="1" applyAlignment="1">
      <alignment horizontal="center" vertical="center"/>
    </xf>
    <xf numFmtId="166" fontId="14" fillId="5" borderId="0" xfId="0" applyNumberFormat="1" applyFont="1" applyFill="1" applyAlignment="1">
      <alignment horizontal="center" vertical="center"/>
    </xf>
    <xf numFmtId="0" fontId="9" fillId="3" borderId="0" xfId="0" applyFont="1" applyFill="1" applyBorder="1" applyAlignment="1">
      <alignment horizontal="center" vertical="center"/>
    </xf>
    <xf numFmtId="0" fontId="0" fillId="0" borderId="0" xfId="0"/>
    <xf numFmtId="0" fontId="14" fillId="5" borderId="0" xfId="0" applyFont="1" applyFill="1" applyAlignment="1">
      <alignment horizontal="center" vertical="center"/>
    </xf>
    <xf numFmtId="0" fontId="0" fillId="0" borderId="0" xfId="0" applyAlignment="1"/>
    <xf numFmtId="0" fontId="0" fillId="0" borderId="0" xfId="0"/>
    <xf numFmtId="0" fontId="6" fillId="0" borderId="0" xfId="0" applyFont="1"/>
    <xf numFmtId="0" fontId="9" fillId="0" borderId="2" xfId="0" applyFont="1" applyBorder="1" applyAlignment="1">
      <alignment horizontal="center" wrapText="1"/>
    </xf>
    <xf numFmtId="0" fontId="6" fillId="0" borderId="0" xfId="0" applyFont="1" applyAlignment="1">
      <alignment horizontal="center" vertical="center"/>
    </xf>
    <xf numFmtId="0" fontId="6" fillId="0" borderId="0" xfId="0" applyFont="1" applyAlignment="1">
      <alignment horizontal="left" vertical="center"/>
    </xf>
    <xf numFmtId="0" fontId="9" fillId="0" borderId="0" xfId="0" applyFont="1" applyAlignment="1">
      <alignment horizontal="center" wrapText="1"/>
    </xf>
    <xf numFmtId="16" fontId="9" fillId="0" borderId="0" xfId="0" applyNumberFormat="1" applyFont="1" applyAlignment="1">
      <alignment horizontal="center" wrapText="1"/>
    </xf>
    <xf numFmtId="164" fontId="9" fillId="0" borderId="0" xfId="0" applyNumberFormat="1" applyFont="1" applyAlignment="1">
      <alignment horizontal="center" wrapText="1"/>
    </xf>
    <xf numFmtId="49" fontId="9" fillId="0" borderId="0" xfId="0" applyNumberFormat="1" applyFont="1" applyAlignment="1">
      <alignment horizontal="center" wrapText="1"/>
    </xf>
    <xf numFmtId="0" fontId="6" fillId="0" borderId="4" xfId="0" applyFont="1" applyBorder="1" applyAlignment="1">
      <alignment horizontal="center" vertical="center"/>
    </xf>
    <xf numFmtId="0" fontId="6" fillId="0" borderId="0" xfId="0" applyFont="1" applyFill="1" applyAlignment="1">
      <alignment horizontal="center" vertical="center"/>
    </xf>
    <xf numFmtId="0" fontId="6" fillId="0" borderId="0" xfId="0" applyFont="1" applyFill="1" applyBorder="1" applyAlignment="1">
      <alignment horizontal="left" vertical="center"/>
    </xf>
    <xf numFmtId="0" fontId="6" fillId="0" borderId="0" xfId="0" applyFont="1" applyFill="1" applyBorder="1" applyAlignment="1">
      <alignment horizontal="center" vertical="center"/>
    </xf>
    <xf numFmtId="0" fontId="6" fillId="3" borderId="7" xfId="0" applyFont="1" applyFill="1" applyBorder="1" applyAlignment="1">
      <alignment horizontal="center" vertical="center"/>
    </xf>
    <xf numFmtId="0" fontId="9" fillId="0" borderId="0" xfId="0" applyFont="1" applyBorder="1" applyAlignment="1">
      <alignment horizontal="center" vertical="center"/>
    </xf>
    <xf numFmtId="0" fontId="6" fillId="0" borderId="0" xfId="0" applyFont="1" applyBorder="1" applyAlignment="1">
      <alignment horizontal="left" vertical="center"/>
    </xf>
    <xf numFmtId="0" fontId="6" fillId="0" borderId="7" xfId="0" applyFont="1" applyBorder="1" applyAlignment="1">
      <alignment horizontal="center" vertical="center"/>
    </xf>
    <xf numFmtId="0" fontId="6" fillId="3" borderId="2" xfId="0" applyFont="1" applyFill="1" applyBorder="1" applyAlignment="1">
      <alignment horizontal="center" vertical="center"/>
    </xf>
    <xf numFmtId="0" fontId="6" fillId="3" borderId="9" xfId="0" applyFont="1" applyFill="1" applyBorder="1" applyAlignment="1">
      <alignment horizontal="center" vertical="center"/>
    </xf>
    <xf numFmtId="0" fontId="6" fillId="3" borderId="0" xfId="0" applyFont="1" applyFill="1" applyAlignment="1">
      <alignment horizontal="center" vertical="center"/>
    </xf>
    <xf numFmtId="0" fontId="9" fillId="0" borderId="0" xfId="0" applyFont="1" applyAlignment="1">
      <alignment horizontal="center" vertical="center"/>
    </xf>
    <xf numFmtId="0" fontId="9" fillId="0" borderId="0" xfId="0" applyFont="1" applyAlignment="1">
      <alignment horizontal="center"/>
    </xf>
    <xf numFmtId="0" fontId="6" fillId="0" borderId="0" xfId="0" applyFont="1" applyAlignment="1">
      <alignment horizontal="center"/>
    </xf>
    <xf numFmtId="0" fontId="9" fillId="0" borderId="0" xfId="0" applyFont="1"/>
    <xf numFmtId="2" fontId="6" fillId="0" borderId="0" xfId="0" applyNumberFormat="1" applyFont="1" applyFill="1" applyBorder="1" applyAlignment="1">
      <alignment horizontal="center" vertical="center"/>
    </xf>
    <xf numFmtId="0" fontId="9" fillId="0" borderId="0" xfId="0" applyFont="1" applyFill="1" applyBorder="1" applyAlignment="1">
      <alignment horizontal="center" vertical="center"/>
    </xf>
    <xf numFmtId="2" fontId="6" fillId="3" borderId="11" xfId="0" applyNumberFormat="1" applyFont="1" applyFill="1" applyBorder="1" applyAlignment="1">
      <alignment horizontal="center" vertical="center"/>
    </xf>
    <xf numFmtId="0" fontId="6" fillId="3" borderId="11" xfId="0" applyFont="1" applyFill="1" applyBorder="1" applyAlignment="1">
      <alignment horizontal="left" vertical="center"/>
    </xf>
    <xf numFmtId="2" fontId="6" fillId="3" borderId="0" xfId="0" applyNumberFormat="1" applyFont="1" applyFill="1" applyBorder="1" applyAlignment="1">
      <alignment horizontal="center" vertical="center"/>
    </xf>
    <xf numFmtId="0" fontId="6" fillId="3" borderId="0" xfId="0" applyFont="1" applyFill="1" applyBorder="1" applyAlignment="1">
      <alignment horizontal="left" vertical="center"/>
    </xf>
    <xf numFmtId="165" fontId="6" fillId="0" borderId="0" xfId="0" applyNumberFormat="1" applyFont="1" applyFill="1" applyBorder="1" applyAlignment="1">
      <alignment horizontal="center" vertical="center"/>
    </xf>
    <xf numFmtId="0" fontId="9" fillId="0" borderId="9" xfId="0" applyFont="1" applyBorder="1" applyAlignment="1">
      <alignment horizontal="center" wrapText="1"/>
    </xf>
    <xf numFmtId="0" fontId="9" fillId="0" borderId="8" xfId="0" applyFont="1" applyBorder="1" applyAlignment="1">
      <alignment horizontal="center" wrapText="1"/>
    </xf>
    <xf numFmtId="0" fontId="10" fillId="0" borderId="0" xfId="0" applyFont="1" applyAlignment="1">
      <alignment horizontal="center" vertical="center"/>
    </xf>
    <xf numFmtId="0" fontId="9" fillId="0" borderId="8" xfId="0" applyFont="1" applyBorder="1" applyAlignment="1">
      <alignment horizontal="left" wrapText="1"/>
    </xf>
    <xf numFmtId="0" fontId="9" fillId="0" borderId="6" xfId="0" applyFont="1" applyBorder="1" applyAlignment="1">
      <alignment horizontal="left" wrapText="1"/>
    </xf>
    <xf numFmtId="0" fontId="9" fillId="0" borderId="5" xfId="0" applyFont="1" applyBorder="1" applyAlignment="1">
      <alignment horizontal="center" wrapText="1"/>
    </xf>
    <xf numFmtId="0" fontId="13" fillId="0" borderId="3" xfId="0" applyFont="1" applyBorder="1" applyAlignment="1">
      <alignment horizontal="left" wrapText="1"/>
    </xf>
    <xf numFmtId="167" fontId="0" fillId="0" borderId="0" xfId="0" applyNumberFormat="1"/>
    <xf numFmtId="0" fontId="0" fillId="0" borderId="0" xfId="0"/>
    <xf numFmtId="49" fontId="15" fillId="0" borderId="0" xfId="0" applyNumberFormat="1" applyFont="1" applyAlignment="1">
      <alignment horizontal="left" vertical="center"/>
    </xf>
    <xf numFmtId="0" fontId="12" fillId="0" borderId="4" xfId="0" applyFont="1" applyBorder="1" applyAlignment="1">
      <alignment horizontal="left" vertical="center"/>
    </xf>
    <xf numFmtId="0" fontId="6" fillId="0" borderId="5" xfId="0" applyFont="1" applyBorder="1" applyAlignment="1">
      <alignment horizontal="center" vertical="center"/>
    </xf>
    <xf numFmtId="0" fontId="12" fillId="0" borderId="0" xfId="0" applyFont="1" applyAlignment="1">
      <alignment horizontal="left" vertical="center"/>
    </xf>
    <xf numFmtId="0" fontId="6" fillId="0" borderId="2" xfId="0" applyFont="1" applyBorder="1" applyAlignment="1">
      <alignment horizontal="left" vertical="center"/>
    </xf>
    <xf numFmtId="0" fontId="18" fillId="0" borderId="0" xfId="0" applyFont="1"/>
    <xf numFmtId="0" fontId="6" fillId="2" borderId="7" xfId="0" applyFont="1" applyFill="1" applyBorder="1"/>
    <xf numFmtId="10" fontId="6" fillId="0" borderId="9" xfId="0" applyNumberFormat="1" applyFont="1" applyBorder="1"/>
    <xf numFmtId="168" fontId="14" fillId="5" borderId="0" xfId="0" applyNumberFormat="1" applyFont="1" applyFill="1" applyAlignment="1">
      <alignment horizontal="center" vertical="center"/>
    </xf>
    <xf numFmtId="168" fontId="0" fillId="0" borderId="0" xfId="0" applyNumberFormat="1"/>
    <xf numFmtId="166" fontId="0" fillId="0" borderId="0" xfId="0" applyNumberFormat="1"/>
    <xf numFmtId="0" fontId="6" fillId="3" borderId="0" xfId="0" applyFont="1" applyFill="1" applyBorder="1" applyAlignment="1">
      <alignment horizontal="center" vertical="center"/>
    </xf>
    <xf numFmtId="0" fontId="6" fillId="3" borderId="14" xfId="0" applyFont="1" applyFill="1" applyBorder="1" applyAlignment="1">
      <alignment horizontal="center" vertical="center"/>
    </xf>
    <xf numFmtId="0" fontId="6" fillId="0" borderId="15" xfId="0" applyFont="1" applyFill="1" applyBorder="1" applyAlignment="1">
      <alignment horizontal="center" vertical="center"/>
    </xf>
    <xf numFmtId="0" fontId="5" fillId="0" borderId="2" xfId="0" applyFont="1" applyBorder="1" applyAlignment="1">
      <alignment horizontal="center" wrapText="1"/>
    </xf>
    <xf numFmtId="0" fontId="19" fillId="0" borderId="0" xfId="0" applyFont="1"/>
    <xf numFmtId="14" fontId="19" fillId="0" borderId="0" xfId="0" applyNumberFormat="1" applyFont="1"/>
    <xf numFmtId="0" fontId="19" fillId="4" borderId="0" xfId="0" applyFont="1" applyFill="1"/>
    <xf numFmtId="14" fontId="19" fillId="4" borderId="0" xfId="0" applyNumberFormat="1" applyFont="1" applyFill="1"/>
    <xf numFmtId="0" fontId="15" fillId="0" borderId="0" xfId="0" applyFont="1" applyAlignment="1">
      <alignment horizontal="left" vertical="center"/>
    </xf>
    <xf numFmtId="0" fontId="15" fillId="0" borderId="0" xfId="0" applyFont="1" applyAlignment="1">
      <alignment horizontal="right" vertical="center"/>
    </xf>
    <xf numFmtId="3" fontId="0" fillId="0" borderId="0" xfId="0" applyNumberFormat="1"/>
    <xf numFmtId="44" fontId="6" fillId="0" borderId="0" xfId="1" applyFont="1" applyAlignment="1">
      <alignment horizontal="left" vertical="center"/>
    </xf>
    <xf numFmtId="0" fontId="6" fillId="0" borderId="0" xfId="0" applyFont="1" applyAlignment="1"/>
    <xf numFmtId="0" fontId="20" fillId="0" borderId="1" xfId="0" applyFont="1" applyBorder="1"/>
    <xf numFmtId="44" fontId="20" fillId="0" borderId="10" xfId="1" applyFont="1" applyBorder="1"/>
    <xf numFmtId="0" fontId="20" fillId="0" borderId="12" xfId="0" applyFont="1" applyBorder="1"/>
    <xf numFmtId="0" fontId="21" fillId="0" borderId="0" xfId="0" applyFont="1"/>
    <xf numFmtId="44" fontId="21" fillId="0" borderId="0" xfId="1" applyFont="1" applyBorder="1"/>
    <xf numFmtId="0" fontId="21" fillId="0" borderId="0" xfId="0" applyFont="1" applyBorder="1"/>
    <xf numFmtId="44" fontId="21" fillId="0" borderId="13" xfId="1" applyFont="1" applyFill="1" applyBorder="1"/>
    <xf numFmtId="44" fontId="21" fillId="0" borderId="0" xfId="1" applyFont="1" applyFill="1" applyBorder="1"/>
    <xf numFmtId="0" fontId="21" fillId="0" borderId="0" xfId="0" applyFont="1" applyFill="1" applyBorder="1"/>
    <xf numFmtId="44" fontId="21" fillId="0" borderId="0" xfId="1" applyFont="1"/>
    <xf numFmtId="0" fontId="21" fillId="0" borderId="0" xfId="0" applyFont="1" applyAlignment="1">
      <alignment wrapText="1"/>
    </xf>
    <xf numFmtId="44" fontId="21" fillId="0" borderId="17" xfId="1" applyFont="1" applyFill="1" applyBorder="1"/>
    <xf numFmtId="0" fontId="21" fillId="0" borderId="18" xfId="0" applyFont="1" applyFill="1" applyBorder="1"/>
    <xf numFmtId="44" fontId="21" fillId="0" borderId="20" xfId="1" applyFont="1" applyFill="1" applyBorder="1"/>
    <xf numFmtId="0" fontId="21" fillId="0" borderId="21" xfId="0" applyFont="1" applyFill="1" applyBorder="1"/>
    <xf numFmtId="0" fontId="21" fillId="0" borderId="22" xfId="0" applyFont="1" applyFill="1" applyBorder="1"/>
    <xf numFmtId="44" fontId="21" fillId="0" borderId="23" xfId="1" applyFont="1" applyFill="1" applyBorder="1"/>
    <xf numFmtId="0" fontId="21" fillId="0" borderId="24" xfId="0" applyFont="1" applyFill="1" applyBorder="1"/>
    <xf numFmtId="44" fontId="21" fillId="0" borderId="17" xfId="1" applyFont="1" applyBorder="1"/>
    <xf numFmtId="0" fontId="21" fillId="0" borderId="18" xfId="0" applyFont="1" applyBorder="1"/>
    <xf numFmtId="0" fontId="10" fillId="0" borderId="0" xfId="0" applyFont="1" applyAlignment="1">
      <alignment horizontal="center" vertical="center"/>
    </xf>
    <xf numFmtId="0" fontId="11" fillId="0" borderId="5" xfId="0" applyFont="1" applyBorder="1" applyAlignment="1">
      <alignment horizontal="center" vertical="center"/>
    </xf>
    <xf numFmtId="0" fontId="22" fillId="0" borderId="19" xfId="0" applyFont="1" applyBorder="1"/>
    <xf numFmtId="0" fontId="23" fillId="0" borderId="3" xfId="0" applyFont="1" applyFill="1" applyBorder="1" applyAlignment="1">
      <alignment wrapText="1"/>
    </xf>
    <xf numFmtId="0" fontId="23" fillId="0" borderId="6" xfId="0" applyFont="1" applyFill="1" applyBorder="1" applyAlignment="1">
      <alignment wrapText="1"/>
    </xf>
    <xf numFmtId="0" fontId="23" fillId="0" borderId="8" xfId="0" applyFont="1" applyFill="1" applyBorder="1" applyAlignment="1">
      <alignment wrapText="1"/>
    </xf>
    <xf numFmtId="0" fontId="23" fillId="0" borderId="0" xfId="0" applyFont="1" applyFill="1" applyBorder="1" applyAlignment="1">
      <alignment wrapText="1"/>
    </xf>
    <xf numFmtId="0" fontId="22" fillId="0" borderId="16" xfId="0" applyFont="1" applyFill="1" applyBorder="1" applyAlignment="1">
      <alignment wrapText="1"/>
    </xf>
    <xf numFmtId="0" fontId="23" fillId="0" borderId="0" xfId="0" applyFont="1" applyFill="1"/>
    <xf numFmtId="0" fontId="22" fillId="0" borderId="16" xfId="0" applyFont="1" applyFill="1" applyBorder="1"/>
    <xf numFmtId="0" fontId="23" fillId="0" borderId="0" xfId="0" applyFont="1"/>
    <xf numFmtId="0" fontId="22" fillId="0" borderId="16" xfId="0" applyFont="1" applyBorder="1"/>
    <xf numFmtId="0" fontId="11" fillId="0" borderId="19" xfId="0" applyFont="1" applyBorder="1" applyAlignment="1">
      <alignment horizontal="center"/>
    </xf>
    <xf numFmtId="0" fontId="9" fillId="0" borderId="25" xfId="0" applyFont="1" applyBorder="1" applyAlignment="1">
      <alignment horizontal="center" wrapText="1"/>
    </xf>
    <xf numFmtId="0" fontId="11" fillId="0" borderId="0" xfId="0" applyFont="1" applyBorder="1" applyAlignment="1">
      <alignment vertical="center"/>
    </xf>
    <xf numFmtId="0" fontId="9" fillId="3" borderId="11" xfId="0" applyFont="1" applyFill="1" applyBorder="1" applyAlignment="1">
      <alignment horizontal="center" vertical="center" wrapText="1"/>
    </xf>
    <xf numFmtId="0" fontId="6" fillId="0" borderId="0" xfId="0" applyFont="1" applyBorder="1" applyAlignment="1">
      <alignment horizontal="center" vertical="center"/>
    </xf>
    <xf numFmtId="44" fontId="21" fillId="6" borderId="1" xfId="1" applyFont="1" applyFill="1" applyBorder="1"/>
    <xf numFmtId="44" fontId="21" fillId="6" borderId="26" xfId="1" applyFont="1" applyFill="1" applyBorder="1"/>
    <xf numFmtId="0" fontId="20" fillId="0" borderId="0" xfId="0" applyFont="1" applyAlignment="1">
      <alignment horizontal="center"/>
    </xf>
    <xf numFmtId="0" fontId="9" fillId="0" borderId="0" xfId="0" applyFont="1" applyAlignment="1">
      <alignment horizontal="center"/>
    </xf>
    <xf numFmtId="0" fontId="17" fillId="0" borderId="0" xfId="0" applyFont="1" applyAlignment="1">
      <alignment horizontal="center"/>
    </xf>
    <xf numFmtId="0" fontId="6" fillId="0" borderId="2" xfId="0" applyFont="1" applyBorder="1" applyAlignment="1">
      <alignment horizontal="center" vertical="center"/>
    </xf>
    <xf numFmtId="0" fontId="9" fillId="0" borderId="2" xfId="0" applyFont="1" applyBorder="1" applyAlignment="1">
      <alignment horizontal="center" wrapText="1"/>
    </xf>
    <xf numFmtId="0" fontId="11" fillId="0" borderId="3" xfId="0" applyFont="1" applyBorder="1" applyAlignment="1">
      <alignment horizontal="center"/>
    </xf>
    <xf numFmtId="0" fontId="11" fillId="0" borderId="5" xfId="0" applyFont="1" applyBorder="1" applyAlignment="1">
      <alignment horizontal="center"/>
    </xf>
    <xf numFmtId="0" fontId="10" fillId="0" borderId="0" xfId="0" applyFont="1" applyAlignment="1">
      <alignment horizontal="center" vertical="center"/>
    </xf>
    <xf numFmtId="0" fontId="11" fillId="0" borderId="3" xfId="0" applyFont="1" applyBorder="1" applyAlignment="1">
      <alignment horizontal="center" vertical="center"/>
    </xf>
    <xf numFmtId="0" fontId="11" fillId="0" borderId="4" xfId="0" applyFont="1" applyBorder="1" applyAlignment="1">
      <alignment horizontal="center" vertical="center"/>
    </xf>
    <xf numFmtId="0" fontId="11" fillId="0" borderId="5" xfId="0" applyFont="1" applyBorder="1" applyAlignment="1">
      <alignment horizontal="center" vertical="center"/>
    </xf>
    <xf numFmtId="0" fontId="20" fillId="0" borderId="0" xfId="0" applyFont="1" applyFill="1" applyBorder="1"/>
    <xf numFmtId="44" fontId="21" fillId="0" borderId="0" xfId="0" applyNumberFormat="1" applyFont="1"/>
    <xf numFmtId="0" fontId="20" fillId="0" borderId="0" xfId="0" applyFont="1"/>
    <xf numFmtId="44" fontId="20" fillId="0" borderId="0" xfId="0" applyNumberFormat="1" applyFont="1"/>
    <xf numFmtId="0" fontId="16" fillId="0" borderId="0" xfId="0" applyFont="1" applyFill="1"/>
    <xf numFmtId="0" fontId="0" fillId="0" borderId="0" xfId="0" applyFill="1"/>
    <xf numFmtId="49" fontId="15" fillId="0" borderId="0" xfId="0" applyNumberFormat="1" applyFont="1" applyFill="1" applyAlignment="1">
      <alignment horizontal="left" vertical="center"/>
    </xf>
  </cellXfs>
  <cellStyles count="14">
    <cellStyle name="Comma 2" xfId="4" xr:uid="{11231FDB-7C79-4396-A816-C347E5C0F3BB}"/>
    <cellStyle name="Comma 3" xfId="3" xr:uid="{5AAC2C46-C719-49F5-9798-0AFE6FEA4951}"/>
    <cellStyle name="Currency" xfId="1" builtinId="4"/>
    <cellStyle name="Currency 3" xfId="7" xr:uid="{B8D5C97A-EFFE-4FF6-A126-D49CB34118F9}"/>
    <cellStyle name="Hyperlink 2" xfId="8" xr:uid="{28C267B9-068A-4E1B-B465-97666E924A6A}"/>
    <cellStyle name="Normal" xfId="0" builtinId="0"/>
    <cellStyle name="Normal 2" xfId="2" xr:uid="{710BE23A-36EE-4B57-B546-A8481E675A59}"/>
    <cellStyle name="Normal 3" xfId="5" xr:uid="{F3A96C00-D54F-41CB-9A06-47DF71E42450}"/>
    <cellStyle name="Normal 4 3" xfId="9" xr:uid="{F6171E83-7D38-4970-8BDF-BC4BC88647CD}"/>
    <cellStyle name="Percent 3" xfId="6" xr:uid="{9C4ABFFC-B936-45B5-8028-4CF13BBD76D5}"/>
    <cellStyle name="PSChar" xfId="11" xr:uid="{775BE917-9B99-4F2B-AA3D-E4CE516E173F}"/>
    <cellStyle name="PSDate" xfId="12" xr:uid="{CD727A08-92F9-4C6A-B554-B32B65FA891B}"/>
    <cellStyle name="PSDec" xfId="13" xr:uid="{890B0433-B10D-4FB9-996C-89F1C87AFFD2}"/>
    <cellStyle name="PSHeading" xfId="10" xr:uid="{1CBF90AB-3614-4DA7-A9A8-FED02D6FFAD3}"/>
  </cellStyles>
  <dxfs count="0"/>
  <tableStyles count="0" defaultTableStyle="TableStyleMedium2" defaultPivotStyle="PivotStyleLight16"/>
  <colors>
    <mruColors>
      <color rgb="FF0000FF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worksheet" Target="worksheets/sheet8.xml"/><Relationship Id="rId13" Type="http://schemas.openxmlformats.org/officeDocument/2006/relationships/calcChain" Target="calcChain.xml"/><Relationship Id="rId18" Type="http://schemas.openxmlformats.org/officeDocument/2006/relationships/customXml" Target="../customXml/item5.xml"/><Relationship Id="rId3" Type="http://schemas.openxmlformats.org/officeDocument/2006/relationships/worksheet" Target="worksheets/sheet3.xml"/><Relationship Id="rId7" Type="http://schemas.openxmlformats.org/officeDocument/2006/relationships/worksheet" Target="worksheets/sheet7.xml"/><Relationship Id="rId12" Type="http://schemas.openxmlformats.org/officeDocument/2006/relationships/sharedStrings" Target="sharedStrings.xml"/><Relationship Id="rId17" Type="http://schemas.openxmlformats.org/officeDocument/2006/relationships/customXml" Target="../customXml/item4.xml"/><Relationship Id="rId2" Type="http://schemas.openxmlformats.org/officeDocument/2006/relationships/worksheet" Target="worksheets/sheet2.xml"/><Relationship Id="rId16" Type="http://schemas.openxmlformats.org/officeDocument/2006/relationships/customXml" Target="../customXml/item3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styles" Target="styles.xml"/><Relationship Id="rId5" Type="http://schemas.openxmlformats.org/officeDocument/2006/relationships/worksheet" Target="worksheets/sheet5.xml"/><Relationship Id="rId15" Type="http://schemas.openxmlformats.org/officeDocument/2006/relationships/customXml" Target="../customXml/item2.xml"/><Relationship Id="rId10" Type="http://schemas.openxmlformats.org/officeDocument/2006/relationships/theme" Target="theme/theme1.xml"/><Relationship Id="rId4" Type="http://schemas.openxmlformats.org/officeDocument/2006/relationships/worksheet" Target="worksheets/sheet4.xml"/><Relationship Id="rId9" Type="http://schemas.openxmlformats.org/officeDocument/2006/relationships/worksheet" Target="worksheets/sheet9.xml"/><Relationship Id="rId14" Type="http://schemas.openxmlformats.org/officeDocument/2006/relationships/customXml" Target="../customXml/item1.xml"/></Relationships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0E2841"/>
      </a:dk2>
      <a:lt2>
        <a:srgbClr val="E8E8E8"/>
      </a:lt2>
      <a:accent1>
        <a:srgbClr val="156082"/>
      </a:accent1>
      <a:accent2>
        <a:srgbClr val="E97132"/>
      </a:accent2>
      <a:accent3>
        <a:srgbClr val="196B24"/>
      </a:accent3>
      <a:accent4>
        <a:srgbClr val="0F9ED5"/>
      </a:accent4>
      <a:accent5>
        <a:srgbClr val="A02B93"/>
      </a:accent5>
      <a:accent6>
        <a:srgbClr val="4EA72E"/>
      </a:accent6>
      <a:hlink>
        <a:srgbClr val="467886"/>
      </a:hlink>
      <a:folHlink>
        <a:srgbClr val="96607D"/>
      </a:folHlink>
    </a:clrScheme>
    <a:fontScheme name="Office">
      <a:majorFont>
        <a:latin typeface="Aptos Display" panose="0211000402020202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Aptos Narrow" panose="0211000402020202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  <a:ln w="2540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>
    <a:lnDef>
      <a:spPr/>
      <a:bodyPr/>
      <a:lstStyle/>
      <a:style>
        <a:lnRef idx="2">
          <a:schemeClr val="accent1"/>
        </a:lnRef>
        <a:fillRef idx="0">
          <a:schemeClr val="accent1"/>
        </a:fillRef>
        <a:effectRef idx="1">
          <a:schemeClr val="accent1"/>
        </a:effectRef>
        <a:fontRef idx="minor">
          <a:schemeClr val="tx1"/>
        </a:fontRef>
      </a:style>
    </a:lnDef>
  </a:objectDefaults>
  <a:extraClrSchemeLst/>
  <a:extLst>
    <a:ext uri="{05A4C25C-085E-4340-85A3-A5531E510DB2}">
      <thm15:themeFamily xmlns:thm15="http://schemas.microsoft.com/office/thememl/2012/main" name="Office Theme" id="{2E142A2C-CD16-42D6-873A-C26D2A0506FA}" vid="{1BDDFF52-6CD6-40A5-AB3C-68EB2F1E4D0A}"/>
    </a:ext>
  </a:extLst>
</a:theme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95D39788-F372-4E6E-BCDB-D222BF5BDC9F}">
  <dimension ref="A1:J25"/>
  <sheetViews>
    <sheetView topLeftCell="A8" zoomScale="115" zoomScaleNormal="115" workbookViewId="0">
      <selection activeCell="F25" sqref="F25"/>
    </sheetView>
  </sheetViews>
  <sheetFormatPr defaultRowHeight="14.5" x14ac:dyDescent="0.35"/>
  <cols>
    <col min="1" max="1" width="38.453125" customWidth="1"/>
    <col min="2" max="2" width="24.54296875" style="1" bestFit="1" customWidth="1"/>
    <col min="3" max="3" width="9" bestFit="1" customWidth="1"/>
    <col min="5" max="5" width="12" bestFit="1" customWidth="1"/>
    <col min="10" max="10" width="12.81640625" bestFit="1" customWidth="1"/>
  </cols>
  <sheetData>
    <row r="1" spans="1:10" x14ac:dyDescent="0.35">
      <c r="A1" s="115" t="s">
        <v>0</v>
      </c>
      <c r="B1" s="115"/>
      <c r="C1" s="115"/>
      <c r="D1" s="79"/>
      <c r="E1" s="79"/>
      <c r="F1" s="79"/>
      <c r="G1" s="79"/>
      <c r="H1" s="79"/>
      <c r="I1" s="79"/>
      <c r="J1" s="79"/>
    </row>
    <row r="2" spans="1:10" x14ac:dyDescent="0.35">
      <c r="A2" s="115"/>
      <c r="B2" s="115"/>
      <c r="C2" s="115"/>
      <c r="D2" s="79"/>
      <c r="E2" s="79"/>
      <c r="F2" s="79"/>
      <c r="G2" s="79"/>
      <c r="H2" s="79"/>
      <c r="I2" s="79"/>
      <c r="J2" s="79"/>
    </row>
    <row r="3" spans="1:10" x14ac:dyDescent="0.35">
      <c r="A3" s="76" t="s">
        <v>2</v>
      </c>
      <c r="B3" s="77" t="s">
        <v>17</v>
      </c>
      <c r="C3" s="78" t="s">
        <v>14</v>
      </c>
      <c r="D3" s="79"/>
      <c r="E3" s="76" t="s">
        <v>9872</v>
      </c>
      <c r="F3" s="126" t="s">
        <v>9873</v>
      </c>
      <c r="G3" s="126" t="s">
        <v>9874</v>
      </c>
      <c r="H3" s="79"/>
      <c r="I3" s="79"/>
      <c r="J3" s="126" t="s">
        <v>21</v>
      </c>
    </row>
    <row r="4" spans="1:10" ht="15" thickBot="1" x14ac:dyDescent="0.4">
      <c r="A4" s="79"/>
      <c r="B4" s="80"/>
      <c r="C4" s="81"/>
      <c r="D4" s="79"/>
      <c r="E4" s="79"/>
      <c r="F4" s="79"/>
      <c r="G4" s="79"/>
      <c r="H4" s="79"/>
      <c r="I4" s="79"/>
      <c r="J4" s="79"/>
    </row>
    <row r="5" spans="1:10" ht="15" thickBot="1" x14ac:dyDescent="0.4">
      <c r="A5" s="98" t="s">
        <v>2046</v>
      </c>
      <c r="B5" s="80"/>
      <c r="C5" s="81"/>
      <c r="D5" s="79"/>
      <c r="E5" s="79"/>
      <c r="F5" s="79"/>
      <c r="G5" s="79"/>
      <c r="H5" s="79"/>
      <c r="I5" s="79"/>
      <c r="J5" s="79"/>
    </row>
    <row r="6" spans="1:10" ht="28.5" x14ac:dyDescent="0.35">
      <c r="A6" s="99" t="s">
        <v>1</v>
      </c>
      <c r="B6" s="89">
        <v>4.7</v>
      </c>
      <c r="C6" s="90">
        <v>4510001</v>
      </c>
      <c r="D6" s="79"/>
      <c r="E6" s="113">
        <f>'Actual Costs'!C20</f>
        <v>54.10716</v>
      </c>
      <c r="F6" s="79"/>
      <c r="G6" s="79">
        <f>'No. of instances per'!O12</f>
        <v>2305</v>
      </c>
      <c r="H6" s="79"/>
      <c r="I6" s="79"/>
      <c r="J6" s="127">
        <f>E6*G6</f>
        <v>124717.00380000001</v>
      </c>
    </row>
    <row r="7" spans="1:10" x14ac:dyDescent="0.35">
      <c r="A7" s="100" t="s">
        <v>3</v>
      </c>
      <c r="B7" s="82">
        <v>30</v>
      </c>
      <c r="C7" s="91">
        <v>4510001</v>
      </c>
      <c r="D7" s="79"/>
      <c r="E7" s="114">
        <f>'Actual Costs'!D20</f>
        <v>137.20148</v>
      </c>
      <c r="F7" s="79"/>
      <c r="G7" s="79">
        <f>'No. of instances per'!O19</f>
        <v>223</v>
      </c>
      <c r="H7" s="79"/>
      <c r="I7" s="79"/>
      <c r="J7" s="127">
        <f>E7*G7</f>
        <v>30595.930039999999</v>
      </c>
    </row>
    <row r="8" spans="1:10" ht="28.5" x14ac:dyDescent="0.35">
      <c r="A8" s="100" t="s">
        <v>4</v>
      </c>
      <c r="B8" s="82">
        <v>95</v>
      </c>
      <c r="C8" s="91">
        <v>4510001</v>
      </c>
      <c r="D8" s="79"/>
      <c r="E8" s="114">
        <f>'Actual Costs'!E20</f>
        <v>137.20148</v>
      </c>
      <c r="F8" s="79"/>
      <c r="G8" s="79">
        <f>'No. of instances per'!O26</f>
        <v>116</v>
      </c>
      <c r="H8" s="79"/>
      <c r="I8" s="79"/>
      <c r="J8" s="127">
        <f>E8*G8</f>
        <v>15915.37168</v>
      </c>
    </row>
    <row r="9" spans="1:10" ht="29" thickBot="1" x14ac:dyDescent="0.4">
      <c r="A9" s="101" t="s">
        <v>5</v>
      </c>
      <c r="B9" s="92">
        <v>124</v>
      </c>
      <c r="C9" s="93">
        <v>4510001</v>
      </c>
      <c r="D9" s="79"/>
      <c r="E9" s="114">
        <f>'Actual Costs'!F20</f>
        <v>178.74863999999999</v>
      </c>
      <c r="F9" s="79"/>
      <c r="G9" s="79">
        <f>'No. of instances per'!O33</f>
        <v>16</v>
      </c>
      <c r="H9" s="79"/>
      <c r="I9" s="79"/>
      <c r="J9" s="127">
        <f>E9*G9</f>
        <v>2859.9782399999999</v>
      </c>
    </row>
    <row r="10" spans="1:10" s="51" customFormat="1" ht="15" thickBot="1" x14ac:dyDescent="0.4">
      <c r="A10" s="102"/>
      <c r="B10" s="83"/>
      <c r="C10" s="84"/>
      <c r="D10" s="79"/>
      <c r="E10" s="85"/>
      <c r="F10" s="79"/>
      <c r="G10" s="79"/>
      <c r="H10" s="79"/>
      <c r="I10" s="79"/>
      <c r="J10" s="79"/>
    </row>
    <row r="11" spans="1:10" ht="15" thickBot="1" x14ac:dyDescent="0.4">
      <c r="A11" s="103" t="s">
        <v>6</v>
      </c>
      <c r="B11" s="87">
        <v>4.7</v>
      </c>
      <c r="C11" s="88">
        <v>4510001</v>
      </c>
      <c r="D11" s="79"/>
      <c r="E11" s="113">
        <f>'Actual Costs'!L20</f>
        <v>54.10716</v>
      </c>
      <c r="F11" s="79"/>
      <c r="G11" s="79">
        <f>'No. of instances per'!O43</f>
        <v>12524</v>
      </c>
      <c r="H11" s="79"/>
      <c r="I11" s="79"/>
      <c r="J11" s="127">
        <f>E11*G11</f>
        <v>677638.07183999999</v>
      </c>
    </row>
    <row r="12" spans="1:10" ht="15" thickBot="1" x14ac:dyDescent="0.4">
      <c r="A12" s="104"/>
      <c r="B12" s="83"/>
      <c r="C12" s="84"/>
      <c r="D12" s="79"/>
      <c r="E12" s="85"/>
      <c r="F12" s="79"/>
      <c r="G12" s="79"/>
      <c r="H12" s="79"/>
      <c r="I12" s="79"/>
      <c r="J12" s="79"/>
    </row>
    <row r="13" spans="1:10" ht="15" thickBot="1" x14ac:dyDescent="0.4">
      <c r="A13" s="103" t="s">
        <v>7</v>
      </c>
      <c r="B13" s="87">
        <v>21</v>
      </c>
      <c r="C13" s="88">
        <v>4510001</v>
      </c>
      <c r="D13" s="79"/>
      <c r="E13" s="113">
        <f>'Actual Costs'!L20</f>
        <v>54.10716</v>
      </c>
      <c r="F13" s="79"/>
      <c r="G13" s="79">
        <v>0</v>
      </c>
      <c r="H13" s="79"/>
      <c r="I13" s="79"/>
      <c r="J13" s="79"/>
    </row>
    <row r="14" spans="1:10" ht="15" thickBot="1" x14ac:dyDescent="0.4">
      <c r="A14" s="104"/>
      <c r="B14" s="83"/>
      <c r="C14" s="84"/>
      <c r="D14" s="79"/>
      <c r="E14" s="85"/>
      <c r="F14" s="79"/>
      <c r="G14" s="79"/>
      <c r="H14" s="79"/>
      <c r="I14" s="79"/>
      <c r="J14" s="79"/>
    </row>
    <row r="15" spans="1:10" ht="15" thickBot="1" x14ac:dyDescent="0.4">
      <c r="A15" s="103" t="s">
        <v>8</v>
      </c>
      <c r="B15" s="87">
        <v>14.65</v>
      </c>
      <c r="C15" s="88">
        <v>4510001</v>
      </c>
      <c r="D15" s="79"/>
      <c r="E15" s="113">
        <f>'Actual Costs'!M20</f>
        <v>6.6</v>
      </c>
      <c r="F15" s="79"/>
      <c r="G15" s="79">
        <f>'No. of instances per'!P67+'No. of instances per'!P59</f>
        <v>4224</v>
      </c>
      <c r="H15" s="79"/>
      <c r="I15" s="79"/>
      <c r="J15" s="127">
        <f>E15*G15</f>
        <v>27878.399999999998</v>
      </c>
    </row>
    <row r="16" spans="1:10" ht="15" thickBot="1" x14ac:dyDescent="0.4">
      <c r="A16" s="104"/>
      <c r="B16" s="83"/>
      <c r="C16" s="84"/>
      <c r="D16" s="79"/>
      <c r="E16" s="85"/>
      <c r="F16" s="79"/>
      <c r="G16" s="79"/>
      <c r="H16" s="79"/>
      <c r="I16" s="79"/>
      <c r="J16" s="79"/>
    </row>
    <row r="17" spans="1:10" ht="15" thickBot="1" x14ac:dyDescent="0.4">
      <c r="A17" s="105" t="s">
        <v>9</v>
      </c>
      <c r="B17" s="87">
        <v>48</v>
      </c>
      <c r="C17" s="88">
        <v>4510001</v>
      </c>
      <c r="D17" s="79"/>
      <c r="E17" s="113">
        <f>'Actual Costs'!K20</f>
        <v>74.880740000000003</v>
      </c>
      <c r="F17" s="79"/>
      <c r="G17" s="79">
        <f>'No. of instances per'!O51</f>
        <v>25</v>
      </c>
      <c r="H17" s="79"/>
      <c r="I17" s="79"/>
      <c r="J17" s="127">
        <f>E17*G17</f>
        <v>1872.0185000000001</v>
      </c>
    </row>
    <row r="18" spans="1:10" ht="15" thickBot="1" x14ac:dyDescent="0.4">
      <c r="A18" s="106"/>
      <c r="B18" s="80"/>
      <c r="C18" s="81"/>
      <c r="D18" s="79"/>
      <c r="E18" s="79"/>
      <c r="F18" s="79"/>
      <c r="G18" s="79"/>
      <c r="H18" s="79"/>
      <c r="I18" s="79"/>
      <c r="J18" s="79"/>
    </row>
    <row r="19" spans="1:10" ht="15" thickBot="1" x14ac:dyDescent="0.4">
      <c r="A19" s="107" t="s">
        <v>10</v>
      </c>
      <c r="B19" s="94" t="s">
        <v>11</v>
      </c>
      <c r="C19" s="95">
        <v>4500000</v>
      </c>
      <c r="D19" s="79"/>
      <c r="E19" s="79"/>
      <c r="F19" s="79"/>
      <c r="G19" s="79"/>
      <c r="H19" s="79"/>
      <c r="I19" s="79"/>
      <c r="J19" s="79"/>
    </row>
    <row r="20" spans="1:10" ht="15" thickBot="1" x14ac:dyDescent="0.4">
      <c r="A20" s="106"/>
      <c r="B20" s="80"/>
      <c r="C20" s="81"/>
      <c r="D20" s="79"/>
      <c r="E20" s="79"/>
      <c r="F20" s="79"/>
      <c r="G20" s="79"/>
      <c r="H20" s="79"/>
      <c r="I20" s="79"/>
      <c r="J20" s="79"/>
    </row>
    <row r="21" spans="1:10" ht="15" thickBot="1" x14ac:dyDescent="0.4">
      <c r="A21" s="107" t="s">
        <v>12</v>
      </c>
      <c r="B21" s="94" t="s">
        <v>15</v>
      </c>
      <c r="C21" s="95">
        <v>4510001</v>
      </c>
      <c r="D21" s="79"/>
      <c r="E21" s="79"/>
      <c r="F21" s="79"/>
      <c r="G21" s="79"/>
      <c r="H21" s="79"/>
      <c r="I21" s="79"/>
      <c r="J21" s="79"/>
    </row>
    <row r="22" spans="1:10" ht="15" thickBot="1" x14ac:dyDescent="0.4">
      <c r="A22" s="106"/>
      <c r="B22" s="80"/>
      <c r="C22" s="81"/>
      <c r="D22" s="79"/>
      <c r="E22" s="79"/>
      <c r="F22" s="79"/>
      <c r="G22" s="79"/>
      <c r="H22" s="79"/>
      <c r="I22" s="79"/>
      <c r="J22" s="79"/>
    </row>
    <row r="23" spans="1:10" ht="15" thickBot="1" x14ac:dyDescent="0.4">
      <c r="A23" s="107" t="s">
        <v>13</v>
      </c>
      <c r="B23" s="94" t="s">
        <v>2025</v>
      </c>
      <c r="C23" s="95">
        <v>4510001</v>
      </c>
      <c r="D23" s="79"/>
      <c r="E23" s="79"/>
      <c r="F23" s="79"/>
      <c r="G23" s="79"/>
      <c r="H23" s="79"/>
      <c r="I23" s="79"/>
      <c r="J23" s="79"/>
    </row>
    <row r="24" spans="1:10" x14ac:dyDescent="0.35">
      <c r="A24" s="79"/>
      <c r="B24" s="85"/>
      <c r="C24" s="79"/>
      <c r="D24" s="79"/>
      <c r="E24" s="128" t="s">
        <v>21</v>
      </c>
      <c r="F24" s="128"/>
      <c r="G24" s="128"/>
      <c r="H24" s="128"/>
      <c r="I24" s="128"/>
      <c r="J24" s="129">
        <f>SUM(J6:J17)</f>
        <v>881476.77410000004</v>
      </c>
    </row>
    <row r="25" spans="1:10" ht="98.5" x14ac:dyDescent="0.35">
      <c r="A25" s="86" t="s">
        <v>16</v>
      </c>
      <c r="B25" s="85"/>
      <c r="C25" s="79"/>
    </row>
  </sheetData>
  <mergeCells count="2">
    <mergeCell ref="A1:C1"/>
    <mergeCell ref="A2:C2"/>
  </mergeCells>
  <pageMargins left="0.7" right="0.7" top="0.75" bottom="0.75" header="0.3" footer="0.3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3AB7B5E7-F11C-43FC-972F-55D3DAA18B4B}">
  <dimension ref="A1:S67"/>
  <sheetViews>
    <sheetView topLeftCell="A54" workbookViewId="0">
      <selection activeCell="A28" sqref="A28"/>
    </sheetView>
  </sheetViews>
  <sheetFormatPr defaultRowHeight="14.5" x14ac:dyDescent="0.35"/>
  <cols>
    <col min="1" max="1" width="26.453125" bestFit="1" customWidth="1"/>
    <col min="2" max="2" width="24.81640625" bestFit="1" customWidth="1"/>
    <col min="3" max="15" width="11.26953125" customWidth="1"/>
    <col min="16" max="16" width="8" customWidth="1"/>
  </cols>
  <sheetData>
    <row r="1" spans="1:19" ht="17.5" x14ac:dyDescent="0.35">
      <c r="A1" s="117" t="s">
        <v>19</v>
      </c>
      <c r="B1" s="117"/>
    </row>
    <row r="2" spans="1:19" ht="17.5" x14ac:dyDescent="0.35">
      <c r="A2" s="117" t="s">
        <v>2026</v>
      </c>
      <c r="B2" s="117"/>
    </row>
    <row r="4" spans="1:19" x14ac:dyDescent="0.35">
      <c r="A4" s="17"/>
      <c r="B4" s="17"/>
      <c r="C4" s="18">
        <v>45681</v>
      </c>
      <c r="D4" s="18">
        <v>45712</v>
      </c>
      <c r="E4" s="18">
        <v>45740</v>
      </c>
      <c r="F4" s="18">
        <v>45771</v>
      </c>
      <c r="G4" s="18">
        <v>45801</v>
      </c>
      <c r="H4" s="18">
        <v>45832</v>
      </c>
      <c r="I4" s="18">
        <v>45862</v>
      </c>
      <c r="J4" s="18">
        <v>45893</v>
      </c>
      <c r="K4" s="18">
        <v>45924</v>
      </c>
      <c r="L4" s="18">
        <v>45954</v>
      </c>
      <c r="M4" s="18">
        <v>45985</v>
      </c>
      <c r="N4" s="18">
        <v>46015</v>
      </c>
      <c r="O4" s="18" t="s">
        <v>21</v>
      </c>
      <c r="Q4" s="35" t="s">
        <v>23</v>
      </c>
      <c r="R4" s="35"/>
      <c r="S4" s="35"/>
    </row>
    <row r="5" spans="1:19" x14ac:dyDescent="0.35">
      <c r="A5" s="17"/>
      <c r="B5" s="17"/>
      <c r="C5" s="19">
        <v>-1</v>
      </c>
      <c r="D5" s="19">
        <f>C5-1</f>
        <v>-2</v>
      </c>
      <c r="E5" s="19">
        <f t="shared" ref="E5:O5" si="0">D5-1</f>
        <v>-3</v>
      </c>
      <c r="F5" s="19">
        <f t="shared" si="0"/>
        <v>-4</v>
      </c>
      <c r="G5" s="19">
        <f t="shared" si="0"/>
        <v>-5</v>
      </c>
      <c r="H5" s="19">
        <f t="shared" si="0"/>
        <v>-6</v>
      </c>
      <c r="I5" s="19">
        <f t="shared" si="0"/>
        <v>-7</v>
      </c>
      <c r="J5" s="19">
        <f t="shared" si="0"/>
        <v>-8</v>
      </c>
      <c r="K5" s="19">
        <f t="shared" si="0"/>
        <v>-9</v>
      </c>
      <c r="L5" s="19">
        <f t="shared" si="0"/>
        <v>-10</v>
      </c>
      <c r="M5" s="19">
        <f t="shared" si="0"/>
        <v>-11</v>
      </c>
      <c r="N5" s="19">
        <f t="shared" si="0"/>
        <v>-12</v>
      </c>
      <c r="O5" s="19">
        <f t="shared" si="0"/>
        <v>-13</v>
      </c>
      <c r="Q5" s="34">
        <v>10</v>
      </c>
      <c r="R5" s="13" t="s">
        <v>25</v>
      </c>
      <c r="S5" s="13"/>
    </row>
    <row r="6" spans="1:19" ht="15" thickBot="1" x14ac:dyDescent="0.4">
      <c r="A6" s="119" t="s">
        <v>22</v>
      </c>
      <c r="B6" s="119"/>
      <c r="C6" s="17"/>
      <c r="D6" s="20"/>
      <c r="E6" s="20"/>
      <c r="F6" s="20"/>
      <c r="G6" s="20"/>
      <c r="H6" s="20"/>
      <c r="I6" s="20"/>
      <c r="J6" s="17"/>
      <c r="K6" s="17"/>
      <c r="L6" s="17"/>
      <c r="M6" s="17"/>
      <c r="N6" s="17"/>
      <c r="O6" s="17"/>
      <c r="P6" s="17"/>
      <c r="Q6" s="34">
        <v>20</v>
      </c>
      <c r="R6" s="13" t="s">
        <v>28</v>
      </c>
      <c r="S6" s="13"/>
    </row>
    <row r="7" spans="1:19" x14ac:dyDescent="0.35">
      <c r="A7" s="53" t="s">
        <v>2028</v>
      </c>
      <c r="B7" s="21"/>
      <c r="C7" s="21"/>
      <c r="D7" s="21"/>
      <c r="E7" s="21"/>
      <c r="F7" s="21"/>
      <c r="G7" s="21"/>
      <c r="H7" s="21"/>
      <c r="I7" s="21"/>
      <c r="J7" s="21"/>
      <c r="K7" s="21"/>
      <c r="L7" s="21"/>
      <c r="M7" s="21"/>
      <c r="N7" s="21"/>
      <c r="O7" s="54"/>
      <c r="Q7" s="34">
        <v>211</v>
      </c>
      <c r="R7" s="13" t="s">
        <v>32</v>
      </c>
      <c r="S7" s="13"/>
    </row>
    <row r="8" spans="1:19" x14ac:dyDescent="0.35">
      <c r="A8" s="16">
        <v>1</v>
      </c>
      <c r="B8" s="16" t="s">
        <v>24</v>
      </c>
      <c r="C8" s="15">
        <v>120</v>
      </c>
      <c r="D8" s="15">
        <v>131</v>
      </c>
      <c r="E8" s="15">
        <v>211</v>
      </c>
      <c r="F8" s="15">
        <v>224</v>
      </c>
      <c r="G8" s="15">
        <v>302</v>
      </c>
      <c r="H8" s="15">
        <v>118</v>
      </c>
      <c r="I8" s="15">
        <v>197</v>
      </c>
      <c r="J8" s="15">
        <v>172</v>
      </c>
      <c r="K8" s="15">
        <v>216</v>
      </c>
      <c r="L8" s="15">
        <v>197</v>
      </c>
      <c r="M8" s="15">
        <v>148</v>
      </c>
      <c r="N8" s="15">
        <v>75</v>
      </c>
      <c r="O8" s="25">
        <f>SUM(C8:N8)</f>
        <v>2111</v>
      </c>
      <c r="Q8" s="34">
        <v>212</v>
      </c>
      <c r="R8" s="13" t="s">
        <v>35</v>
      </c>
      <c r="S8" s="13"/>
    </row>
    <row r="9" spans="1:19" x14ac:dyDescent="0.35">
      <c r="A9" s="16">
        <v>2</v>
      </c>
      <c r="B9" s="16" t="s">
        <v>27</v>
      </c>
      <c r="C9" s="15">
        <v>16</v>
      </c>
      <c r="D9" s="15">
        <v>15</v>
      </c>
      <c r="E9" s="15">
        <v>23</v>
      </c>
      <c r="F9" s="15">
        <v>21</v>
      </c>
      <c r="G9" s="15">
        <v>21</v>
      </c>
      <c r="H9" s="15">
        <v>14</v>
      </c>
      <c r="I9" s="15">
        <v>10</v>
      </c>
      <c r="J9" s="15">
        <v>15</v>
      </c>
      <c r="K9" s="15">
        <v>17</v>
      </c>
      <c r="L9" s="15">
        <v>16</v>
      </c>
      <c r="M9" s="15">
        <v>14</v>
      </c>
      <c r="N9" s="15">
        <v>9</v>
      </c>
      <c r="O9" s="25">
        <f>SUM(C9:N9)</f>
        <v>191</v>
      </c>
      <c r="Q9" s="34">
        <v>230</v>
      </c>
      <c r="R9" s="13" t="s">
        <v>37</v>
      </c>
      <c r="S9" s="13"/>
    </row>
    <row r="10" spans="1:19" x14ac:dyDescent="0.35">
      <c r="A10" s="16">
        <v>3</v>
      </c>
      <c r="B10" s="16" t="s">
        <v>31</v>
      </c>
      <c r="C10" s="15">
        <v>0</v>
      </c>
      <c r="D10" s="15">
        <v>0</v>
      </c>
      <c r="E10" s="15">
        <v>0</v>
      </c>
      <c r="F10" s="15">
        <v>0</v>
      </c>
      <c r="G10" s="15">
        <v>0</v>
      </c>
      <c r="H10" s="15">
        <v>0</v>
      </c>
      <c r="I10" s="15">
        <v>0</v>
      </c>
      <c r="J10" s="15">
        <v>0</v>
      </c>
      <c r="K10" s="15">
        <v>0</v>
      </c>
      <c r="L10" s="15">
        <v>0</v>
      </c>
      <c r="M10" s="15">
        <v>0</v>
      </c>
      <c r="N10" s="15">
        <v>0</v>
      </c>
      <c r="O10" s="25">
        <f>SUM(C10:N10)</f>
        <v>0</v>
      </c>
      <c r="Q10" s="34">
        <v>213</v>
      </c>
      <c r="R10" s="13" t="s">
        <v>39</v>
      </c>
      <c r="S10" s="13"/>
    </row>
    <row r="11" spans="1:19" x14ac:dyDescent="0.35">
      <c r="A11" s="16">
        <v>4</v>
      </c>
      <c r="B11" s="16" t="s">
        <v>34</v>
      </c>
      <c r="C11" s="15">
        <v>1</v>
      </c>
      <c r="D11" s="15">
        <v>0</v>
      </c>
      <c r="E11" s="15">
        <v>0</v>
      </c>
      <c r="F11" s="15">
        <v>0</v>
      </c>
      <c r="G11" s="15">
        <v>0</v>
      </c>
      <c r="H11" s="15">
        <v>0</v>
      </c>
      <c r="I11" s="15">
        <v>0</v>
      </c>
      <c r="J11" s="15">
        <v>1</v>
      </c>
      <c r="K11" s="15">
        <v>0</v>
      </c>
      <c r="L11" s="15">
        <v>0</v>
      </c>
      <c r="M11" s="15">
        <v>0</v>
      </c>
      <c r="N11" s="15">
        <v>1</v>
      </c>
      <c r="O11" s="25">
        <f>SUM(C11:N11)</f>
        <v>3</v>
      </c>
      <c r="Q11" s="34">
        <v>216</v>
      </c>
      <c r="R11" s="13" t="s">
        <v>41</v>
      </c>
      <c r="S11" s="13"/>
    </row>
    <row r="12" spans="1:19" x14ac:dyDescent="0.35">
      <c r="A12" s="16">
        <v>5</v>
      </c>
      <c r="B12" s="16" t="s">
        <v>21</v>
      </c>
      <c r="C12" s="31">
        <f t="shared" ref="C12:N12" si="1">SUM(C8:C11)</f>
        <v>137</v>
      </c>
      <c r="D12" s="31">
        <f t="shared" si="1"/>
        <v>146</v>
      </c>
      <c r="E12" s="31">
        <f t="shared" si="1"/>
        <v>234</v>
      </c>
      <c r="F12" s="31">
        <f t="shared" si="1"/>
        <v>245</v>
      </c>
      <c r="G12" s="31">
        <f t="shared" si="1"/>
        <v>323</v>
      </c>
      <c r="H12" s="31">
        <f t="shared" si="1"/>
        <v>132</v>
      </c>
      <c r="I12" s="31">
        <f t="shared" si="1"/>
        <v>207</v>
      </c>
      <c r="J12" s="31">
        <f t="shared" si="1"/>
        <v>188</v>
      </c>
      <c r="K12" s="31">
        <f t="shared" si="1"/>
        <v>233</v>
      </c>
      <c r="L12" s="31">
        <f t="shared" si="1"/>
        <v>213</v>
      </c>
      <c r="M12" s="31">
        <f t="shared" si="1"/>
        <v>162</v>
      </c>
      <c r="N12" s="31">
        <f t="shared" si="1"/>
        <v>85</v>
      </c>
      <c r="O12" s="25">
        <f>SUM(C12:N12)</f>
        <v>2305</v>
      </c>
      <c r="Q12" s="34">
        <v>221</v>
      </c>
      <c r="R12" s="13" t="s">
        <v>42</v>
      </c>
      <c r="S12" s="13"/>
    </row>
    <row r="13" spans="1:19" x14ac:dyDescent="0.35">
      <c r="A13" s="16"/>
      <c r="B13" s="16"/>
      <c r="C13" s="15"/>
      <c r="D13" s="15"/>
      <c r="E13" s="15"/>
      <c r="F13" s="15"/>
      <c r="G13" s="15"/>
      <c r="H13" s="15"/>
      <c r="I13" s="15"/>
      <c r="J13" s="15"/>
      <c r="K13" s="15"/>
      <c r="L13" s="15"/>
      <c r="M13" s="15"/>
      <c r="N13" s="15"/>
      <c r="O13" s="28"/>
      <c r="Q13" s="34">
        <v>222</v>
      </c>
      <c r="R13" s="13" t="s">
        <v>43</v>
      </c>
      <c r="S13" s="13"/>
    </row>
    <row r="14" spans="1:19" x14ac:dyDescent="0.35">
      <c r="A14" s="55" t="s">
        <v>2029</v>
      </c>
      <c r="B14" s="15"/>
      <c r="C14" s="15"/>
      <c r="D14" s="15"/>
      <c r="E14" s="15"/>
      <c r="F14" s="15"/>
      <c r="G14" s="15"/>
      <c r="H14" s="15"/>
      <c r="I14" s="15"/>
      <c r="J14" s="15"/>
      <c r="K14" s="15"/>
      <c r="L14" s="15"/>
      <c r="M14" s="15"/>
      <c r="N14" s="15"/>
      <c r="O14" s="28"/>
      <c r="Q14" s="34">
        <v>240</v>
      </c>
      <c r="R14" s="13" t="s">
        <v>44</v>
      </c>
      <c r="S14" s="13"/>
    </row>
    <row r="15" spans="1:19" x14ac:dyDescent="0.35">
      <c r="A15" s="16">
        <v>1</v>
      </c>
      <c r="B15" s="16" t="s">
        <v>24</v>
      </c>
      <c r="C15" s="15">
        <v>16</v>
      </c>
      <c r="D15" s="15">
        <v>14</v>
      </c>
      <c r="E15" s="15">
        <v>24</v>
      </c>
      <c r="F15" s="15">
        <v>19</v>
      </c>
      <c r="G15" s="15">
        <v>32</v>
      </c>
      <c r="H15" s="15">
        <v>7</v>
      </c>
      <c r="I15" s="15">
        <v>16</v>
      </c>
      <c r="J15" s="15">
        <v>22</v>
      </c>
      <c r="K15" s="15">
        <v>19</v>
      </c>
      <c r="L15" s="15">
        <v>19</v>
      </c>
      <c r="M15" s="15">
        <v>11</v>
      </c>
      <c r="N15" s="15">
        <v>9</v>
      </c>
      <c r="O15" s="25">
        <f>SUM(C15:N15)</f>
        <v>208</v>
      </c>
      <c r="Q15" s="34">
        <v>400</v>
      </c>
      <c r="R15" s="13" t="s">
        <v>45</v>
      </c>
      <c r="S15" s="13"/>
    </row>
    <row r="16" spans="1:19" x14ac:dyDescent="0.35">
      <c r="A16" s="16">
        <v>2</v>
      </c>
      <c r="B16" s="16" t="s">
        <v>27</v>
      </c>
      <c r="C16" s="15">
        <v>2</v>
      </c>
      <c r="D16" s="15">
        <v>1</v>
      </c>
      <c r="E16" s="15">
        <v>1</v>
      </c>
      <c r="F16" s="15">
        <v>3</v>
      </c>
      <c r="G16" s="15">
        <v>2</v>
      </c>
      <c r="H16" s="15">
        <v>1</v>
      </c>
      <c r="I16" s="15">
        <v>1</v>
      </c>
      <c r="J16" s="15">
        <v>1</v>
      </c>
      <c r="K16" s="15">
        <v>2</v>
      </c>
      <c r="L16" s="15">
        <v>1</v>
      </c>
      <c r="M16" s="15">
        <v>0</v>
      </c>
      <c r="N16" s="15">
        <v>0</v>
      </c>
      <c r="O16" s="25">
        <f>SUM(C16:N16)</f>
        <v>15</v>
      </c>
      <c r="Q16" s="34">
        <v>510</v>
      </c>
      <c r="R16" s="13" t="s">
        <v>39</v>
      </c>
      <c r="S16" s="13"/>
    </row>
    <row r="17" spans="1:15" x14ac:dyDescent="0.35">
      <c r="A17" s="16">
        <v>3</v>
      </c>
      <c r="B17" s="16" t="s">
        <v>31</v>
      </c>
      <c r="C17" s="15">
        <v>0</v>
      </c>
      <c r="D17" s="15">
        <v>0</v>
      </c>
      <c r="E17" s="15">
        <v>0</v>
      </c>
      <c r="F17" s="15">
        <v>0</v>
      </c>
      <c r="G17" s="15">
        <v>0</v>
      </c>
      <c r="H17" s="15">
        <v>0</v>
      </c>
      <c r="I17" s="15">
        <v>0</v>
      </c>
      <c r="J17" s="15">
        <v>0</v>
      </c>
      <c r="K17" s="15">
        <v>0</v>
      </c>
      <c r="L17" s="15">
        <v>0</v>
      </c>
      <c r="M17" s="15">
        <v>0</v>
      </c>
      <c r="N17" s="15">
        <v>0</v>
      </c>
      <c r="O17" s="25">
        <f>SUM(C17:N17)</f>
        <v>0</v>
      </c>
    </row>
    <row r="18" spans="1:15" x14ac:dyDescent="0.35">
      <c r="A18" s="16">
        <v>4</v>
      </c>
      <c r="B18" s="16" t="s">
        <v>34</v>
      </c>
      <c r="C18" s="15">
        <v>0</v>
      </c>
      <c r="D18" s="15">
        <v>0</v>
      </c>
      <c r="E18" s="15">
        <v>0</v>
      </c>
      <c r="F18" s="15">
        <v>0</v>
      </c>
      <c r="G18" s="15">
        <v>0</v>
      </c>
      <c r="H18" s="15">
        <v>0</v>
      </c>
      <c r="I18" s="15">
        <v>0</v>
      </c>
      <c r="J18" s="15">
        <v>0</v>
      </c>
      <c r="K18" s="15">
        <v>0</v>
      </c>
      <c r="L18" s="15">
        <v>0</v>
      </c>
      <c r="M18" s="15">
        <v>0</v>
      </c>
      <c r="N18" s="15">
        <v>0</v>
      </c>
      <c r="O18" s="25">
        <f>SUM(C18:N18)</f>
        <v>0</v>
      </c>
    </row>
    <row r="19" spans="1:15" x14ac:dyDescent="0.35">
      <c r="A19" s="16">
        <v>5</v>
      </c>
      <c r="B19" s="16" t="s">
        <v>21</v>
      </c>
      <c r="C19" s="31">
        <f t="shared" ref="C19:N19" si="2">SUM(C15:C18)</f>
        <v>18</v>
      </c>
      <c r="D19" s="31">
        <f t="shared" si="2"/>
        <v>15</v>
      </c>
      <c r="E19" s="31">
        <f t="shared" si="2"/>
        <v>25</v>
      </c>
      <c r="F19" s="31">
        <f t="shared" si="2"/>
        <v>22</v>
      </c>
      <c r="G19" s="31">
        <f t="shared" si="2"/>
        <v>34</v>
      </c>
      <c r="H19" s="31">
        <f t="shared" si="2"/>
        <v>8</v>
      </c>
      <c r="I19" s="31">
        <f t="shared" si="2"/>
        <v>17</v>
      </c>
      <c r="J19" s="31">
        <f t="shared" si="2"/>
        <v>23</v>
      </c>
      <c r="K19" s="31">
        <f t="shared" si="2"/>
        <v>21</v>
      </c>
      <c r="L19" s="31">
        <f t="shared" si="2"/>
        <v>20</v>
      </c>
      <c r="M19" s="31">
        <f t="shared" si="2"/>
        <v>11</v>
      </c>
      <c r="N19" s="31">
        <f t="shared" si="2"/>
        <v>9</v>
      </c>
      <c r="O19" s="25">
        <f>SUM(C19:N19)</f>
        <v>223</v>
      </c>
    </row>
    <row r="20" spans="1:15" x14ac:dyDescent="0.35">
      <c r="A20" s="32"/>
      <c r="B20" s="16"/>
      <c r="C20" s="16"/>
      <c r="D20" s="16"/>
      <c r="E20" s="15"/>
      <c r="F20" s="15"/>
      <c r="G20" s="15"/>
      <c r="H20" s="15"/>
      <c r="I20" s="15"/>
      <c r="J20" s="15"/>
      <c r="K20" s="15"/>
      <c r="L20" s="15"/>
      <c r="M20" s="15"/>
      <c r="N20" s="15"/>
      <c r="O20" s="28"/>
    </row>
    <row r="21" spans="1:15" x14ac:dyDescent="0.35">
      <c r="A21" s="55" t="s">
        <v>2030</v>
      </c>
      <c r="B21" s="15"/>
      <c r="C21" s="15"/>
      <c r="D21" s="15"/>
      <c r="E21" s="15"/>
      <c r="F21" s="15"/>
      <c r="G21" s="15"/>
      <c r="H21" s="15"/>
      <c r="I21" s="15"/>
      <c r="J21" s="15"/>
      <c r="K21" s="15"/>
      <c r="L21" s="15"/>
      <c r="M21" s="15"/>
      <c r="N21" s="15"/>
      <c r="O21" s="28"/>
    </row>
    <row r="22" spans="1:15" x14ac:dyDescent="0.35">
      <c r="A22" s="16">
        <v>1</v>
      </c>
      <c r="B22" s="16" t="s">
        <v>24</v>
      </c>
      <c r="C22" s="15">
        <v>4</v>
      </c>
      <c r="D22" s="15">
        <v>5</v>
      </c>
      <c r="E22" s="15">
        <v>12</v>
      </c>
      <c r="F22" s="15">
        <v>28</v>
      </c>
      <c r="G22" s="15">
        <v>8</v>
      </c>
      <c r="H22" s="15">
        <v>5</v>
      </c>
      <c r="I22" s="15">
        <v>7</v>
      </c>
      <c r="J22" s="15">
        <v>2</v>
      </c>
      <c r="K22" s="15">
        <v>10</v>
      </c>
      <c r="L22" s="15">
        <v>11</v>
      </c>
      <c r="M22" s="15">
        <v>9</v>
      </c>
      <c r="N22" s="15">
        <v>5</v>
      </c>
      <c r="O22" s="25">
        <f>SUM(C22:N22)</f>
        <v>106</v>
      </c>
    </row>
    <row r="23" spans="1:15" x14ac:dyDescent="0.35">
      <c r="A23" s="16">
        <v>2</v>
      </c>
      <c r="B23" s="16" t="s">
        <v>27</v>
      </c>
      <c r="C23" s="15">
        <v>0</v>
      </c>
      <c r="D23" s="15">
        <v>2</v>
      </c>
      <c r="E23" s="15">
        <v>0</v>
      </c>
      <c r="F23" s="15">
        <v>1</v>
      </c>
      <c r="G23" s="15">
        <v>1</v>
      </c>
      <c r="H23" s="15">
        <v>0</v>
      </c>
      <c r="I23" s="15">
        <v>0</v>
      </c>
      <c r="J23" s="15">
        <v>1</v>
      </c>
      <c r="K23" s="15">
        <v>2</v>
      </c>
      <c r="L23" s="15">
        <v>1</v>
      </c>
      <c r="M23" s="15">
        <v>1</v>
      </c>
      <c r="N23" s="15">
        <v>1</v>
      </c>
      <c r="O23" s="25">
        <f>SUM(C23:N23)</f>
        <v>10</v>
      </c>
    </row>
    <row r="24" spans="1:15" x14ac:dyDescent="0.35">
      <c r="A24" s="16">
        <v>3</v>
      </c>
      <c r="B24" s="16" t="s">
        <v>31</v>
      </c>
      <c r="C24" s="15">
        <v>0</v>
      </c>
      <c r="D24" s="15">
        <v>0</v>
      </c>
      <c r="E24" s="15">
        <v>0</v>
      </c>
      <c r="F24" s="15">
        <v>0</v>
      </c>
      <c r="G24" s="15">
        <v>0</v>
      </c>
      <c r="H24" s="15">
        <v>0</v>
      </c>
      <c r="I24" s="15">
        <v>0</v>
      </c>
      <c r="J24" s="15">
        <v>0</v>
      </c>
      <c r="K24" s="15">
        <v>0</v>
      </c>
      <c r="L24" s="15">
        <v>0</v>
      </c>
      <c r="M24" s="15">
        <v>0</v>
      </c>
      <c r="N24" s="15">
        <v>0</v>
      </c>
      <c r="O24" s="25">
        <f>SUM(C24:N24)</f>
        <v>0</v>
      </c>
    </row>
    <row r="25" spans="1:15" x14ac:dyDescent="0.35">
      <c r="A25" s="16">
        <v>4</v>
      </c>
      <c r="B25" s="16" t="s">
        <v>34</v>
      </c>
      <c r="C25" s="15">
        <v>0</v>
      </c>
      <c r="D25" s="15">
        <v>0</v>
      </c>
      <c r="E25" s="15">
        <v>0</v>
      </c>
      <c r="F25" s="15">
        <v>0</v>
      </c>
      <c r="G25" s="15">
        <v>0</v>
      </c>
      <c r="H25" s="15">
        <v>0</v>
      </c>
      <c r="I25" s="15">
        <v>0</v>
      </c>
      <c r="J25" s="15">
        <v>0</v>
      </c>
      <c r="K25" s="15">
        <v>0</v>
      </c>
      <c r="L25" s="15">
        <v>0</v>
      </c>
      <c r="M25" s="15">
        <v>0</v>
      </c>
      <c r="N25" s="15">
        <v>0</v>
      </c>
      <c r="O25" s="25">
        <f>SUM(C25:N25)</f>
        <v>0</v>
      </c>
    </row>
    <row r="26" spans="1:15" x14ac:dyDescent="0.35">
      <c r="A26" s="16">
        <v>5</v>
      </c>
      <c r="B26" s="16" t="s">
        <v>21</v>
      </c>
      <c r="C26" s="31">
        <f t="shared" ref="C26:N26" si="3">SUM(C22:C25)</f>
        <v>4</v>
      </c>
      <c r="D26" s="31">
        <f t="shared" si="3"/>
        <v>7</v>
      </c>
      <c r="E26" s="31">
        <f t="shared" si="3"/>
        <v>12</v>
      </c>
      <c r="F26" s="31">
        <f t="shared" si="3"/>
        <v>29</v>
      </c>
      <c r="G26" s="31">
        <f t="shared" si="3"/>
        <v>9</v>
      </c>
      <c r="H26" s="31">
        <f t="shared" si="3"/>
        <v>5</v>
      </c>
      <c r="I26" s="31">
        <f t="shared" si="3"/>
        <v>7</v>
      </c>
      <c r="J26" s="31">
        <f t="shared" si="3"/>
        <v>3</v>
      </c>
      <c r="K26" s="31">
        <f t="shared" si="3"/>
        <v>12</v>
      </c>
      <c r="L26" s="31">
        <f t="shared" si="3"/>
        <v>12</v>
      </c>
      <c r="M26" s="31">
        <f t="shared" si="3"/>
        <v>10</v>
      </c>
      <c r="N26" s="31">
        <f t="shared" si="3"/>
        <v>6</v>
      </c>
      <c r="O26" s="25">
        <f>SUM(C26:N26)</f>
        <v>116</v>
      </c>
    </row>
    <row r="27" spans="1:15" x14ac:dyDescent="0.35">
      <c r="A27" s="32"/>
      <c r="B27" s="16"/>
      <c r="C27" s="16"/>
      <c r="D27" s="16"/>
      <c r="E27" s="15"/>
      <c r="F27" s="15"/>
      <c r="G27" s="15"/>
      <c r="H27" s="15"/>
      <c r="I27" s="15"/>
      <c r="J27" s="15"/>
      <c r="K27" s="15"/>
      <c r="L27" s="15"/>
      <c r="M27" s="15"/>
      <c r="N27" s="15"/>
      <c r="O27" s="28"/>
    </row>
    <row r="28" spans="1:15" x14ac:dyDescent="0.35">
      <c r="A28" s="55" t="s">
        <v>2031</v>
      </c>
      <c r="B28" s="15"/>
      <c r="C28" s="15"/>
      <c r="D28" s="15"/>
      <c r="E28" s="15"/>
      <c r="F28" s="15"/>
      <c r="G28" s="15"/>
      <c r="H28" s="15"/>
      <c r="I28" s="15"/>
      <c r="J28" s="15"/>
      <c r="K28" s="15"/>
      <c r="L28" s="15"/>
      <c r="M28" s="15"/>
      <c r="N28" s="15"/>
      <c r="O28" s="28"/>
    </row>
    <row r="29" spans="1:15" x14ac:dyDescent="0.35">
      <c r="A29" s="16">
        <v>1</v>
      </c>
      <c r="B29" s="16" t="s">
        <v>24</v>
      </c>
      <c r="C29" s="15">
        <v>2</v>
      </c>
      <c r="D29" s="15">
        <v>0</v>
      </c>
      <c r="E29" s="15">
        <v>0</v>
      </c>
      <c r="F29" s="15">
        <v>4</v>
      </c>
      <c r="G29" s="15">
        <v>1</v>
      </c>
      <c r="H29" s="15">
        <v>1</v>
      </c>
      <c r="I29" s="15">
        <v>1</v>
      </c>
      <c r="J29" s="15">
        <v>0</v>
      </c>
      <c r="K29" s="15">
        <v>0</v>
      </c>
      <c r="L29" s="15">
        <v>1</v>
      </c>
      <c r="M29" s="15">
        <v>0</v>
      </c>
      <c r="N29" s="15">
        <v>1</v>
      </c>
      <c r="O29" s="25">
        <f>SUM(C29:N29)</f>
        <v>11</v>
      </c>
    </row>
    <row r="30" spans="1:15" x14ac:dyDescent="0.35">
      <c r="A30" s="16">
        <v>2</v>
      </c>
      <c r="B30" s="16" t="s">
        <v>27</v>
      </c>
      <c r="C30" s="15">
        <v>0</v>
      </c>
      <c r="D30" s="15">
        <v>0</v>
      </c>
      <c r="E30" s="15">
        <v>2</v>
      </c>
      <c r="F30" s="15">
        <v>0</v>
      </c>
      <c r="G30" s="15">
        <v>0</v>
      </c>
      <c r="H30" s="15">
        <v>1</v>
      </c>
      <c r="I30" s="15">
        <v>0</v>
      </c>
      <c r="J30" s="15">
        <v>0</v>
      </c>
      <c r="K30" s="15">
        <v>2</v>
      </c>
      <c r="L30" s="15">
        <v>0</v>
      </c>
      <c r="M30" s="15">
        <v>0</v>
      </c>
      <c r="N30" s="15">
        <v>0</v>
      </c>
      <c r="O30" s="25">
        <f>SUM(C30:N30)</f>
        <v>5</v>
      </c>
    </row>
    <row r="31" spans="1:15" x14ac:dyDescent="0.35">
      <c r="A31" s="16">
        <v>3</v>
      </c>
      <c r="B31" s="16" t="s">
        <v>31</v>
      </c>
      <c r="C31" s="15">
        <v>0</v>
      </c>
      <c r="D31" s="15">
        <v>0</v>
      </c>
      <c r="E31" s="15">
        <v>0</v>
      </c>
      <c r="F31" s="15">
        <v>0</v>
      </c>
      <c r="G31" s="15">
        <v>0</v>
      </c>
      <c r="H31" s="15">
        <v>0</v>
      </c>
      <c r="I31" s="15">
        <v>0</v>
      </c>
      <c r="J31" s="15">
        <v>0</v>
      </c>
      <c r="K31" s="15">
        <v>0</v>
      </c>
      <c r="L31" s="15">
        <v>0</v>
      </c>
      <c r="M31" s="15">
        <v>0</v>
      </c>
      <c r="N31" s="15">
        <v>0</v>
      </c>
      <c r="O31" s="25">
        <f>SUM(C31:N31)</f>
        <v>0</v>
      </c>
    </row>
    <row r="32" spans="1:15" x14ac:dyDescent="0.35">
      <c r="A32" s="16">
        <v>4</v>
      </c>
      <c r="B32" s="16" t="s">
        <v>34</v>
      </c>
      <c r="C32" s="15">
        <v>0</v>
      </c>
      <c r="D32" s="15">
        <v>0</v>
      </c>
      <c r="E32" s="15">
        <v>0</v>
      </c>
      <c r="F32" s="15">
        <v>0</v>
      </c>
      <c r="G32" s="15">
        <v>0</v>
      </c>
      <c r="H32" s="15">
        <v>0</v>
      </c>
      <c r="I32" s="15">
        <v>0</v>
      </c>
      <c r="J32" s="15">
        <v>0</v>
      </c>
      <c r="K32" s="15">
        <v>0</v>
      </c>
      <c r="L32" s="15">
        <v>0</v>
      </c>
      <c r="M32" s="15">
        <v>0</v>
      </c>
      <c r="N32" s="15">
        <v>0</v>
      </c>
      <c r="O32" s="25">
        <f>SUM(C32:N32)</f>
        <v>0</v>
      </c>
    </row>
    <row r="33" spans="1:15" x14ac:dyDescent="0.35">
      <c r="A33" s="27">
        <v>5</v>
      </c>
      <c r="B33" s="27" t="s">
        <v>21</v>
      </c>
      <c r="C33" s="63">
        <f t="shared" ref="C33:N33" si="4">SUM(C29:C32)</f>
        <v>2</v>
      </c>
      <c r="D33" s="63">
        <f t="shared" si="4"/>
        <v>0</v>
      </c>
      <c r="E33" s="63">
        <f t="shared" si="4"/>
        <v>2</v>
      </c>
      <c r="F33" s="63">
        <f t="shared" si="4"/>
        <v>4</v>
      </c>
      <c r="G33" s="63">
        <f t="shared" si="4"/>
        <v>1</v>
      </c>
      <c r="H33" s="63">
        <f t="shared" si="4"/>
        <v>2</v>
      </c>
      <c r="I33" s="63">
        <f t="shared" si="4"/>
        <v>1</v>
      </c>
      <c r="J33" s="63">
        <f t="shared" si="4"/>
        <v>0</v>
      </c>
      <c r="K33" s="63">
        <f t="shared" si="4"/>
        <v>2</v>
      </c>
      <c r="L33" s="63">
        <f t="shared" si="4"/>
        <v>1</v>
      </c>
      <c r="M33" s="63">
        <f t="shared" si="4"/>
        <v>0</v>
      </c>
      <c r="N33" s="63">
        <f t="shared" si="4"/>
        <v>1</v>
      </c>
      <c r="O33" s="25">
        <f>SUM(C33:N33)</f>
        <v>16</v>
      </c>
    </row>
    <row r="34" spans="1:15" s="51" customFormat="1" x14ac:dyDescent="0.35">
      <c r="A34" s="23"/>
      <c r="B34" s="23"/>
      <c r="C34" s="24"/>
      <c r="D34" s="24"/>
      <c r="E34" s="24"/>
      <c r="F34" s="24"/>
      <c r="G34" s="24"/>
      <c r="H34" s="24"/>
      <c r="I34" s="24"/>
      <c r="J34" s="24"/>
      <c r="K34" s="24"/>
      <c r="L34" s="24"/>
      <c r="M34" s="24"/>
      <c r="N34" s="24"/>
      <c r="O34" s="65"/>
    </row>
    <row r="35" spans="1:15" ht="15" thickBot="1" x14ac:dyDescent="0.4">
      <c r="A35" s="118" t="s">
        <v>2043</v>
      </c>
      <c r="B35" s="118"/>
      <c r="C35" s="29">
        <f>C12+C19+C26+C33</f>
        <v>161</v>
      </c>
      <c r="D35" s="29">
        <f t="shared" ref="D35:N35" si="5">D12+D19+D26+D33</f>
        <v>168</v>
      </c>
      <c r="E35" s="29">
        <f t="shared" si="5"/>
        <v>273</v>
      </c>
      <c r="F35" s="29">
        <f t="shared" si="5"/>
        <v>300</v>
      </c>
      <c r="G35" s="29">
        <f t="shared" si="5"/>
        <v>367</v>
      </c>
      <c r="H35" s="29">
        <f t="shared" si="5"/>
        <v>147</v>
      </c>
      <c r="I35" s="29">
        <f t="shared" si="5"/>
        <v>232</v>
      </c>
      <c r="J35" s="29">
        <f t="shared" si="5"/>
        <v>214</v>
      </c>
      <c r="K35" s="29">
        <f t="shared" si="5"/>
        <v>268</v>
      </c>
      <c r="L35" s="29">
        <f t="shared" si="5"/>
        <v>246</v>
      </c>
      <c r="M35" s="29">
        <f t="shared" si="5"/>
        <v>183</v>
      </c>
      <c r="N35" s="29">
        <f t="shared" si="5"/>
        <v>101</v>
      </c>
      <c r="O35" s="64">
        <f>SUM(C35:N35)</f>
        <v>2660</v>
      </c>
    </row>
    <row r="37" spans="1:15" ht="15" thickBot="1" x14ac:dyDescent="0.4">
      <c r="A37" s="116" t="s">
        <v>2027</v>
      </c>
      <c r="B37" s="116"/>
    </row>
    <row r="38" spans="1:15" x14ac:dyDescent="0.35">
      <c r="A38" s="53" t="s">
        <v>2032</v>
      </c>
      <c r="B38" s="21"/>
      <c r="C38" s="21"/>
      <c r="D38" s="21"/>
      <c r="E38" s="21"/>
      <c r="F38" s="21"/>
      <c r="G38" s="21"/>
      <c r="H38" s="21"/>
      <c r="I38" s="21"/>
      <c r="J38" s="21"/>
      <c r="K38" s="21"/>
      <c r="L38" s="21"/>
      <c r="M38" s="21"/>
      <c r="N38" s="21"/>
      <c r="O38" s="54"/>
    </row>
    <row r="39" spans="1:15" x14ac:dyDescent="0.35">
      <c r="A39" s="16">
        <v>1</v>
      </c>
      <c r="B39" s="16" t="s">
        <v>24</v>
      </c>
      <c r="C39" s="15">
        <v>801</v>
      </c>
      <c r="D39" s="15">
        <v>560</v>
      </c>
      <c r="E39" s="15">
        <v>1131</v>
      </c>
      <c r="F39" s="15">
        <v>1359</v>
      </c>
      <c r="G39" s="15">
        <v>1243</v>
      </c>
      <c r="H39" s="15">
        <v>691</v>
      </c>
      <c r="I39" s="15">
        <v>1050</v>
      </c>
      <c r="J39" s="15">
        <v>880</v>
      </c>
      <c r="K39" s="15">
        <v>1022</v>
      </c>
      <c r="L39" s="15">
        <v>975</v>
      </c>
      <c r="M39" s="15">
        <v>653</v>
      </c>
      <c r="N39" s="15">
        <v>493</v>
      </c>
      <c r="O39" s="25">
        <f>SUM(C39:N39)</f>
        <v>10858</v>
      </c>
    </row>
    <row r="40" spans="1:15" x14ac:dyDescent="0.35">
      <c r="A40" s="16">
        <v>2</v>
      </c>
      <c r="B40" s="16" t="s">
        <v>27</v>
      </c>
      <c r="C40" s="15">
        <v>143</v>
      </c>
      <c r="D40" s="15">
        <v>124</v>
      </c>
      <c r="E40" s="15">
        <v>174</v>
      </c>
      <c r="F40" s="15">
        <v>174</v>
      </c>
      <c r="G40" s="15">
        <v>157</v>
      </c>
      <c r="H40" s="15">
        <v>124</v>
      </c>
      <c r="I40" s="15">
        <v>151</v>
      </c>
      <c r="J40" s="15">
        <v>177</v>
      </c>
      <c r="K40" s="15">
        <v>106</v>
      </c>
      <c r="L40" s="15">
        <v>107</v>
      </c>
      <c r="M40" s="15">
        <v>53</v>
      </c>
      <c r="N40" s="15">
        <v>145</v>
      </c>
      <c r="O40" s="25">
        <f>SUM(C40:N40)</f>
        <v>1635</v>
      </c>
    </row>
    <row r="41" spans="1:15" x14ac:dyDescent="0.35">
      <c r="A41" s="16">
        <v>3</v>
      </c>
      <c r="B41" s="16" t="s">
        <v>31</v>
      </c>
      <c r="C41" s="15">
        <v>1</v>
      </c>
      <c r="D41" s="15">
        <v>0</v>
      </c>
      <c r="E41" s="15">
        <v>0</v>
      </c>
      <c r="F41" s="15">
        <v>1</v>
      </c>
      <c r="G41" s="15">
        <v>1</v>
      </c>
      <c r="H41" s="15">
        <v>2</v>
      </c>
      <c r="I41" s="15">
        <v>0</v>
      </c>
      <c r="J41" s="15">
        <v>0</v>
      </c>
      <c r="K41" s="15">
        <v>0</v>
      </c>
      <c r="L41" s="15">
        <v>0</v>
      </c>
      <c r="M41" s="15">
        <v>0</v>
      </c>
      <c r="N41" s="15">
        <v>0</v>
      </c>
      <c r="O41" s="25">
        <f>SUM(C41:N41)</f>
        <v>5</v>
      </c>
    </row>
    <row r="42" spans="1:15" x14ac:dyDescent="0.35">
      <c r="A42" s="16">
        <v>4</v>
      </c>
      <c r="B42" s="16" t="s">
        <v>34</v>
      </c>
      <c r="C42" s="15">
        <v>2</v>
      </c>
      <c r="D42" s="15">
        <v>1</v>
      </c>
      <c r="E42" s="15">
        <v>2</v>
      </c>
      <c r="F42" s="15">
        <v>2</v>
      </c>
      <c r="G42" s="15">
        <v>1</v>
      </c>
      <c r="H42" s="15">
        <v>4</v>
      </c>
      <c r="I42" s="15">
        <v>3</v>
      </c>
      <c r="J42" s="15">
        <v>2</v>
      </c>
      <c r="K42" s="15">
        <v>2</v>
      </c>
      <c r="L42" s="15">
        <v>2</v>
      </c>
      <c r="M42" s="15">
        <v>3</v>
      </c>
      <c r="N42" s="15">
        <v>2</v>
      </c>
      <c r="O42" s="25">
        <f>SUM(C42:N42)</f>
        <v>26</v>
      </c>
    </row>
    <row r="43" spans="1:15" ht="15" thickBot="1" x14ac:dyDescent="0.4">
      <c r="A43" s="56">
        <v>5</v>
      </c>
      <c r="B43" s="56" t="s">
        <v>21</v>
      </c>
      <c r="C43" s="29">
        <f t="shared" ref="C43:N43" si="6">SUM(C39:C42)</f>
        <v>947</v>
      </c>
      <c r="D43" s="29">
        <f t="shared" si="6"/>
        <v>685</v>
      </c>
      <c r="E43" s="29">
        <f t="shared" si="6"/>
        <v>1307</v>
      </c>
      <c r="F43" s="29">
        <f t="shared" si="6"/>
        <v>1536</v>
      </c>
      <c r="G43" s="29">
        <f t="shared" si="6"/>
        <v>1402</v>
      </c>
      <c r="H43" s="29">
        <f t="shared" si="6"/>
        <v>821</v>
      </c>
      <c r="I43" s="29">
        <f t="shared" si="6"/>
        <v>1204</v>
      </c>
      <c r="J43" s="29">
        <f t="shared" si="6"/>
        <v>1059</v>
      </c>
      <c r="K43" s="29">
        <f t="shared" si="6"/>
        <v>1130</v>
      </c>
      <c r="L43" s="29">
        <f t="shared" si="6"/>
        <v>1084</v>
      </c>
      <c r="M43" s="29">
        <f t="shared" si="6"/>
        <v>709</v>
      </c>
      <c r="N43" s="29">
        <f t="shared" si="6"/>
        <v>640</v>
      </c>
      <c r="O43" s="30">
        <f>SUM(C43:N43)</f>
        <v>12524</v>
      </c>
    </row>
    <row r="45" spans="1:15" ht="15" thickBot="1" x14ac:dyDescent="0.4">
      <c r="A45" s="116" t="s">
        <v>2045</v>
      </c>
      <c r="B45" s="116"/>
      <c r="C45" s="51"/>
      <c r="D45" s="51"/>
      <c r="E45" s="51"/>
      <c r="F45" s="51"/>
      <c r="G45" s="51"/>
      <c r="H45" s="51"/>
      <c r="I45" s="51"/>
      <c r="J45" s="51"/>
      <c r="K45" s="51"/>
      <c r="L45" s="51"/>
      <c r="M45" s="51"/>
      <c r="N45" s="51"/>
      <c r="O45" s="51"/>
    </row>
    <row r="46" spans="1:15" x14ac:dyDescent="0.35">
      <c r="A46" s="53" t="s">
        <v>2044</v>
      </c>
      <c r="B46" s="21"/>
      <c r="C46" s="21"/>
      <c r="D46" s="21"/>
      <c r="E46" s="21"/>
      <c r="F46" s="21"/>
      <c r="G46" s="21"/>
      <c r="H46" s="21"/>
      <c r="I46" s="21"/>
      <c r="J46" s="21"/>
      <c r="K46" s="21"/>
      <c r="L46" s="21"/>
      <c r="M46" s="21"/>
      <c r="N46" s="21"/>
      <c r="O46" s="54"/>
    </row>
    <row r="47" spans="1:15" x14ac:dyDescent="0.35">
      <c r="A47" s="16">
        <v>1</v>
      </c>
      <c r="B47" s="16" t="s">
        <v>24</v>
      </c>
      <c r="C47" s="15">
        <v>0</v>
      </c>
      <c r="D47" s="15">
        <v>8</v>
      </c>
      <c r="E47" s="15">
        <v>5</v>
      </c>
      <c r="F47" s="15">
        <v>1</v>
      </c>
      <c r="G47" s="15">
        <v>1</v>
      </c>
      <c r="H47" s="15">
        <v>1</v>
      </c>
      <c r="I47" s="15">
        <v>3</v>
      </c>
      <c r="J47" s="15">
        <v>3</v>
      </c>
      <c r="K47" s="15">
        <v>2</v>
      </c>
      <c r="L47" s="15">
        <v>0</v>
      </c>
      <c r="M47" s="15">
        <v>0</v>
      </c>
      <c r="N47" s="15">
        <v>0</v>
      </c>
      <c r="O47" s="25">
        <f>SUM(C47:N47)</f>
        <v>24</v>
      </c>
    </row>
    <row r="48" spans="1:15" x14ac:dyDescent="0.35">
      <c r="A48" s="16">
        <v>2</v>
      </c>
      <c r="B48" s="16" t="s">
        <v>27</v>
      </c>
      <c r="C48" s="15">
        <v>0</v>
      </c>
      <c r="D48" s="15">
        <v>0</v>
      </c>
      <c r="E48" s="15">
        <v>0</v>
      </c>
      <c r="F48" s="15">
        <v>0</v>
      </c>
      <c r="G48" s="15">
        <v>1</v>
      </c>
      <c r="H48" s="15">
        <v>0</v>
      </c>
      <c r="I48" s="15">
        <v>0</v>
      </c>
      <c r="J48" s="15">
        <v>0</v>
      </c>
      <c r="K48" s="15">
        <v>0</v>
      </c>
      <c r="L48" s="15">
        <v>0</v>
      </c>
      <c r="M48" s="15">
        <v>0</v>
      </c>
      <c r="N48" s="15">
        <v>0</v>
      </c>
      <c r="O48" s="25">
        <f>SUM(C48:N48)</f>
        <v>1</v>
      </c>
    </row>
    <row r="49" spans="1:16" x14ac:dyDescent="0.35">
      <c r="A49" s="16">
        <v>3</v>
      </c>
      <c r="B49" s="16" t="s">
        <v>31</v>
      </c>
      <c r="C49" s="15">
        <v>0</v>
      </c>
      <c r="D49" s="15">
        <v>0</v>
      </c>
      <c r="E49" s="15">
        <v>0</v>
      </c>
      <c r="F49" s="15">
        <v>0</v>
      </c>
      <c r="G49" s="15">
        <v>0</v>
      </c>
      <c r="H49" s="15">
        <v>0</v>
      </c>
      <c r="I49" s="15">
        <v>0</v>
      </c>
      <c r="J49" s="15">
        <v>0</v>
      </c>
      <c r="K49" s="15">
        <v>0</v>
      </c>
      <c r="L49" s="15">
        <v>0</v>
      </c>
      <c r="M49" s="15">
        <v>0</v>
      </c>
      <c r="N49" s="15">
        <v>0</v>
      </c>
      <c r="O49" s="25">
        <f>SUM(C49:N49)</f>
        <v>0</v>
      </c>
    </row>
    <row r="50" spans="1:16" x14ac:dyDescent="0.35">
      <c r="A50" s="16">
        <v>4</v>
      </c>
      <c r="B50" s="16" t="s">
        <v>34</v>
      </c>
      <c r="C50" s="15">
        <v>0</v>
      </c>
      <c r="D50" s="15">
        <v>0</v>
      </c>
      <c r="E50" s="15">
        <v>0</v>
      </c>
      <c r="F50" s="15">
        <v>0</v>
      </c>
      <c r="G50" s="15">
        <v>0</v>
      </c>
      <c r="H50" s="15">
        <v>0</v>
      </c>
      <c r="I50" s="15">
        <v>0</v>
      </c>
      <c r="J50" s="15">
        <v>0</v>
      </c>
      <c r="K50" s="15">
        <v>0</v>
      </c>
      <c r="L50" s="15">
        <v>0</v>
      </c>
      <c r="M50" s="15">
        <v>0</v>
      </c>
      <c r="N50" s="15">
        <v>0</v>
      </c>
      <c r="O50" s="25">
        <f>SUM(C50:N50)</f>
        <v>0</v>
      </c>
    </row>
    <row r="51" spans="1:16" ht="15" thickBot="1" x14ac:dyDescent="0.4">
      <c r="A51" s="56">
        <v>5</v>
      </c>
      <c r="B51" s="56" t="s">
        <v>21</v>
      </c>
      <c r="C51" s="29">
        <f t="shared" ref="C51:N51" si="7">SUM(C47:C50)</f>
        <v>0</v>
      </c>
      <c r="D51" s="29">
        <f t="shared" si="7"/>
        <v>8</v>
      </c>
      <c r="E51" s="29">
        <f t="shared" si="7"/>
        <v>5</v>
      </c>
      <c r="F51" s="29">
        <f t="shared" si="7"/>
        <v>1</v>
      </c>
      <c r="G51" s="29">
        <f t="shared" si="7"/>
        <v>2</v>
      </c>
      <c r="H51" s="29">
        <f t="shared" si="7"/>
        <v>1</v>
      </c>
      <c r="I51" s="29">
        <f t="shared" si="7"/>
        <v>3</v>
      </c>
      <c r="J51" s="29">
        <f t="shared" si="7"/>
        <v>3</v>
      </c>
      <c r="K51" s="29">
        <f t="shared" si="7"/>
        <v>2</v>
      </c>
      <c r="L51" s="29">
        <f t="shared" si="7"/>
        <v>0</v>
      </c>
      <c r="M51" s="29">
        <f t="shared" si="7"/>
        <v>0</v>
      </c>
      <c r="N51" s="29">
        <f t="shared" si="7"/>
        <v>0</v>
      </c>
      <c r="O51" s="30">
        <f>SUM(C51:N51)</f>
        <v>25</v>
      </c>
    </row>
    <row r="53" spans="1:16" ht="15" thickBot="1" x14ac:dyDescent="0.4">
      <c r="A53" s="116" t="s">
        <v>9859</v>
      </c>
      <c r="B53" s="116"/>
      <c r="C53" s="51"/>
      <c r="D53" s="51"/>
      <c r="E53" s="51"/>
      <c r="F53" s="51"/>
      <c r="G53" s="51"/>
      <c r="H53" s="51"/>
      <c r="I53" s="51"/>
      <c r="J53" s="51"/>
      <c r="K53" s="51"/>
      <c r="L53" s="51"/>
      <c r="M53" s="51"/>
      <c r="N53" s="51"/>
      <c r="O53" s="51"/>
    </row>
    <row r="54" spans="1:16" x14ac:dyDescent="0.35">
      <c r="A54" s="53" t="s">
        <v>9858</v>
      </c>
      <c r="B54" s="21"/>
      <c r="C54" s="21"/>
      <c r="D54" s="21"/>
      <c r="E54" s="21"/>
      <c r="F54" s="21"/>
      <c r="G54" s="21"/>
      <c r="H54" s="21"/>
      <c r="I54" s="21"/>
      <c r="J54" s="21"/>
      <c r="K54" s="21"/>
      <c r="L54" s="21"/>
      <c r="M54" s="21"/>
      <c r="N54" s="21"/>
      <c r="O54" s="21" t="s">
        <v>9861</v>
      </c>
      <c r="P54" s="54"/>
    </row>
    <row r="55" spans="1:16" x14ac:dyDescent="0.35">
      <c r="A55" s="16">
        <v>1</v>
      </c>
      <c r="B55" s="16" t="s">
        <v>24</v>
      </c>
      <c r="C55" s="15">
        <v>22</v>
      </c>
      <c r="D55" s="15">
        <v>34</v>
      </c>
      <c r="E55" s="15">
        <v>25</v>
      </c>
      <c r="F55" s="15">
        <v>32</v>
      </c>
      <c r="G55" s="15">
        <v>37</v>
      </c>
      <c r="H55" s="15">
        <v>32</v>
      </c>
      <c r="I55" s="15">
        <v>29</v>
      </c>
      <c r="J55" s="15">
        <v>34</v>
      </c>
      <c r="K55" s="15">
        <v>30</v>
      </c>
      <c r="L55" s="15">
        <v>47</v>
      </c>
      <c r="M55" s="15">
        <v>26</v>
      </c>
      <c r="N55" s="15">
        <v>32</v>
      </c>
      <c r="O55" s="15">
        <v>117</v>
      </c>
      <c r="P55" s="25">
        <f>SUM(C55:O55)</f>
        <v>497</v>
      </c>
    </row>
    <row r="56" spans="1:16" x14ac:dyDescent="0.35">
      <c r="A56" s="16">
        <v>2</v>
      </c>
      <c r="B56" s="16" t="s">
        <v>27</v>
      </c>
      <c r="C56" s="15">
        <v>4</v>
      </c>
      <c r="D56" s="15">
        <v>19</v>
      </c>
      <c r="E56" s="15">
        <v>4</v>
      </c>
      <c r="F56" s="15">
        <v>4</v>
      </c>
      <c r="G56" s="15">
        <v>10</v>
      </c>
      <c r="H56" s="15">
        <v>8</v>
      </c>
      <c r="I56" s="15">
        <v>4</v>
      </c>
      <c r="J56" s="15">
        <v>4</v>
      </c>
      <c r="K56" s="15">
        <v>6</v>
      </c>
      <c r="L56" s="15">
        <v>5</v>
      </c>
      <c r="M56" s="15">
        <v>10</v>
      </c>
      <c r="N56" s="15">
        <v>7</v>
      </c>
      <c r="O56" s="15">
        <v>9</v>
      </c>
      <c r="P56" s="25">
        <f>SUM(C56:O56)</f>
        <v>94</v>
      </c>
    </row>
    <row r="57" spans="1:16" x14ac:dyDescent="0.35">
      <c r="A57" s="16">
        <v>3</v>
      </c>
      <c r="B57" s="16" t="s">
        <v>31</v>
      </c>
      <c r="C57" s="15">
        <v>0</v>
      </c>
      <c r="D57" s="15">
        <v>0</v>
      </c>
      <c r="E57" s="15">
        <v>0</v>
      </c>
      <c r="F57" s="15">
        <v>0</v>
      </c>
      <c r="G57" s="15">
        <v>0</v>
      </c>
      <c r="H57" s="15">
        <v>1</v>
      </c>
      <c r="I57" s="15">
        <v>0</v>
      </c>
      <c r="J57" s="15">
        <v>0</v>
      </c>
      <c r="K57" s="15">
        <v>0</v>
      </c>
      <c r="L57" s="15">
        <v>0</v>
      </c>
      <c r="M57" s="15">
        <v>0</v>
      </c>
      <c r="N57" s="15">
        <v>0</v>
      </c>
      <c r="O57" s="15">
        <v>0</v>
      </c>
      <c r="P57" s="25">
        <f>SUM(C57:O57)</f>
        <v>1</v>
      </c>
    </row>
    <row r="58" spans="1:16" x14ac:dyDescent="0.35">
      <c r="A58" s="16">
        <v>4</v>
      </c>
      <c r="B58" s="16" t="s">
        <v>34</v>
      </c>
      <c r="C58" s="15">
        <v>0</v>
      </c>
      <c r="D58" s="15">
        <v>0</v>
      </c>
      <c r="E58" s="15">
        <v>0</v>
      </c>
      <c r="F58" s="15">
        <v>0</v>
      </c>
      <c r="G58" s="15">
        <v>0</v>
      </c>
      <c r="H58" s="15">
        <v>0</v>
      </c>
      <c r="I58" s="15">
        <v>0</v>
      </c>
      <c r="J58" s="15">
        <v>0</v>
      </c>
      <c r="K58" s="15">
        <v>0</v>
      </c>
      <c r="L58" s="15">
        <v>2</v>
      </c>
      <c r="M58" s="15">
        <v>0</v>
      </c>
      <c r="N58" s="15">
        <v>1</v>
      </c>
      <c r="O58" s="15">
        <v>0</v>
      </c>
      <c r="P58" s="25">
        <f>SUM(C58:O58)</f>
        <v>3</v>
      </c>
    </row>
    <row r="59" spans="1:16" ht="15" thickBot="1" x14ac:dyDescent="0.4">
      <c r="A59" s="56">
        <v>5</v>
      </c>
      <c r="B59" s="56" t="s">
        <v>21</v>
      </c>
      <c r="C59" s="29">
        <f t="shared" ref="C59:O59" si="8">SUM(C55:C58)</f>
        <v>26</v>
      </c>
      <c r="D59" s="29">
        <f t="shared" si="8"/>
        <v>53</v>
      </c>
      <c r="E59" s="29">
        <f t="shared" si="8"/>
        <v>29</v>
      </c>
      <c r="F59" s="29">
        <f t="shared" si="8"/>
        <v>36</v>
      </c>
      <c r="G59" s="29">
        <f t="shared" si="8"/>
        <v>47</v>
      </c>
      <c r="H59" s="29">
        <f t="shared" si="8"/>
        <v>41</v>
      </c>
      <c r="I59" s="29">
        <f t="shared" si="8"/>
        <v>33</v>
      </c>
      <c r="J59" s="29">
        <f t="shared" si="8"/>
        <v>38</v>
      </c>
      <c r="K59" s="29">
        <f t="shared" si="8"/>
        <v>36</v>
      </c>
      <c r="L59" s="29">
        <f t="shared" si="8"/>
        <v>54</v>
      </c>
      <c r="M59" s="29">
        <f t="shared" si="8"/>
        <v>36</v>
      </c>
      <c r="N59" s="29">
        <f t="shared" si="8"/>
        <v>40</v>
      </c>
      <c r="O59" s="29">
        <f t="shared" si="8"/>
        <v>126</v>
      </c>
      <c r="P59" s="30">
        <f>SUM(C59:O59)</f>
        <v>595</v>
      </c>
    </row>
    <row r="60" spans="1:16" x14ac:dyDescent="0.35">
      <c r="O60" s="51"/>
    </row>
    <row r="61" spans="1:16" ht="15" thickBot="1" x14ac:dyDescent="0.4">
      <c r="A61" s="116" t="s">
        <v>9860</v>
      </c>
      <c r="B61" s="116"/>
      <c r="C61" s="51"/>
      <c r="D61" s="51"/>
      <c r="E61" s="51"/>
      <c r="F61" s="51"/>
      <c r="G61" s="51"/>
      <c r="H61" s="51"/>
      <c r="I61" s="51"/>
      <c r="J61" s="51"/>
      <c r="K61" s="51"/>
      <c r="L61" s="51"/>
      <c r="M61" s="51"/>
      <c r="N61" s="51"/>
      <c r="O61" s="51"/>
      <c r="P61" s="51"/>
    </row>
    <row r="62" spans="1:16" x14ac:dyDescent="0.35">
      <c r="A62" s="53" t="s">
        <v>9858</v>
      </c>
      <c r="B62" s="21"/>
      <c r="C62" s="21"/>
      <c r="D62" s="21"/>
      <c r="E62" s="21"/>
      <c r="F62" s="21"/>
      <c r="G62" s="21"/>
      <c r="H62" s="21"/>
      <c r="I62" s="21"/>
      <c r="J62" s="21"/>
      <c r="K62" s="21"/>
      <c r="L62" s="21"/>
      <c r="M62" s="21"/>
      <c r="N62" s="21"/>
      <c r="O62" s="21" t="s">
        <v>9861</v>
      </c>
      <c r="P62" s="54"/>
    </row>
    <row r="63" spans="1:16" x14ac:dyDescent="0.35">
      <c r="A63" s="16">
        <v>1</v>
      </c>
      <c r="B63" s="16" t="s">
        <v>24</v>
      </c>
      <c r="C63" s="15">
        <v>197</v>
      </c>
      <c r="D63" s="15">
        <v>184</v>
      </c>
      <c r="E63" s="15">
        <v>191</v>
      </c>
      <c r="F63" s="15">
        <v>220</v>
      </c>
      <c r="G63" s="15">
        <v>241</v>
      </c>
      <c r="H63" s="15">
        <v>238</v>
      </c>
      <c r="I63" s="15">
        <v>234</v>
      </c>
      <c r="J63" s="15">
        <v>173</v>
      </c>
      <c r="K63" s="15">
        <v>242</v>
      </c>
      <c r="L63" s="15">
        <v>273</v>
      </c>
      <c r="M63" s="15">
        <v>203</v>
      </c>
      <c r="N63" s="15">
        <v>208</v>
      </c>
      <c r="O63" s="15">
        <v>713</v>
      </c>
      <c r="P63" s="25">
        <f>SUM(C63:O63)</f>
        <v>3317</v>
      </c>
    </row>
    <row r="64" spans="1:16" x14ac:dyDescent="0.35">
      <c r="A64" s="16">
        <v>2</v>
      </c>
      <c r="B64" s="16" t="s">
        <v>27</v>
      </c>
      <c r="C64" s="15">
        <v>22</v>
      </c>
      <c r="D64" s="15">
        <v>23</v>
      </c>
      <c r="E64" s="15">
        <v>23</v>
      </c>
      <c r="F64" s="15">
        <v>18</v>
      </c>
      <c r="G64" s="15">
        <v>26</v>
      </c>
      <c r="H64" s="15">
        <v>23</v>
      </c>
      <c r="I64" s="15">
        <v>16</v>
      </c>
      <c r="J64" s="15">
        <v>18</v>
      </c>
      <c r="K64" s="15">
        <v>20</v>
      </c>
      <c r="L64" s="15">
        <v>21</v>
      </c>
      <c r="M64" s="15">
        <v>23</v>
      </c>
      <c r="N64" s="15">
        <v>20</v>
      </c>
      <c r="O64" s="15">
        <v>55</v>
      </c>
      <c r="P64" s="25">
        <f>SUM(C64:O64)</f>
        <v>308</v>
      </c>
    </row>
    <row r="65" spans="1:16" x14ac:dyDescent="0.35">
      <c r="A65" s="16">
        <v>3</v>
      </c>
      <c r="B65" s="16" t="s">
        <v>31</v>
      </c>
      <c r="C65" s="15">
        <v>0</v>
      </c>
      <c r="D65" s="15">
        <v>0</v>
      </c>
      <c r="E65" s="15">
        <v>0</v>
      </c>
      <c r="F65" s="15">
        <v>0</v>
      </c>
      <c r="G65" s="15">
        <v>0</v>
      </c>
      <c r="H65" s="15">
        <v>0</v>
      </c>
      <c r="I65" s="15">
        <v>0</v>
      </c>
      <c r="J65" s="15">
        <v>0</v>
      </c>
      <c r="K65" s="15">
        <v>0</v>
      </c>
      <c r="L65" s="15">
        <v>1</v>
      </c>
      <c r="M65" s="15">
        <v>0</v>
      </c>
      <c r="N65" s="15">
        <v>0</v>
      </c>
      <c r="O65" s="15">
        <v>0</v>
      </c>
      <c r="P65" s="25">
        <f>SUM(C65:O65)</f>
        <v>1</v>
      </c>
    </row>
    <row r="66" spans="1:16" x14ac:dyDescent="0.35">
      <c r="A66" s="16">
        <v>4</v>
      </c>
      <c r="B66" s="16" t="s">
        <v>34</v>
      </c>
      <c r="C66" s="15">
        <v>0</v>
      </c>
      <c r="D66" s="15">
        <v>1</v>
      </c>
      <c r="E66" s="15">
        <v>1</v>
      </c>
      <c r="F66" s="15">
        <v>0</v>
      </c>
      <c r="G66" s="15">
        <v>0</v>
      </c>
      <c r="H66" s="15">
        <v>0</v>
      </c>
      <c r="I66" s="15">
        <v>0</v>
      </c>
      <c r="J66" s="15">
        <v>0</v>
      </c>
      <c r="K66" s="15">
        <v>0</v>
      </c>
      <c r="L66" s="15">
        <v>0</v>
      </c>
      <c r="M66" s="15">
        <v>0</v>
      </c>
      <c r="N66" s="15">
        <v>1</v>
      </c>
      <c r="O66" s="15">
        <v>0</v>
      </c>
      <c r="P66" s="25">
        <f>SUM(C66:O66)</f>
        <v>3</v>
      </c>
    </row>
    <row r="67" spans="1:16" ht="15" thickBot="1" x14ac:dyDescent="0.4">
      <c r="A67" s="56">
        <v>5</v>
      </c>
      <c r="B67" s="56" t="s">
        <v>21</v>
      </c>
      <c r="C67" s="29">
        <f t="shared" ref="C67:O67" si="9">SUM(C63:C66)</f>
        <v>219</v>
      </c>
      <c r="D67" s="29">
        <f t="shared" si="9"/>
        <v>208</v>
      </c>
      <c r="E67" s="29">
        <f t="shared" si="9"/>
        <v>215</v>
      </c>
      <c r="F67" s="29">
        <f t="shared" si="9"/>
        <v>238</v>
      </c>
      <c r="G67" s="29">
        <f t="shared" si="9"/>
        <v>267</v>
      </c>
      <c r="H67" s="29">
        <f t="shared" si="9"/>
        <v>261</v>
      </c>
      <c r="I67" s="29">
        <f t="shared" si="9"/>
        <v>250</v>
      </c>
      <c r="J67" s="29">
        <f t="shared" si="9"/>
        <v>191</v>
      </c>
      <c r="K67" s="29">
        <f t="shared" si="9"/>
        <v>262</v>
      </c>
      <c r="L67" s="29">
        <f t="shared" si="9"/>
        <v>295</v>
      </c>
      <c r="M67" s="29">
        <f t="shared" si="9"/>
        <v>226</v>
      </c>
      <c r="N67" s="29">
        <f t="shared" si="9"/>
        <v>229</v>
      </c>
      <c r="O67" s="29">
        <f t="shared" si="9"/>
        <v>768</v>
      </c>
      <c r="P67" s="30">
        <f>SUM(C67:O67)</f>
        <v>3629</v>
      </c>
    </row>
  </sheetData>
  <mergeCells count="8">
    <mergeCell ref="A61:B61"/>
    <mergeCell ref="A53:B53"/>
    <mergeCell ref="A1:B1"/>
    <mergeCell ref="A2:B2"/>
    <mergeCell ref="A37:B37"/>
    <mergeCell ref="A35:B35"/>
    <mergeCell ref="A45:B45"/>
    <mergeCell ref="A6:B6"/>
  </mergeCells>
  <pageMargins left="0.7" right="0.7" top="0.75" bottom="0.75" header="0.3" footer="0.3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32191BBF-19DF-4ABE-AF80-71351F8AE1D1}">
  <dimension ref="A1:O106"/>
  <sheetViews>
    <sheetView topLeftCell="A19" zoomScale="145" zoomScaleNormal="145" workbookViewId="0">
      <selection activeCell="C20" sqref="C20"/>
    </sheetView>
  </sheetViews>
  <sheetFormatPr defaultRowHeight="14.5" x14ac:dyDescent="0.35"/>
  <cols>
    <col min="1" max="1" width="24.54296875" style="11" customWidth="1"/>
    <col min="2" max="2" width="26.1796875" bestFit="1" customWidth="1"/>
    <col min="3" max="3" width="7.453125" bestFit="1" customWidth="1"/>
    <col min="4" max="4" width="8.26953125" bestFit="1" customWidth="1"/>
    <col min="5" max="5" width="8.1796875" bestFit="1" customWidth="1"/>
    <col min="6" max="6" width="7.7265625" bestFit="1" customWidth="1"/>
    <col min="7" max="7" width="7.453125" bestFit="1" customWidth="1"/>
    <col min="8" max="8" width="8.26953125" bestFit="1" customWidth="1"/>
    <col min="9" max="9" width="8.1796875" bestFit="1" customWidth="1"/>
    <col min="10" max="10" width="7.7265625" bestFit="1" customWidth="1"/>
    <col min="11" max="11" width="7.7265625" style="51" customWidth="1"/>
    <col min="12" max="12" width="8.453125" bestFit="1" customWidth="1"/>
    <col min="13" max="13" width="7.1796875" bestFit="1" customWidth="1"/>
  </cols>
  <sheetData>
    <row r="1" spans="1:15" ht="15" x14ac:dyDescent="0.35">
      <c r="A1" s="122" t="s">
        <v>19</v>
      </c>
      <c r="B1" s="122"/>
      <c r="C1" s="122"/>
      <c r="D1" s="122"/>
      <c r="E1" s="122"/>
      <c r="F1" s="122"/>
      <c r="G1" s="122"/>
      <c r="H1" s="122"/>
      <c r="I1" s="122"/>
      <c r="J1" s="122"/>
      <c r="K1" s="122"/>
      <c r="L1" s="122"/>
      <c r="M1" s="12"/>
      <c r="N1" s="12"/>
    </row>
    <row r="2" spans="1:15" ht="15" x14ac:dyDescent="0.35">
      <c r="A2" s="122" t="s">
        <v>47</v>
      </c>
      <c r="B2" s="122"/>
      <c r="C2" s="122"/>
      <c r="D2" s="122"/>
      <c r="E2" s="122"/>
      <c r="F2" s="122"/>
      <c r="G2" s="122"/>
      <c r="H2" s="122"/>
      <c r="I2" s="122"/>
      <c r="J2" s="122"/>
      <c r="K2" s="122"/>
      <c r="L2" s="122"/>
      <c r="M2" s="12"/>
      <c r="N2" s="12"/>
    </row>
    <row r="3" spans="1:15" ht="15" x14ac:dyDescent="0.35">
      <c r="A3" s="45"/>
      <c r="B3" s="45"/>
      <c r="C3" s="45"/>
      <c r="D3" s="45"/>
      <c r="E3" s="45"/>
      <c r="F3" s="45"/>
      <c r="G3" s="45"/>
      <c r="H3" s="45"/>
      <c r="I3" s="45"/>
      <c r="J3" s="45"/>
      <c r="K3" s="96"/>
      <c r="L3" s="45"/>
      <c r="M3" s="31" t="s">
        <v>48</v>
      </c>
      <c r="N3" s="12"/>
    </row>
    <row r="4" spans="1:15" ht="15" thickBot="1" x14ac:dyDescent="0.4">
      <c r="B4" s="12"/>
      <c r="C4" s="12"/>
      <c r="D4" s="12"/>
      <c r="E4" s="12"/>
      <c r="F4" s="12"/>
      <c r="G4" s="118"/>
      <c r="H4" s="118"/>
      <c r="I4" s="118"/>
      <c r="J4" s="118"/>
      <c r="K4" s="112"/>
      <c r="L4" s="12"/>
      <c r="M4" s="12"/>
      <c r="N4" s="12"/>
    </row>
    <row r="5" spans="1:15" x14ac:dyDescent="0.35">
      <c r="B5" s="12"/>
      <c r="C5" s="123" t="s">
        <v>49</v>
      </c>
      <c r="D5" s="124"/>
      <c r="E5" s="124"/>
      <c r="F5" s="125"/>
      <c r="G5" s="123" t="s">
        <v>50</v>
      </c>
      <c r="H5" s="124"/>
      <c r="I5" s="124"/>
      <c r="J5" s="125"/>
      <c r="K5" s="97" t="s">
        <v>9870</v>
      </c>
      <c r="L5" s="108" t="s">
        <v>9863</v>
      </c>
      <c r="M5" s="120" t="s">
        <v>9864</v>
      </c>
      <c r="N5" s="121"/>
      <c r="O5" s="110"/>
    </row>
    <row r="6" spans="1:15" ht="53" thickBot="1" x14ac:dyDescent="0.4">
      <c r="A6" s="33" t="s">
        <v>20</v>
      </c>
      <c r="B6" s="17" t="s">
        <v>18</v>
      </c>
      <c r="C6" s="44" t="s">
        <v>46</v>
      </c>
      <c r="D6" s="14" t="s">
        <v>51</v>
      </c>
      <c r="E6" s="14" t="s">
        <v>52</v>
      </c>
      <c r="F6" s="43" t="s">
        <v>53</v>
      </c>
      <c r="G6" s="44" t="s">
        <v>46</v>
      </c>
      <c r="H6" s="14" t="s">
        <v>51</v>
      </c>
      <c r="I6" s="14" t="s">
        <v>52</v>
      </c>
      <c r="J6" s="43" t="s">
        <v>53</v>
      </c>
      <c r="K6" s="43" t="s">
        <v>9871</v>
      </c>
      <c r="L6" s="109" t="s">
        <v>9869</v>
      </c>
      <c r="M6" s="44" t="s">
        <v>9865</v>
      </c>
      <c r="N6" s="43" t="s">
        <v>9866</v>
      </c>
    </row>
    <row r="7" spans="1:15" x14ac:dyDescent="0.35">
      <c r="A7" s="33"/>
      <c r="B7" s="17"/>
      <c r="C7" s="19"/>
      <c r="D7" s="19"/>
      <c r="E7" s="19"/>
      <c r="F7" s="19"/>
      <c r="G7" s="19"/>
      <c r="H7" s="19"/>
      <c r="I7" s="19"/>
      <c r="J7" s="19"/>
      <c r="K7" s="19"/>
      <c r="L7" s="19"/>
      <c r="M7" s="15"/>
      <c r="N7" s="17"/>
    </row>
    <row r="8" spans="1:15" x14ac:dyDescent="0.35">
      <c r="A8" s="33"/>
      <c r="B8" s="17"/>
      <c r="C8" s="20"/>
      <c r="D8" s="20"/>
      <c r="E8" s="20"/>
      <c r="F8" s="20"/>
      <c r="G8" s="20"/>
      <c r="H8" s="20"/>
      <c r="I8" s="20"/>
      <c r="J8" s="20"/>
      <c r="K8" s="20"/>
      <c r="L8" s="20"/>
      <c r="M8" s="15"/>
      <c r="N8" s="17"/>
    </row>
    <row r="9" spans="1:15" x14ac:dyDescent="0.35">
      <c r="A9" s="37">
        <v>1</v>
      </c>
      <c r="B9" s="23" t="s">
        <v>54</v>
      </c>
      <c r="C9" s="24">
        <v>1</v>
      </c>
      <c r="D9" s="24">
        <v>2</v>
      </c>
      <c r="E9" s="24">
        <v>2</v>
      </c>
      <c r="F9" s="24">
        <v>2</v>
      </c>
      <c r="G9" s="24">
        <v>1</v>
      </c>
      <c r="H9" s="24"/>
      <c r="I9" s="24"/>
      <c r="J9" s="24"/>
      <c r="K9" s="24">
        <v>1.5</v>
      </c>
      <c r="L9" s="24">
        <v>1</v>
      </c>
      <c r="M9" s="22">
        <v>0</v>
      </c>
      <c r="N9" s="22">
        <v>0</v>
      </c>
    </row>
    <row r="10" spans="1:15" x14ac:dyDescent="0.35">
      <c r="A10" s="37">
        <v>2</v>
      </c>
      <c r="B10" s="23" t="s">
        <v>55</v>
      </c>
      <c r="C10" s="24">
        <v>1</v>
      </c>
      <c r="D10" s="24">
        <v>1</v>
      </c>
      <c r="E10" s="24">
        <v>1</v>
      </c>
      <c r="F10" s="24">
        <v>1</v>
      </c>
      <c r="G10" s="24">
        <v>1</v>
      </c>
      <c r="H10" s="24"/>
      <c r="I10" s="24"/>
      <c r="J10" s="24"/>
      <c r="K10" s="24">
        <v>1</v>
      </c>
      <c r="L10" s="24">
        <v>1</v>
      </c>
      <c r="M10" s="22">
        <v>0</v>
      </c>
      <c r="N10" s="22">
        <v>0</v>
      </c>
    </row>
    <row r="11" spans="1:15" x14ac:dyDescent="0.35">
      <c r="A11" s="37">
        <v>3</v>
      </c>
      <c r="B11" s="23" t="s">
        <v>56</v>
      </c>
      <c r="C11" s="36">
        <f>'Labor and Fleet'!B2</f>
        <v>29.8</v>
      </c>
      <c r="D11" s="36">
        <f>'Labor and Fleet'!B2</f>
        <v>29.8</v>
      </c>
      <c r="E11" s="36">
        <f>'Labor and Fleet'!B2</f>
        <v>29.8</v>
      </c>
      <c r="F11" s="36">
        <f>'Labor and Fleet'!B2</f>
        <v>29.8</v>
      </c>
      <c r="G11" s="36">
        <f>'Labor and Fleet'!B2</f>
        <v>29.8</v>
      </c>
      <c r="H11" s="36"/>
      <c r="I11" s="36"/>
      <c r="J11" s="36"/>
      <c r="K11" s="36">
        <f>'Labor and Fleet'!B2</f>
        <v>29.8</v>
      </c>
      <c r="L11" s="36">
        <f>'Labor and Fleet'!B2</f>
        <v>29.8</v>
      </c>
      <c r="M11" s="36">
        <v>29.8</v>
      </c>
      <c r="N11" s="36">
        <v>29.8</v>
      </c>
    </row>
    <row r="12" spans="1:15" x14ac:dyDescent="0.35">
      <c r="A12" s="37">
        <v>4</v>
      </c>
      <c r="B12" s="23" t="s">
        <v>57</v>
      </c>
      <c r="C12" s="36">
        <v>0</v>
      </c>
      <c r="D12" s="36">
        <f>'Labor and Fleet'!B3</f>
        <v>14.9</v>
      </c>
      <c r="E12" s="36">
        <f>'Labor and Fleet'!B3</f>
        <v>14.9</v>
      </c>
      <c r="F12" s="36">
        <f>F11</f>
        <v>29.8</v>
      </c>
      <c r="G12" s="36">
        <v>0</v>
      </c>
      <c r="H12" s="36"/>
      <c r="I12" s="36"/>
      <c r="J12" s="36"/>
      <c r="K12" s="36">
        <v>0</v>
      </c>
      <c r="L12" s="36">
        <v>0</v>
      </c>
      <c r="M12" s="36">
        <v>0</v>
      </c>
      <c r="N12" s="36">
        <v>0</v>
      </c>
    </row>
    <row r="13" spans="1:15" x14ac:dyDescent="0.35">
      <c r="A13" s="8" t="s">
        <v>58</v>
      </c>
      <c r="B13" s="41" t="s">
        <v>59</v>
      </c>
      <c r="C13" s="40">
        <f>SUM(C11:C12)</f>
        <v>29.8</v>
      </c>
      <c r="D13" s="40">
        <f>SUM(D11:D12)</f>
        <v>44.7</v>
      </c>
      <c r="E13" s="40">
        <f>SUM(E11:E12)</f>
        <v>44.7</v>
      </c>
      <c r="F13" s="40">
        <f>SUM(F11:F12)</f>
        <v>59.6</v>
      </c>
      <c r="G13" s="40">
        <f>SUM(G11:G12)</f>
        <v>29.8</v>
      </c>
      <c r="H13" s="40"/>
      <c r="I13" s="40"/>
      <c r="J13" s="40"/>
      <c r="K13" s="40">
        <v>29.8</v>
      </c>
      <c r="L13" s="40">
        <f>SUM(L11:L12)</f>
        <v>29.8</v>
      </c>
      <c r="M13" s="40">
        <f t="shared" ref="M13:N13" si="0">SUM(M11:M12)</f>
        <v>29.8</v>
      </c>
      <c r="N13" s="40">
        <f t="shared" si="0"/>
        <v>29.8</v>
      </c>
    </row>
    <row r="14" spans="1:15" x14ac:dyDescent="0.35">
      <c r="A14" s="8" t="s">
        <v>60</v>
      </c>
      <c r="B14" s="41" t="s">
        <v>61</v>
      </c>
      <c r="C14" s="40">
        <f>C9*C13</f>
        <v>29.8</v>
      </c>
      <c r="D14" s="40">
        <f>D9*D13</f>
        <v>89.4</v>
      </c>
      <c r="E14" s="40">
        <f>E9*E13</f>
        <v>89.4</v>
      </c>
      <c r="F14" s="40">
        <f>F9*F13</f>
        <v>119.2</v>
      </c>
      <c r="G14" s="40">
        <f>G9*G13</f>
        <v>29.8</v>
      </c>
      <c r="H14" s="40"/>
      <c r="I14" s="40"/>
      <c r="J14" s="40"/>
      <c r="K14" s="40">
        <f>K13*K9</f>
        <v>44.7</v>
      </c>
      <c r="L14" s="40">
        <f>L9*L13</f>
        <v>29.8</v>
      </c>
      <c r="M14" s="40">
        <f t="shared" ref="M14:N14" si="1">M9*M13</f>
        <v>0</v>
      </c>
      <c r="N14" s="40">
        <f t="shared" si="1"/>
        <v>0</v>
      </c>
    </row>
    <row r="15" spans="1:15" x14ac:dyDescent="0.35">
      <c r="A15" s="37">
        <v>7</v>
      </c>
      <c r="B15" s="23" t="s">
        <v>62</v>
      </c>
      <c r="C15" s="36">
        <f>'Labor and Fleet'!B4</f>
        <v>12.56</v>
      </c>
      <c r="D15" s="36">
        <f>'Labor and Fleet'!B4</f>
        <v>12.56</v>
      </c>
      <c r="E15" s="36">
        <f>'Labor and Fleet'!B4</f>
        <v>12.56</v>
      </c>
      <c r="F15" s="36">
        <f>'Labor and Fleet'!B4</f>
        <v>12.56</v>
      </c>
      <c r="G15" s="36">
        <f>'Labor and Fleet'!B4</f>
        <v>12.56</v>
      </c>
      <c r="H15" s="36"/>
      <c r="I15" s="36"/>
      <c r="J15" s="36"/>
      <c r="K15" s="36">
        <f>'Labor and Fleet'!B4</f>
        <v>12.56</v>
      </c>
      <c r="L15" s="36">
        <f>'Labor and Fleet'!B4</f>
        <v>12.56</v>
      </c>
      <c r="M15" s="36">
        <v>12.56</v>
      </c>
      <c r="N15" s="36">
        <v>12.56</v>
      </c>
    </row>
    <row r="16" spans="1:15" x14ac:dyDescent="0.35">
      <c r="A16" s="8" t="s">
        <v>63</v>
      </c>
      <c r="B16" s="41" t="s">
        <v>64</v>
      </c>
      <c r="C16" s="40">
        <f>C10*C15</f>
        <v>12.56</v>
      </c>
      <c r="D16" s="40">
        <f>D10*D15</f>
        <v>12.56</v>
      </c>
      <c r="E16" s="40">
        <f>E10*E15</f>
        <v>12.56</v>
      </c>
      <c r="F16" s="40">
        <f>F10*F15</f>
        <v>12.56</v>
      </c>
      <c r="G16" s="40">
        <f>G10*G15</f>
        <v>12.56</v>
      </c>
      <c r="H16" s="40"/>
      <c r="I16" s="40"/>
      <c r="J16" s="40"/>
      <c r="K16" s="40">
        <f>K10*K15</f>
        <v>12.56</v>
      </c>
      <c r="L16" s="40">
        <f>L10*L15</f>
        <v>12.56</v>
      </c>
      <c r="M16" s="40">
        <f t="shared" ref="M16:N16" si="2">M10*M15</f>
        <v>0</v>
      </c>
      <c r="N16" s="40">
        <f t="shared" si="2"/>
        <v>0</v>
      </c>
    </row>
    <row r="17" spans="1:14" x14ac:dyDescent="0.35">
      <c r="A17" s="37">
        <v>9</v>
      </c>
      <c r="B17" s="23" t="s">
        <v>65</v>
      </c>
      <c r="C17" s="42">
        <f>Fringe!C3/100</f>
        <v>0.39419999999999999</v>
      </c>
      <c r="D17" s="42">
        <f>Fringe!C3/100</f>
        <v>0.39419999999999999</v>
      </c>
      <c r="E17" s="42">
        <f>Fringe!C3/100</f>
        <v>0.39419999999999999</v>
      </c>
      <c r="F17" s="42">
        <f>Fringe!C3/100</f>
        <v>0.39419999999999999</v>
      </c>
      <c r="G17" s="42">
        <f>Fringe!C3/100</f>
        <v>0.39419999999999999</v>
      </c>
      <c r="H17" s="42"/>
      <c r="I17" s="42"/>
      <c r="J17" s="42"/>
      <c r="K17" s="42">
        <f>Fringe!C3/100</f>
        <v>0.39419999999999999</v>
      </c>
      <c r="L17" s="42">
        <f>Fringe!C3/100</f>
        <v>0.39419999999999999</v>
      </c>
      <c r="M17" s="42">
        <f>Fringe!C3/100</f>
        <v>0.39419999999999999</v>
      </c>
      <c r="N17" s="42">
        <f>Fringe!C3/100</f>
        <v>0.39419999999999999</v>
      </c>
    </row>
    <row r="18" spans="1:14" x14ac:dyDescent="0.35">
      <c r="A18" s="8" t="s">
        <v>66</v>
      </c>
      <c r="B18" s="41" t="s">
        <v>67</v>
      </c>
      <c r="C18" s="40">
        <f>C14*C17</f>
        <v>11.747160000000001</v>
      </c>
      <c r="D18" s="40">
        <f t="shared" ref="D18:G18" si="3">D14*D17</f>
        <v>35.241480000000003</v>
      </c>
      <c r="E18" s="40">
        <f t="shared" si="3"/>
        <v>35.241480000000003</v>
      </c>
      <c r="F18" s="40">
        <f t="shared" si="3"/>
        <v>46.988640000000004</v>
      </c>
      <c r="G18" s="40">
        <f t="shared" si="3"/>
        <v>11.747160000000001</v>
      </c>
      <c r="H18" s="40"/>
      <c r="I18" s="40"/>
      <c r="J18" s="40"/>
      <c r="K18" s="40">
        <f>K17*K14</f>
        <v>17.620740000000001</v>
      </c>
      <c r="L18" s="40">
        <f>L17*L14</f>
        <v>11.747160000000001</v>
      </c>
      <c r="M18" s="40">
        <f>M17*M14</f>
        <v>0</v>
      </c>
      <c r="N18" s="40">
        <f>N17*N14</f>
        <v>0</v>
      </c>
    </row>
    <row r="19" spans="1:14" s="51" customFormat="1" x14ac:dyDescent="0.35">
      <c r="A19" s="37">
        <v>11</v>
      </c>
      <c r="B19" s="23" t="s">
        <v>9868</v>
      </c>
      <c r="C19" s="36">
        <v>0</v>
      </c>
      <c r="D19" s="36">
        <v>0</v>
      </c>
      <c r="E19" s="36">
        <v>0</v>
      </c>
      <c r="F19" s="36">
        <v>0</v>
      </c>
      <c r="G19" s="36">
        <v>0</v>
      </c>
      <c r="H19" s="36"/>
      <c r="I19" s="36"/>
      <c r="J19" s="36"/>
      <c r="K19" s="36">
        <v>0</v>
      </c>
      <c r="L19" s="36">
        <v>0</v>
      </c>
      <c r="M19" s="36">
        <v>6.6</v>
      </c>
      <c r="N19" s="36">
        <v>1.6</v>
      </c>
    </row>
    <row r="20" spans="1:14" ht="26.5" thickBot="1" x14ac:dyDescent="0.4">
      <c r="A20" s="111" t="s">
        <v>9867</v>
      </c>
      <c r="B20" s="39" t="s">
        <v>68</v>
      </c>
      <c r="C20" s="38">
        <f>C14+C16+C18+C19</f>
        <v>54.10716</v>
      </c>
      <c r="D20" s="38">
        <f t="shared" ref="D20:N20" si="4">D14+D16+D18+D19</f>
        <v>137.20148</v>
      </c>
      <c r="E20" s="38">
        <f t="shared" si="4"/>
        <v>137.20148</v>
      </c>
      <c r="F20" s="38">
        <f t="shared" si="4"/>
        <v>178.74863999999999</v>
      </c>
      <c r="G20" s="38">
        <f t="shared" si="4"/>
        <v>54.10716</v>
      </c>
      <c r="H20" s="38"/>
      <c r="I20" s="38"/>
      <c r="J20" s="38"/>
      <c r="K20" s="38">
        <f t="shared" si="4"/>
        <v>74.880740000000003</v>
      </c>
      <c r="L20" s="38">
        <f t="shared" si="4"/>
        <v>54.10716</v>
      </c>
      <c r="M20" s="38">
        <f t="shared" si="4"/>
        <v>6.6</v>
      </c>
      <c r="N20" s="38">
        <f t="shared" si="4"/>
        <v>1.6</v>
      </c>
    </row>
    <row r="21" spans="1:14" ht="15" thickTop="1" x14ac:dyDescent="0.35">
      <c r="A21" s="26"/>
      <c r="B21" s="27"/>
      <c r="C21" s="24"/>
      <c r="D21" s="24"/>
      <c r="E21" s="24"/>
      <c r="F21" s="24"/>
      <c r="G21" s="24"/>
      <c r="H21" s="24"/>
      <c r="I21" s="24"/>
      <c r="J21" s="24"/>
      <c r="K21" s="24"/>
      <c r="L21" s="24"/>
      <c r="M21" s="9"/>
      <c r="N21" s="9"/>
    </row>
    <row r="22" spans="1:14" x14ac:dyDescent="0.35">
      <c r="B22" s="16"/>
      <c r="C22" s="12"/>
      <c r="D22" s="12"/>
      <c r="E22" s="12"/>
      <c r="F22" s="12"/>
      <c r="G22" s="12"/>
      <c r="H22" s="12"/>
      <c r="I22" s="12"/>
      <c r="J22" s="12"/>
      <c r="L22" s="12"/>
      <c r="M22" s="9"/>
      <c r="N22" s="9"/>
    </row>
    <row r="23" spans="1:14" x14ac:dyDescent="0.35">
      <c r="A23" s="116"/>
      <c r="B23" s="116"/>
      <c r="C23" s="12"/>
      <c r="D23" s="12"/>
      <c r="E23" s="12"/>
      <c r="F23" s="12"/>
      <c r="G23" s="12"/>
      <c r="H23" s="12"/>
      <c r="I23" s="12"/>
      <c r="J23" s="12"/>
      <c r="L23" s="12"/>
      <c r="M23" s="9"/>
      <c r="N23" s="9"/>
    </row>
    <row r="24" spans="1:14" x14ac:dyDescent="0.35">
      <c r="A24" s="75"/>
      <c r="B24" s="74"/>
      <c r="C24" s="12"/>
      <c r="D24" s="12"/>
      <c r="E24" s="12"/>
      <c r="F24" s="12"/>
      <c r="G24" s="12"/>
      <c r="H24" s="12"/>
      <c r="I24" s="12"/>
      <c r="J24" s="12"/>
      <c r="L24" s="12"/>
      <c r="M24" s="9"/>
      <c r="N24" s="9"/>
    </row>
    <row r="25" spans="1:14" x14ac:dyDescent="0.35">
      <c r="A25" s="75"/>
      <c r="B25" s="74"/>
      <c r="C25" s="12"/>
      <c r="D25" s="12"/>
      <c r="E25" s="12"/>
      <c r="F25" s="12"/>
      <c r="G25" s="12"/>
      <c r="H25" s="12"/>
      <c r="I25" s="12"/>
      <c r="J25" s="12"/>
      <c r="L25" s="12"/>
      <c r="M25" s="9"/>
      <c r="N25" s="9"/>
    </row>
    <row r="26" spans="1:14" x14ac:dyDescent="0.35">
      <c r="B26" s="16"/>
      <c r="C26" s="12"/>
      <c r="D26" s="12"/>
      <c r="E26" s="12"/>
      <c r="F26" s="12"/>
      <c r="G26" s="12"/>
      <c r="H26" s="12"/>
      <c r="I26" s="12"/>
      <c r="J26" s="12"/>
      <c r="L26" s="12"/>
      <c r="M26" s="9"/>
      <c r="N26" s="9"/>
    </row>
    <row r="27" spans="1:14" x14ac:dyDescent="0.35">
      <c r="B27" s="16"/>
      <c r="C27" s="12"/>
      <c r="D27" s="12"/>
      <c r="E27" s="12"/>
      <c r="F27" s="12"/>
      <c r="G27" s="12"/>
      <c r="H27" s="12"/>
      <c r="I27" s="12"/>
      <c r="J27" s="12"/>
      <c r="L27" s="12"/>
      <c r="M27" s="9"/>
      <c r="N27" s="9"/>
    </row>
    <row r="28" spans="1:14" x14ac:dyDescent="0.35">
      <c r="B28" s="16"/>
      <c r="C28" s="12"/>
      <c r="D28" s="12"/>
      <c r="E28" s="12"/>
      <c r="F28" s="12"/>
      <c r="G28" s="12"/>
      <c r="H28" s="12"/>
      <c r="I28" s="12"/>
      <c r="J28" s="12"/>
      <c r="L28" s="12"/>
      <c r="M28" s="9"/>
      <c r="N28" s="9"/>
    </row>
    <row r="29" spans="1:14" x14ac:dyDescent="0.35">
      <c r="B29" s="16"/>
      <c r="C29" s="12"/>
      <c r="D29" s="12"/>
      <c r="E29" s="12"/>
      <c r="F29" s="12"/>
      <c r="G29" s="12"/>
      <c r="H29" s="12"/>
      <c r="I29" s="12"/>
      <c r="J29" s="12"/>
      <c r="L29" s="12"/>
      <c r="M29" s="9"/>
      <c r="N29" s="9"/>
    </row>
    <row r="30" spans="1:14" x14ac:dyDescent="0.35">
      <c r="B30" s="16"/>
      <c r="C30" s="12"/>
      <c r="D30" s="12"/>
      <c r="E30" s="12"/>
      <c r="F30" s="12"/>
      <c r="G30" s="12"/>
      <c r="H30" s="12"/>
      <c r="I30" s="12"/>
      <c r="J30" s="12"/>
      <c r="L30" s="12"/>
      <c r="M30" s="9"/>
      <c r="N30" s="9"/>
    </row>
    <row r="31" spans="1:14" x14ac:dyDescent="0.35">
      <c r="B31" s="16"/>
      <c r="C31" s="12"/>
      <c r="D31" s="12"/>
      <c r="E31" s="12"/>
      <c r="F31" s="12"/>
      <c r="G31" s="12"/>
      <c r="H31" s="12"/>
      <c r="I31" s="12"/>
      <c r="J31" s="12"/>
      <c r="L31" s="12"/>
      <c r="M31" s="9"/>
      <c r="N31" s="9"/>
    </row>
    <row r="32" spans="1:14" x14ac:dyDescent="0.35">
      <c r="B32" s="16"/>
      <c r="C32" s="12"/>
      <c r="D32" s="12"/>
      <c r="E32" s="12"/>
      <c r="F32" s="12"/>
      <c r="G32" s="12"/>
      <c r="H32" s="12"/>
      <c r="I32" s="12"/>
      <c r="J32" s="12"/>
      <c r="L32" s="12"/>
      <c r="M32" s="9"/>
      <c r="N32" s="9"/>
    </row>
    <row r="33" spans="2:14" x14ac:dyDescent="0.35">
      <c r="B33" s="16"/>
      <c r="C33" s="12"/>
      <c r="D33" s="12"/>
      <c r="E33" s="12"/>
      <c r="F33" s="12"/>
      <c r="G33" s="12"/>
      <c r="H33" s="12"/>
      <c r="I33" s="12"/>
      <c r="J33" s="12"/>
      <c r="L33" s="12"/>
      <c r="M33" s="9"/>
      <c r="N33" s="9"/>
    </row>
    <row r="34" spans="2:14" x14ac:dyDescent="0.35">
      <c r="B34" s="16"/>
      <c r="C34" s="9"/>
      <c r="D34" s="9"/>
      <c r="E34" s="9"/>
      <c r="F34" s="9"/>
      <c r="G34" s="9"/>
      <c r="H34" s="9"/>
      <c r="I34" s="9"/>
      <c r="J34" s="9"/>
      <c r="L34" s="9"/>
      <c r="M34" s="9"/>
      <c r="N34" s="9"/>
    </row>
    <row r="35" spans="2:14" x14ac:dyDescent="0.35">
      <c r="B35" s="16"/>
      <c r="C35" s="9"/>
      <c r="D35" s="9"/>
      <c r="E35" s="9"/>
      <c r="F35" s="9"/>
      <c r="G35" s="9"/>
      <c r="H35" s="9"/>
      <c r="I35" s="9"/>
      <c r="J35" s="9"/>
      <c r="L35" s="9"/>
      <c r="M35" s="9"/>
      <c r="N35" s="9"/>
    </row>
    <row r="36" spans="2:14" x14ac:dyDescent="0.35">
      <c r="B36" s="16"/>
      <c r="C36" s="9"/>
      <c r="D36" s="9"/>
      <c r="E36" s="9"/>
      <c r="F36" s="9"/>
      <c r="G36" s="9"/>
      <c r="H36" s="9"/>
      <c r="I36" s="9"/>
      <c r="J36" s="9"/>
      <c r="L36" s="9"/>
      <c r="M36" s="9"/>
      <c r="N36" s="9"/>
    </row>
    <row r="37" spans="2:14" x14ac:dyDescent="0.35">
      <c r="B37" s="16"/>
      <c r="C37" s="9"/>
      <c r="D37" s="9"/>
      <c r="E37" s="9"/>
      <c r="F37" s="9"/>
      <c r="G37" s="9"/>
      <c r="H37" s="9"/>
      <c r="I37" s="9"/>
      <c r="J37" s="9"/>
      <c r="L37" s="9"/>
      <c r="M37" s="9"/>
      <c r="N37" s="9"/>
    </row>
    <row r="38" spans="2:14" x14ac:dyDescent="0.35">
      <c r="B38" s="16"/>
      <c r="C38" s="9"/>
      <c r="D38" s="9"/>
      <c r="E38" s="9"/>
      <c r="F38" s="9"/>
      <c r="G38" s="9"/>
      <c r="H38" s="9"/>
      <c r="I38" s="9"/>
      <c r="J38" s="9"/>
      <c r="L38" s="9"/>
      <c r="M38" s="9"/>
      <c r="N38" s="9"/>
    </row>
    <row r="39" spans="2:14" x14ac:dyDescent="0.35">
      <c r="B39" s="16"/>
      <c r="C39" s="9"/>
      <c r="D39" s="9"/>
      <c r="E39" s="9"/>
      <c r="F39" s="9"/>
      <c r="G39" s="9"/>
      <c r="H39" s="9"/>
      <c r="I39" s="9"/>
      <c r="J39" s="9"/>
      <c r="L39" s="9"/>
      <c r="M39" s="9"/>
      <c r="N39" s="9"/>
    </row>
    <row r="40" spans="2:14" x14ac:dyDescent="0.35">
      <c r="B40" s="16"/>
      <c r="C40" s="9"/>
      <c r="D40" s="9"/>
      <c r="E40" s="9"/>
      <c r="F40" s="9"/>
      <c r="G40" s="9"/>
      <c r="H40" s="9"/>
      <c r="I40" s="9"/>
      <c r="J40" s="9"/>
      <c r="L40" s="9"/>
      <c r="M40" s="9"/>
      <c r="N40" s="9"/>
    </row>
    <row r="41" spans="2:14" x14ac:dyDescent="0.35">
      <c r="B41" s="16"/>
      <c r="C41" s="9"/>
      <c r="D41" s="9"/>
      <c r="E41" s="9"/>
      <c r="F41" s="9"/>
      <c r="G41" s="9"/>
      <c r="H41" s="9"/>
      <c r="I41" s="9"/>
      <c r="J41" s="9"/>
      <c r="L41" s="9"/>
      <c r="M41" s="9"/>
      <c r="N41" s="9"/>
    </row>
    <row r="42" spans="2:14" x14ac:dyDescent="0.35">
      <c r="B42" s="16"/>
      <c r="C42" s="9"/>
      <c r="D42" s="9"/>
      <c r="E42" s="9"/>
      <c r="F42" s="9"/>
      <c r="G42" s="9"/>
      <c r="H42" s="9"/>
      <c r="I42" s="9"/>
      <c r="J42" s="9"/>
      <c r="L42" s="9"/>
      <c r="M42" s="9"/>
      <c r="N42" s="9"/>
    </row>
    <row r="43" spans="2:14" x14ac:dyDescent="0.35">
      <c r="B43" s="16"/>
      <c r="C43" s="9"/>
      <c r="D43" s="9"/>
      <c r="E43" s="9"/>
      <c r="F43" s="9"/>
      <c r="G43" s="9"/>
      <c r="H43" s="9"/>
      <c r="I43" s="9"/>
      <c r="J43" s="9"/>
      <c r="L43" s="9"/>
      <c r="M43" s="9"/>
      <c r="N43" s="9"/>
    </row>
    <row r="44" spans="2:14" x14ac:dyDescent="0.35">
      <c r="B44" s="16"/>
      <c r="C44" s="9"/>
      <c r="D44" s="9"/>
      <c r="E44" s="9"/>
      <c r="F44" s="9"/>
      <c r="G44" s="9"/>
      <c r="H44" s="9"/>
      <c r="I44" s="9"/>
      <c r="J44" s="9"/>
      <c r="L44" s="9"/>
      <c r="M44" s="9"/>
      <c r="N44" s="9"/>
    </row>
    <row r="45" spans="2:14" x14ac:dyDescent="0.35">
      <c r="B45" s="16"/>
      <c r="C45" s="9"/>
      <c r="D45" s="9"/>
      <c r="E45" s="9"/>
      <c r="F45" s="9"/>
      <c r="G45" s="9"/>
      <c r="H45" s="9"/>
      <c r="I45" s="9"/>
      <c r="J45" s="9"/>
      <c r="L45" s="9"/>
      <c r="M45" s="9"/>
      <c r="N45" s="9"/>
    </row>
    <row r="46" spans="2:14" x14ac:dyDescent="0.35">
      <c r="B46" s="16"/>
      <c r="C46" s="9"/>
      <c r="D46" s="9"/>
      <c r="E46" s="9"/>
      <c r="F46" s="9"/>
      <c r="G46" s="9"/>
      <c r="H46" s="9"/>
      <c r="I46" s="9"/>
      <c r="J46" s="9"/>
      <c r="L46" s="9"/>
      <c r="M46" s="9"/>
      <c r="N46" s="9"/>
    </row>
    <row r="47" spans="2:14" x14ac:dyDescent="0.35">
      <c r="B47" s="16"/>
      <c r="C47" s="9"/>
      <c r="D47" s="9"/>
      <c r="E47" s="9"/>
      <c r="F47" s="9"/>
      <c r="G47" s="9"/>
      <c r="H47" s="9"/>
      <c r="I47" s="9"/>
      <c r="J47" s="9"/>
      <c r="L47" s="9"/>
      <c r="M47" s="9"/>
      <c r="N47" s="9"/>
    </row>
    <row r="48" spans="2:14" x14ac:dyDescent="0.35">
      <c r="B48" s="16"/>
      <c r="C48" s="9"/>
      <c r="D48" s="9"/>
      <c r="E48" s="9"/>
      <c r="F48" s="9"/>
      <c r="G48" s="9"/>
      <c r="H48" s="9"/>
      <c r="I48" s="9"/>
      <c r="J48" s="9"/>
      <c r="L48" s="9"/>
      <c r="M48" s="9"/>
      <c r="N48" s="9"/>
    </row>
    <row r="49" spans="2:14" x14ac:dyDescent="0.35">
      <c r="B49" s="16"/>
      <c r="C49" s="9"/>
      <c r="D49" s="9"/>
      <c r="E49" s="9"/>
      <c r="F49" s="9"/>
      <c r="G49" s="9"/>
      <c r="H49" s="9"/>
      <c r="I49" s="9"/>
      <c r="J49" s="9"/>
      <c r="L49" s="9"/>
      <c r="M49" s="9"/>
      <c r="N49" s="9"/>
    </row>
    <row r="50" spans="2:14" x14ac:dyDescent="0.35">
      <c r="B50" s="16"/>
      <c r="C50" s="9"/>
      <c r="D50" s="9"/>
      <c r="E50" s="9"/>
      <c r="F50" s="9"/>
      <c r="G50" s="9"/>
      <c r="H50" s="9"/>
      <c r="I50" s="9"/>
      <c r="J50" s="9"/>
      <c r="L50" s="9"/>
      <c r="M50" s="9"/>
      <c r="N50" s="9"/>
    </row>
    <row r="51" spans="2:14" x14ac:dyDescent="0.35">
      <c r="B51" s="16"/>
      <c r="C51" s="9"/>
      <c r="D51" s="9"/>
      <c r="E51" s="9"/>
      <c r="F51" s="9"/>
      <c r="G51" s="9"/>
      <c r="H51" s="9"/>
      <c r="I51" s="9"/>
      <c r="J51" s="9"/>
      <c r="L51" s="9"/>
      <c r="M51" s="9"/>
      <c r="N51" s="9"/>
    </row>
    <row r="52" spans="2:14" x14ac:dyDescent="0.35">
      <c r="B52" s="16"/>
      <c r="C52" s="9"/>
      <c r="D52" s="9"/>
      <c r="E52" s="9"/>
      <c r="F52" s="9"/>
      <c r="G52" s="9"/>
      <c r="H52" s="9"/>
      <c r="I52" s="9"/>
      <c r="J52" s="9"/>
      <c r="L52" s="9"/>
      <c r="M52" s="9"/>
      <c r="N52" s="9"/>
    </row>
    <row r="53" spans="2:14" x14ac:dyDescent="0.35">
      <c r="B53" s="16"/>
      <c r="C53" s="9"/>
      <c r="D53" s="9"/>
      <c r="E53" s="9"/>
      <c r="F53" s="9"/>
      <c r="G53" s="9"/>
      <c r="H53" s="9"/>
      <c r="I53" s="9"/>
      <c r="J53" s="9"/>
      <c r="L53" s="9"/>
      <c r="M53" s="9"/>
      <c r="N53" s="9"/>
    </row>
    <row r="54" spans="2:14" x14ac:dyDescent="0.35">
      <c r="B54" s="16"/>
      <c r="C54" s="9"/>
      <c r="D54" s="9"/>
      <c r="E54" s="9"/>
      <c r="F54" s="9"/>
      <c r="G54" s="9"/>
      <c r="H54" s="9"/>
      <c r="I54" s="9"/>
      <c r="J54" s="9"/>
      <c r="L54" s="9"/>
      <c r="M54" s="9"/>
      <c r="N54" s="9"/>
    </row>
    <row r="55" spans="2:14" x14ac:dyDescent="0.35">
      <c r="B55" s="16"/>
      <c r="C55" s="9"/>
      <c r="D55" s="9"/>
      <c r="E55" s="9"/>
      <c r="F55" s="9"/>
      <c r="G55" s="9"/>
      <c r="H55" s="9"/>
      <c r="I55" s="9"/>
      <c r="J55" s="9"/>
      <c r="L55" s="9"/>
      <c r="M55" s="9"/>
      <c r="N55" s="9"/>
    </row>
    <row r="56" spans="2:14" x14ac:dyDescent="0.35">
      <c r="B56" s="16"/>
      <c r="C56" s="9"/>
      <c r="D56" s="9"/>
      <c r="E56" s="9"/>
      <c r="F56" s="9"/>
      <c r="G56" s="9"/>
      <c r="H56" s="9"/>
      <c r="I56" s="9"/>
      <c r="J56" s="9"/>
      <c r="L56" s="9"/>
      <c r="M56" s="9"/>
      <c r="N56" s="9"/>
    </row>
    <row r="57" spans="2:14" x14ac:dyDescent="0.35">
      <c r="B57" s="16"/>
      <c r="C57" s="9"/>
      <c r="D57" s="9"/>
      <c r="E57" s="9"/>
      <c r="F57" s="9"/>
      <c r="G57" s="9"/>
      <c r="H57" s="9"/>
      <c r="I57" s="9"/>
      <c r="J57" s="9"/>
      <c r="L57" s="9"/>
      <c r="M57" s="9"/>
      <c r="N57" s="9"/>
    </row>
    <row r="58" spans="2:14" x14ac:dyDescent="0.35">
      <c r="B58" s="16"/>
      <c r="C58" s="9"/>
      <c r="D58" s="9"/>
      <c r="E58" s="9"/>
      <c r="F58" s="9"/>
      <c r="G58" s="9"/>
      <c r="H58" s="9"/>
      <c r="I58" s="9"/>
      <c r="J58" s="9"/>
      <c r="L58" s="9"/>
      <c r="M58" s="9"/>
      <c r="N58" s="9"/>
    </row>
    <row r="59" spans="2:14" x14ac:dyDescent="0.35">
      <c r="B59" s="16"/>
      <c r="C59" s="9"/>
      <c r="D59" s="9"/>
      <c r="E59" s="9"/>
      <c r="F59" s="9"/>
      <c r="G59" s="9"/>
      <c r="H59" s="9"/>
      <c r="I59" s="9"/>
      <c r="J59" s="9"/>
      <c r="L59" s="9"/>
      <c r="M59" s="9"/>
      <c r="N59" s="9"/>
    </row>
    <row r="60" spans="2:14" x14ac:dyDescent="0.35">
      <c r="B60" s="16"/>
      <c r="C60" s="9"/>
      <c r="D60" s="9"/>
      <c r="E60" s="9"/>
      <c r="F60" s="9"/>
      <c r="G60" s="9"/>
      <c r="H60" s="9"/>
      <c r="I60" s="9"/>
      <c r="J60" s="9"/>
      <c r="L60" s="9"/>
      <c r="M60" s="9"/>
      <c r="N60" s="9"/>
    </row>
    <row r="61" spans="2:14" x14ac:dyDescent="0.35">
      <c r="B61" s="16"/>
      <c r="C61" s="9"/>
      <c r="D61" s="9"/>
      <c r="E61" s="9"/>
      <c r="F61" s="9"/>
      <c r="G61" s="9"/>
      <c r="H61" s="9"/>
      <c r="I61" s="9"/>
      <c r="J61" s="9"/>
      <c r="L61" s="9"/>
      <c r="M61" s="9"/>
      <c r="N61" s="9"/>
    </row>
    <row r="62" spans="2:14" x14ac:dyDescent="0.35">
      <c r="B62" s="16"/>
      <c r="C62" s="9"/>
      <c r="D62" s="9"/>
      <c r="E62" s="9"/>
      <c r="F62" s="9"/>
      <c r="G62" s="9"/>
      <c r="H62" s="9"/>
      <c r="I62" s="9"/>
      <c r="J62" s="9"/>
      <c r="L62" s="9"/>
      <c r="M62" s="9"/>
      <c r="N62" s="9"/>
    </row>
    <row r="63" spans="2:14" x14ac:dyDescent="0.35">
      <c r="B63" s="16"/>
      <c r="C63" s="9"/>
      <c r="D63" s="9"/>
      <c r="E63" s="9"/>
      <c r="F63" s="9"/>
      <c r="G63" s="9"/>
      <c r="H63" s="9"/>
      <c r="I63" s="9"/>
      <c r="J63" s="9"/>
      <c r="L63" s="9"/>
      <c r="M63" s="9"/>
      <c r="N63" s="9"/>
    </row>
    <row r="64" spans="2:14" x14ac:dyDescent="0.35">
      <c r="B64" s="16"/>
      <c r="C64" s="9"/>
      <c r="D64" s="9"/>
      <c r="E64" s="9"/>
      <c r="F64" s="9"/>
      <c r="G64" s="9"/>
      <c r="H64" s="9"/>
      <c r="I64" s="9"/>
      <c r="J64" s="9"/>
      <c r="L64" s="9"/>
      <c r="M64" s="9"/>
      <c r="N64" s="9"/>
    </row>
    <row r="65" spans="2:14" x14ac:dyDescent="0.35">
      <c r="B65" s="16"/>
      <c r="C65" s="9"/>
      <c r="D65" s="9"/>
      <c r="E65" s="9"/>
      <c r="F65" s="9"/>
      <c r="G65" s="9"/>
      <c r="H65" s="9"/>
      <c r="I65" s="9"/>
      <c r="J65" s="9"/>
      <c r="L65" s="9"/>
      <c r="M65" s="9"/>
      <c r="N65" s="9"/>
    </row>
    <row r="66" spans="2:14" x14ac:dyDescent="0.35">
      <c r="B66" s="16"/>
      <c r="C66" s="9"/>
      <c r="D66" s="9"/>
      <c r="E66" s="9"/>
      <c r="F66" s="9"/>
      <c r="G66" s="9"/>
      <c r="H66" s="9"/>
      <c r="I66" s="9"/>
      <c r="J66" s="9"/>
      <c r="L66" s="9"/>
      <c r="M66" s="9"/>
      <c r="N66" s="9"/>
    </row>
    <row r="67" spans="2:14" x14ac:dyDescent="0.35">
      <c r="B67" s="16"/>
      <c r="C67" s="9"/>
      <c r="D67" s="9"/>
      <c r="E67" s="9"/>
      <c r="F67" s="9"/>
      <c r="G67" s="9"/>
      <c r="H67" s="9"/>
      <c r="I67" s="9"/>
      <c r="J67" s="9"/>
      <c r="L67" s="9"/>
      <c r="M67" s="9"/>
      <c r="N67" s="9"/>
    </row>
    <row r="68" spans="2:14" x14ac:dyDescent="0.35">
      <c r="B68" s="16"/>
      <c r="C68" s="9"/>
      <c r="D68" s="9"/>
      <c r="E68" s="9"/>
      <c r="F68" s="9"/>
      <c r="G68" s="9"/>
      <c r="H68" s="9"/>
      <c r="I68" s="9"/>
      <c r="J68" s="9"/>
      <c r="L68" s="9"/>
      <c r="M68" s="9"/>
      <c r="N68" s="9"/>
    </row>
    <row r="69" spans="2:14" x14ac:dyDescent="0.35">
      <c r="B69" s="16"/>
      <c r="C69" s="9"/>
      <c r="D69" s="9"/>
      <c r="E69" s="9"/>
      <c r="F69" s="9"/>
      <c r="G69" s="9"/>
      <c r="H69" s="9"/>
      <c r="I69" s="9"/>
      <c r="J69" s="9"/>
      <c r="L69" s="9"/>
      <c r="M69" s="9"/>
      <c r="N69" s="9"/>
    </row>
    <row r="70" spans="2:14" x14ac:dyDescent="0.35">
      <c r="B70" s="16"/>
      <c r="C70" s="9"/>
      <c r="D70" s="9"/>
      <c r="E70" s="9"/>
      <c r="F70" s="9"/>
      <c r="G70" s="9"/>
      <c r="H70" s="9"/>
      <c r="I70" s="9"/>
      <c r="J70" s="9"/>
      <c r="L70" s="9"/>
      <c r="M70" s="9"/>
      <c r="N70" s="9"/>
    </row>
    <row r="71" spans="2:14" x14ac:dyDescent="0.35">
      <c r="B71" s="16"/>
      <c r="C71" s="9"/>
      <c r="D71" s="9"/>
      <c r="E71" s="9"/>
      <c r="F71" s="9"/>
      <c r="G71" s="9"/>
      <c r="H71" s="9"/>
      <c r="I71" s="9"/>
      <c r="J71" s="9"/>
      <c r="L71" s="9"/>
      <c r="M71" s="9"/>
      <c r="N71" s="9"/>
    </row>
    <row r="72" spans="2:14" x14ac:dyDescent="0.35">
      <c r="B72" s="16"/>
      <c r="C72" s="9"/>
      <c r="D72" s="9"/>
      <c r="E72" s="9"/>
      <c r="F72" s="9"/>
      <c r="G72" s="9"/>
      <c r="H72" s="9"/>
      <c r="I72" s="9"/>
      <c r="J72" s="9"/>
      <c r="L72" s="9"/>
      <c r="M72" s="9"/>
      <c r="N72" s="9"/>
    </row>
    <row r="73" spans="2:14" x14ac:dyDescent="0.35">
      <c r="B73" s="16"/>
      <c r="C73" s="9"/>
      <c r="D73" s="9"/>
      <c r="E73" s="9"/>
      <c r="F73" s="9"/>
      <c r="G73" s="9"/>
      <c r="H73" s="9"/>
      <c r="I73" s="9"/>
      <c r="J73" s="9"/>
      <c r="L73" s="9"/>
      <c r="M73" s="9"/>
      <c r="N73" s="9"/>
    </row>
    <row r="74" spans="2:14" x14ac:dyDescent="0.35">
      <c r="B74" s="16"/>
      <c r="C74" s="9"/>
      <c r="D74" s="9"/>
      <c r="E74" s="9"/>
      <c r="F74" s="9"/>
      <c r="G74" s="9"/>
      <c r="H74" s="9"/>
      <c r="I74" s="9"/>
      <c r="J74" s="9"/>
      <c r="L74" s="9"/>
      <c r="M74" s="9"/>
      <c r="N74" s="9"/>
    </row>
    <row r="75" spans="2:14" x14ac:dyDescent="0.35">
      <c r="B75" s="16"/>
      <c r="C75" s="9"/>
      <c r="D75" s="9"/>
      <c r="E75" s="9"/>
      <c r="F75" s="9"/>
      <c r="G75" s="9"/>
      <c r="H75" s="9"/>
      <c r="I75" s="9"/>
      <c r="J75" s="9"/>
      <c r="L75" s="9"/>
      <c r="M75" s="9"/>
      <c r="N75" s="9"/>
    </row>
    <row r="76" spans="2:14" x14ac:dyDescent="0.35">
      <c r="B76" s="16"/>
      <c r="C76" s="9"/>
      <c r="D76" s="9"/>
      <c r="E76" s="9"/>
      <c r="F76" s="9"/>
      <c r="G76" s="9"/>
      <c r="H76" s="9"/>
      <c r="I76" s="9"/>
      <c r="J76" s="9"/>
      <c r="L76" s="9"/>
      <c r="M76" s="9"/>
      <c r="N76" s="9"/>
    </row>
    <row r="77" spans="2:14" x14ac:dyDescent="0.35">
      <c r="B77" s="16"/>
      <c r="C77" s="9"/>
      <c r="D77" s="9"/>
      <c r="E77" s="9"/>
      <c r="F77" s="9"/>
      <c r="G77" s="9"/>
      <c r="H77" s="9"/>
      <c r="I77" s="9"/>
      <c r="J77" s="9"/>
      <c r="L77" s="9"/>
      <c r="M77" s="9"/>
      <c r="N77" s="9"/>
    </row>
    <row r="78" spans="2:14" x14ac:dyDescent="0.35">
      <c r="B78" s="16"/>
      <c r="C78" s="9"/>
      <c r="D78" s="9"/>
      <c r="E78" s="9"/>
      <c r="F78" s="9"/>
      <c r="G78" s="9"/>
      <c r="H78" s="9"/>
      <c r="I78" s="9"/>
      <c r="J78" s="9"/>
      <c r="L78" s="9"/>
      <c r="M78" s="9"/>
      <c r="N78" s="9"/>
    </row>
    <row r="79" spans="2:14" x14ac:dyDescent="0.35">
      <c r="B79" s="16"/>
      <c r="C79" s="9"/>
      <c r="D79" s="9"/>
      <c r="E79" s="9"/>
      <c r="F79" s="9"/>
      <c r="G79" s="9"/>
      <c r="H79" s="9"/>
      <c r="I79" s="9"/>
      <c r="J79" s="9"/>
      <c r="L79" s="9"/>
      <c r="M79" s="9"/>
      <c r="N79" s="9"/>
    </row>
    <row r="80" spans="2:14" x14ac:dyDescent="0.35">
      <c r="B80" s="16"/>
      <c r="C80" s="9"/>
      <c r="D80" s="9"/>
      <c r="E80" s="9"/>
      <c r="F80" s="9"/>
      <c r="G80" s="9"/>
      <c r="H80" s="9"/>
      <c r="I80" s="9"/>
      <c r="J80" s="9"/>
      <c r="L80" s="9"/>
      <c r="M80" s="9"/>
      <c r="N80" s="9"/>
    </row>
    <row r="81" spans="2:14" x14ac:dyDescent="0.35">
      <c r="B81" s="16"/>
      <c r="C81" s="9"/>
      <c r="D81" s="9"/>
      <c r="E81" s="9"/>
      <c r="F81" s="9"/>
      <c r="G81" s="9"/>
      <c r="H81" s="9"/>
      <c r="I81" s="9"/>
      <c r="J81" s="9"/>
      <c r="L81" s="9"/>
      <c r="M81" s="9"/>
      <c r="N81" s="9"/>
    </row>
    <row r="82" spans="2:14" x14ac:dyDescent="0.35">
      <c r="B82" s="16"/>
      <c r="C82" s="9"/>
      <c r="D82" s="9"/>
      <c r="E82" s="9"/>
      <c r="F82" s="9"/>
      <c r="G82" s="9"/>
      <c r="H82" s="9"/>
      <c r="I82" s="9"/>
      <c r="J82" s="9"/>
      <c r="L82" s="9"/>
      <c r="M82" s="9"/>
      <c r="N82" s="9"/>
    </row>
    <row r="83" spans="2:14" x14ac:dyDescent="0.35">
      <c r="B83" s="16"/>
      <c r="C83" s="9"/>
      <c r="D83" s="9"/>
      <c r="E83" s="9"/>
      <c r="F83" s="9"/>
      <c r="G83" s="9"/>
      <c r="H83" s="9"/>
      <c r="I83" s="9"/>
      <c r="J83" s="9"/>
      <c r="L83" s="9"/>
      <c r="M83" s="9"/>
      <c r="N83" s="9"/>
    </row>
    <row r="84" spans="2:14" x14ac:dyDescent="0.35">
      <c r="B84" s="16"/>
      <c r="C84" s="9"/>
      <c r="D84" s="9"/>
      <c r="E84" s="9"/>
      <c r="F84" s="9"/>
      <c r="G84" s="9"/>
      <c r="H84" s="9"/>
      <c r="I84" s="9"/>
      <c r="J84" s="9"/>
      <c r="L84" s="9"/>
      <c r="M84" s="9"/>
      <c r="N84" s="9"/>
    </row>
    <row r="85" spans="2:14" x14ac:dyDescent="0.35">
      <c r="B85" s="16"/>
      <c r="C85" s="9"/>
      <c r="D85" s="9"/>
      <c r="E85" s="9"/>
      <c r="F85" s="9"/>
      <c r="G85" s="9"/>
      <c r="H85" s="9"/>
      <c r="I85" s="9"/>
      <c r="J85" s="9"/>
      <c r="L85" s="9"/>
      <c r="M85" s="9"/>
      <c r="N85" s="9"/>
    </row>
    <row r="86" spans="2:14" x14ac:dyDescent="0.35">
      <c r="B86" s="16"/>
      <c r="C86" s="9"/>
      <c r="D86" s="9"/>
      <c r="E86" s="9"/>
      <c r="F86" s="9"/>
      <c r="G86" s="9"/>
      <c r="H86" s="9"/>
      <c r="I86" s="9"/>
      <c r="J86" s="9"/>
      <c r="L86" s="9"/>
      <c r="M86" s="9"/>
      <c r="N86" s="9"/>
    </row>
    <row r="87" spans="2:14" x14ac:dyDescent="0.35">
      <c r="B87" s="16"/>
      <c r="C87" s="9"/>
      <c r="D87" s="9"/>
      <c r="E87" s="9"/>
      <c r="F87" s="9"/>
      <c r="G87" s="9"/>
      <c r="H87" s="9"/>
      <c r="I87" s="9"/>
      <c r="J87" s="9"/>
      <c r="L87" s="9"/>
      <c r="M87" s="9"/>
      <c r="N87" s="9"/>
    </row>
    <row r="88" spans="2:14" x14ac:dyDescent="0.35">
      <c r="B88" s="16"/>
      <c r="C88" s="9"/>
      <c r="D88" s="9"/>
      <c r="E88" s="9"/>
      <c r="F88" s="9"/>
      <c r="G88" s="9"/>
      <c r="H88" s="9"/>
      <c r="I88" s="9"/>
      <c r="J88" s="9"/>
      <c r="L88" s="9"/>
      <c r="M88" s="9"/>
      <c r="N88" s="9"/>
    </row>
    <row r="89" spans="2:14" x14ac:dyDescent="0.35">
      <c r="B89" s="16"/>
      <c r="C89" s="9"/>
      <c r="D89" s="9"/>
      <c r="E89" s="9"/>
      <c r="F89" s="9"/>
      <c r="G89" s="9"/>
      <c r="H89" s="9"/>
      <c r="I89" s="9"/>
      <c r="J89" s="9"/>
      <c r="L89" s="9"/>
      <c r="M89" s="9"/>
      <c r="N89" s="9"/>
    </row>
    <row r="90" spans="2:14" x14ac:dyDescent="0.35">
      <c r="B90" s="16"/>
      <c r="C90" s="9"/>
      <c r="D90" s="9"/>
      <c r="E90" s="9"/>
      <c r="F90" s="9"/>
      <c r="G90" s="9"/>
      <c r="H90" s="9"/>
      <c r="I90" s="9"/>
      <c r="J90" s="9"/>
      <c r="L90" s="9"/>
      <c r="M90" s="9"/>
      <c r="N90" s="9"/>
    </row>
    <row r="91" spans="2:14" x14ac:dyDescent="0.35">
      <c r="B91" s="16"/>
      <c r="C91" s="9"/>
      <c r="D91" s="9"/>
      <c r="E91" s="9"/>
      <c r="F91" s="9"/>
      <c r="G91" s="9"/>
      <c r="H91" s="9"/>
      <c r="I91" s="9"/>
      <c r="J91" s="9"/>
      <c r="L91" s="9"/>
      <c r="M91" s="9"/>
      <c r="N91" s="9"/>
    </row>
    <row r="92" spans="2:14" x14ac:dyDescent="0.35">
      <c r="B92" s="16"/>
      <c r="C92" s="9"/>
      <c r="D92" s="9"/>
      <c r="E92" s="9"/>
      <c r="F92" s="9"/>
      <c r="G92" s="9"/>
      <c r="H92" s="9"/>
      <c r="I92" s="9"/>
      <c r="J92" s="9"/>
      <c r="L92" s="9"/>
      <c r="M92" s="9"/>
      <c r="N92" s="9"/>
    </row>
    <row r="93" spans="2:14" x14ac:dyDescent="0.35">
      <c r="B93" s="16"/>
      <c r="C93" s="9"/>
      <c r="D93" s="9"/>
      <c r="E93" s="9"/>
      <c r="F93" s="9"/>
      <c r="G93" s="9"/>
      <c r="H93" s="9"/>
      <c r="I93" s="9"/>
      <c r="J93" s="9"/>
      <c r="L93" s="9"/>
      <c r="M93" s="9"/>
      <c r="N93" s="9"/>
    </row>
    <row r="94" spans="2:14" x14ac:dyDescent="0.35">
      <c r="B94" s="16"/>
      <c r="C94" s="9"/>
      <c r="D94" s="9"/>
      <c r="E94" s="9"/>
      <c r="F94" s="9"/>
      <c r="G94" s="9"/>
      <c r="H94" s="9"/>
      <c r="I94" s="9"/>
      <c r="J94" s="9"/>
      <c r="L94" s="9"/>
      <c r="M94" s="9"/>
      <c r="N94" s="9"/>
    </row>
    <row r="95" spans="2:14" x14ac:dyDescent="0.35">
      <c r="B95" s="16"/>
      <c r="C95" s="9"/>
      <c r="D95" s="9"/>
      <c r="E95" s="9"/>
      <c r="F95" s="9"/>
      <c r="G95" s="9"/>
      <c r="H95" s="9"/>
      <c r="I95" s="9"/>
      <c r="J95" s="9"/>
      <c r="L95" s="9"/>
      <c r="M95" s="9"/>
      <c r="N95" s="9"/>
    </row>
    <row r="96" spans="2:14" x14ac:dyDescent="0.35">
      <c r="B96" s="16"/>
      <c r="C96" s="9"/>
      <c r="D96" s="9"/>
      <c r="E96" s="9"/>
      <c r="F96" s="9"/>
      <c r="G96" s="9"/>
      <c r="H96" s="9"/>
      <c r="I96" s="9"/>
      <c r="J96" s="9"/>
      <c r="L96" s="9"/>
      <c r="M96" s="9"/>
      <c r="N96" s="9"/>
    </row>
    <row r="97" spans="2:14" x14ac:dyDescent="0.35">
      <c r="B97" s="16"/>
      <c r="C97" s="9"/>
      <c r="D97" s="9"/>
      <c r="E97" s="9"/>
      <c r="F97" s="9"/>
      <c r="G97" s="9"/>
      <c r="H97" s="9"/>
      <c r="I97" s="9"/>
      <c r="J97" s="9"/>
      <c r="L97" s="9"/>
      <c r="M97" s="9"/>
      <c r="N97" s="9"/>
    </row>
    <row r="98" spans="2:14" x14ac:dyDescent="0.35">
      <c r="B98" s="16"/>
      <c r="C98" s="9"/>
      <c r="D98" s="9"/>
      <c r="E98" s="9"/>
      <c r="F98" s="9"/>
      <c r="G98" s="9"/>
      <c r="H98" s="9"/>
      <c r="I98" s="9"/>
      <c r="J98" s="9"/>
      <c r="L98" s="9"/>
      <c r="M98" s="9"/>
      <c r="N98" s="9"/>
    </row>
    <row r="99" spans="2:14" x14ac:dyDescent="0.35">
      <c r="B99" s="16"/>
      <c r="C99" s="9"/>
      <c r="D99" s="9"/>
      <c r="E99" s="9"/>
      <c r="F99" s="9"/>
      <c r="G99" s="9"/>
      <c r="H99" s="9"/>
      <c r="I99" s="9"/>
      <c r="J99" s="9"/>
      <c r="L99" s="9"/>
      <c r="M99" s="9"/>
      <c r="N99" s="9"/>
    </row>
    <row r="100" spans="2:14" x14ac:dyDescent="0.35">
      <c r="B100" s="16"/>
      <c r="C100" s="9"/>
      <c r="D100" s="9"/>
      <c r="E100" s="9"/>
      <c r="F100" s="9"/>
      <c r="G100" s="9"/>
      <c r="H100" s="9"/>
      <c r="I100" s="9"/>
      <c r="J100" s="9"/>
      <c r="L100" s="9"/>
      <c r="M100" s="9"/>
      <c r="N100" s="9"/>
    </row>
    <row r="101" spans="2:14" x14ac:dyDescent="0.35">
      <c r="B101" s="16"/>
      <c r="C101" s="9"/>
      <c r="D101" s="9"/>
      <c r="E101" s="9"/>
      <c r="F101" s="9"/>
      <c r="G101" s="9"/>
      <c r="H101" s="9"/>
      <c r="I101" s="9"/>
      <c r="J101" s="9"/>
      <c r="L101" s="9"/>
      <c r="M101" s="9"/>
      <c r="N101" s="9"/>
    </row>
    <row r="102" spans="2:14" x14ac:dyDescent="0.35">
      <c r="B102" s="16"/>
      <c r="C102" s="9"/>
      <c r="D102" s="9"/>
      <c r="E102" s="9"/>
      <c r="F102" s="9"/>
      <c r="G102" s="9"/>
      <c r="H102" s="9"/>
      <c r="I102" s="9"/>
      <c r="J102" s="9"/>
      <c r="L102" s="9"/>
      <c r="M102" s="9"/>
      <c r="N102" s="9"/>
    </row>
    <row r="103" spans="2:14" x14ac:dyDescent="0.35">
      <c r="B103" s="16"/>
      <c r="C103" s="9"/>
      <c r="D103" s="9"/>
      <c r="E103" s="9"/>
      <c r="F103" s="9"/>
      <c r="G103" s="9"/>
      <c r="H103" s="9"/>
      <c r="I103" s="9"/>
      <c r="J103" s="9"/>
      <c r="L103" s="9"/>
      <c r="M103" s="9"/>
      <c r="N103" s="9"/>
    </row>
    <row r="104" spans="2:14" x14ac:dyDescent="0.35">
      <c r="B104" s="16"/>
      <c r="C104" s="9"/>
      <c r="D104" s="9"/>
      <c r="E104" s="9"/>
      <c r="F104" s="9"/>
      <c r="G104" s="9"/>
      <c r="H104" s="9"/>
      <c r="I104" s="9"/>
      <c r="J104" s="9"/>
      <c r="L104" s="9"/>
      <c r="M104" s="9"/>
      <c r="N104" s="9"/>
    </row>
    <row r="105" spans="2:14" x14ac:dyDescent="0.35">
      <c r="B105" s="16"/>
      <c r="C105" s="9"/>
      <c r="D105" s="9"/>
      <c r="E105" s="9"/>
      <c r="F105" s="9"/>
      <c r="G105" s="9"/>
      <c r="H105" s="9"/>
      <c r="I105" s="9"/>
      <c r="J105" s="9"/>
      <c r="L105" s="9"/>
      <c r="M105" s="9"/>
      <c r="N105" s="9"/>
    </row>
    <row r="106" spans="2:14" x14ac:dyDescent="0.35">
      <c r="B106" s="16"/>
      <c r="C106" s="9"/>
      <c r="D106" s="9"/>
      <c r="E106" s="9"/>
      <c r="F106" s="9"/>
      <c r="G106" s="9"/>
      <c r="H106" s="9"/>
      <c r="I106" s="9"/>
      <c r="J106" s="9"/>
      <c r="L106" s="9"/>
      <c r="M106" s="9"/>
      <c r="N106" s="9"/>
    </row>
  </sheetData>
  <mergeCells count="7">
    <mergeCell ref="M5:N5"/>
    <mergeCell ref="A23:B23"/>
    <mergeCell ref="A1:L1"/>
    <mergeCell ref="A2:L2"/>
    <mergeCell ref="C5:F5"/>
    <mergeCell ref="G5:J5"/>
    <mergeCell ref="G4:J4"/>
  </mergeCells>
  <pageMargins left="0.7" right="0.7" top="0.75" bottom="0.75" header="0.3" footer="0.3"/>
  <ignoredErrors>
    <ignoredError sqref="L13" formulaRange="1"/>
  </ignoredErrors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A1EA1BB4-40ED-47D3-BD04-681898C36837}">
  <dimension ref="A1:D31"/>
  <sheetViews>
    <sheetView topLeftCell="A14" workbookViewId="0">
      <selection activeCell="C3" sqref="C3"/>
    </sheetView>
  </sheetViews>
  <sheetFormatPr defaultRowHeight="14.5" x14ac:dyDescent="0.35"/>
  <sheetData>
    <row r="1" spans="1:4" ht="40" thickBot="1" x14ac:dyDescent="0.4">
      <c r="A1" s="66" t="s">
        <v>2038</v>
      </c>
      <c r="B1" s="66" t="s">
        <v>2039</v>
      </c>
      <c r="C1" s="66" t="s">
        <v>2040</v>
      </c>
      <c r="D1" s="66" t="s">
        <v>2047</v>
      </c>
    </row>
    <row r="2" spans="1:4" x14ac:dyDescent="0.35">
      <c r="A2" s="67">
        <v>103</v>
      </c>
      <c r="B2" s="68">
        <v>45747</v>
      </c>
      <c r="C2" s="67">
        <v>34</v>
      </c>
      <c r="D2" s="67">
        <v>11.3</v>
      </c>
    </row>
    <row r="3" spans="1:4" x14ac:dyDescent="0.35">
      <c r="A3" s="69">
        <v>110</v>
      </c>
      <c r="B3" s="70">
        <v>45747</v>
      </c>
      <c r="C3" s="69">
        <v>39.42</v>
      </c>
      <c r="D3" s="69">
        <v>11.3</v>
      </c>
    </row>
    <row r="4" spans="1:4" x14ac:dyDescent="0.35">
      <c r="A4" s="67">
        <v>114</v>
      </c>
      <c r="B4" s="68">
        <v>45747</v>
      </c>
      <c r="C4" s="67">
        <v>37.83</v>
      </c>
      <c r="D4" s="67">
        <v>11.3</v>
      </c>
    </row>
    <row r="5" spans="1:4" x14ac:dyDescent="0.35">
      <c r="A5" s="67">
        <v>117</v>
      </c>
      <c r="B5" s="68">
        <v>45747</v>
      </c>
      <c r="C5" s="67">
        <v>57.05</v>
      </c>
      <c r="D5" s="67">
        <v>11.3</v>
      </c>
    </row>
    <row r="6" spans="1:4" x14ac:dyDescent="0.35">
      <c r="A6" s="67">
        <v>119</v>
      </c>
      <c r="B6" s="68">
        <v>45747</v>
      </c>
      <c r="C6" s="67">
        <v>39.159999999999997</v>
      </c>
      <c r="D6" s="67">
        <v>11.3</v>
      </c>
    </row>
    <row r="7" spans="1:4" x14ac:dyDescent="0.35">
      <c r="A7" s="67">
        <v>120</v>
      </c>
      <c r="B7" s="68">
        <v>45747</v>
      </c>
      <c r="C7" s="67">
        <v>35.799999999999997</v>
      </c>
      <c r="D7" s="67">
        <v>11.3</v>
      </c>
    </row>
    <row r="8" spans="1:4" x14ac:dyDescent="0.35">
      <c r="A8" s="67">
        <v>132</v>
      </c>
      <c r="B8" s="68">
        <v>45747</v>
      </c>
      <c r="C8" s="67">
        <v>40.18</v>
      </c>
      <c r="D8" s="67">
        <v>11.3</v>
      </c>
    </row>
    <row r="9" spans="1:4" x14ac:dyDescent="0.35">
      <c r="A9" s="67">
        <v>140</v>
      </c>
      <c r="B9" s="68">
        <v>45747</v>
      </c>
      <c r="C9" s="67">
        <v>40.29</v>
      </c>
      <c r="D9" s="67">
        <v>11.3</v>
      </c>
    </row>
    <row r="10" spans="1:4" x14ac:dyDescent="0.35">
      <c r="A10" s="67">
        <v>150</v>
      </c>
      <c r="B10" s="68">
        <v>45747</v>
      </c>
      <c r="C10" s="67">
        <v>35.840000000000003</v>
      </c>
      <c r="D10" s="67">
        <v>11.3</v>
      </c>
    </row>
    <row r="11" spans="1:4" x14ac:dyDescent="0.35">
      <c r="A11" s="67">
        <v>159</v>
      </c>
      <c r="B11" s="68">
        <v>45747</v>
      </c>
      <c r="C11" s="67">
        <v>37.28</v>
      </c>
      <c r="D11" s="67">
        <v>11.3</v>
      </c>
    </row>
    <row r="12" spans="1:4" x14ac:dyDescent="0.35">
      <c r="A12" s="67">
        <v>160</v>
      </c>
      <c r="B12" s="68">
        <v>45747</v>
      </c>
      <c r="C12" s="67">
        <v>35.86</v>
      </c>
      <c r="D12" s="67">
        <v>11.3</v>
      </c>
    </row>
    <row r="13" spans="1:4" x14ac:dyDescent="0.35">
      <c r="A13" s="67">
        <v>161</v>
      </c>
      <c r="B13" s="68">
        <v>45747</v>
      </c>
      <c r="C13" s="67">
        <v>38.409999999999997</v>
      </c>
      <c r="D13" s="67">
        <v>11.3</v>
      </c>
    </row>
    <row r="14" spans="1:4" x14ac:dyDescent="0.35">
      <c r="A14" s="67">
        <v>167</v>
      </c>
      <c r="B14" s="68">
        <v>45747</v>
      </c>
      <c r="C14" s="67">
        <v>37.32</v>
      </c>
      <c r="D14" s="67">
        <v>11.3</v>
      </c>
    </row>
    <row r="15" spans="1:4" x14ac:dyDescent="0.35">
      <c r="A15" s="67">
        <v>168</v>
      </c>
      <c r="B15" s="68">
        <v>45747</v>
      </c>
      <c r="C15" s="67">
        <v>35.86</v>
      </c>
      <c r="D15" s="67">
        <v>11.3</v>
      </c>
    </row>
    <row r="16" spans="1:4" x14ac:dyDescent="0.35">
      <c r="A16" s="67">
        <v>169</v>
      </c>
      <c r="B16" s="68">
        <v>45747</v>
      </c>
      <c r="C16" s="67">
        <v>38.71</v>
      </c>
      <c r="D16" s="67">
        <v>11.3</v>
      </c>
    </row>
    <row r="17" spans="1:4" x14ac:dyDescent="0.35">
      <c r="A17" s="67">
        <v>170</v>
      </c>
      <c r="B17" s="68">
        <v>45747</v>
      </c>
      <c r="C17" s="67">
        <v>37.22</v>
      </c>
      <c r="D17" s="67">
        <v>11.3</v>
      </c>
    </row>
    <row r="18" spans="1:4" x14ac:dyDescent="0.35">
      <c r="A18" s="67">
        <v>180</v>
      </c>
      <c r="B18" s="68">
        <v>45747</v>
      </c>
      <c r="C18" s="67">
        <v>35.78</v>
      </c>
      <c r="D18" s="67">
        <v>11.3</v>
      </c>
    </row>
    <row r="19" spans="1:4" x14ac:dyDescent="0.35">
      <c r="A19" s="67">
        <v>190</v>
      </c>
      <c r="B19" s="68">
        <v>45747</v>
      </c>
      <c r="C19" s="67">
        <v>32.29</v>
      </c>
      <c r="D19" s="67">
        <v>11.3</v>
      </c>
    </row>
    <row r="20" spans="1:4" x14ac:dyDescent="0.35">
      <c r="A20" s="67">
        <v>192</v>
      </c>
      <c r="B20" s="68">
        <v>45747</v>
      </c>
      <c r="C20" s="67">
        <v>34.35</v>
      </c>
      <c r="D20" s="67">
        <v>11.3</v>
      </c>
    </row>
    <row r="21" spans="1:4" x14ac:dyDescent="0.35">
      <c r="A21" s="67">
        <v>194</v>
      </c>
      <c r="B21" s="68">
        <v>45747</v>
      </c>
      <c r="C21" s="67">
        <v>39.71</v>
      </c>
      <c r="D21" s="67">
        <v>11.3</v>
      </c>
    </row>
    <row r="22" spans="1:4" x14ac:dyDescent="0.35">
      <c r="A22" s="67">
        <v>198</v>
      </c>
      <c r="B22" s="68">
        <v>45747</v>
      </c>
      <c r="C22" s="67">
        <v>36.630000000000003</v>
      </c>
      <c r="D22" s="67">
        <v>11.3</v>
      </c>
    </row>
    <row r="23" spans="1:4" x14ac:dyDescent="0.35">
      <c r="A23" s="67">
        <v>210</v>
      </c>
      <c r="B23" s="68">
        <v>45747</v>
      </c>
      <c r="C23" s="67">
        <v>41.39</v>
      </c>
      <c r="D23" s="67">
        <v>11.3</v>
      </c>
    </row>
    <row r="24" spans="1:4" x14ac:dyDescent="0.35">
      <c r="A24" s="67">
        <v>211</v>
      </c>
      <c r="B24" s="68">
        <v>45747</v>
      </c>
      <c r="C24" s="67">
        <v>39.78</v>
      </c>
      <c r="D24" s="67">
        <v>11.3</v>
      </c>
    </row>
    <row r="25" spans="1:4" x14ac:dyDescent="0.35">
      <c r="A25" s="67">
        <v>215</v>
      </c>
      <c r="B25" s="68">
        <v>45747</v>
      </c>
      <c r="C25" s="67">
        <v>37.74</v>
      </c>
      <c r="D25" s="67">
        <v>11.3</v>
      </c>
    </row>
    <row r="26" spans="1:4" x14ac:dyDescent="0.35">
      <c r="A26" s="67">
        <v>230</v>
      </c>
      <c r="B26" s="68">
        <v>45747</v>
      </c>
      <c r="C26" s="67">
        <v>40.049999999999997</v>
      </c>
      <c r="D26" s="67">
        <v>11.3</v>
      </c>
    </row>
    <row r="27" spans="1:4" x14ac:dyDescent="0.35">
      <c r="A27" s="67">
        <v>250</v>
      </c>
      <c r="B27" s="68">
        <v>45747</v>
      </c>
      <c r="C27" s="67">
        <v>37.36</v>
      </c>
      <c r="D27" s="67">
        <v>11.3</v>
      </c>
    </row>
    <row r="28" spans="1:4" x14ac:dyDescent="0.35">
      <c r="A28" s="67">
        <v>270</v>
      </c>
      <c r="B28" s="68">
        <v>45747</v>
      </c>
      <c r="C28" s="67">
        <v>69.87</v>
      </c>
      <c r="D28" s="67">
        <v>11.3</v>
      </c>
    </row>
    <row r="29" spans="1:4" x14ac:dyDescent="0.35">
      <c r="A29" s="67">
        <v>400</v>
      </c>
      <c r="B29" s="68">
        <v>45747</v>
      </c>
      <c r="C29" s="67">
        <v>30.25</v>
      </c>
      <c r="D29" s="67">
        <v>11.3</v>
      </c>
    </row>
    <row r="30" spans="1:4" x14ac:dyDescent="0.35">
      <c r="A30" s="67">
        <v>413</v>
      </c>
      <c r="B30" s="68">
        <v>45747</v>
      </c>
      <c r="C30" s="67">
        <v>38.03</v>
      </c>
      <c r="D30" s="67">
        <v>11.3</v>
      </c>
    </row>
    <row r="31" spans="1:4" x14ac:dyDescent="0.35">
      <c r="A31" s="67">
        <v>474</v>
      </c>
      <c r="B31" s="68">
        <v>45747</v>
      </c>
      <c r="C31" s="67">
        <v>36.61</v>
      </c>
      <c r="D31" s="67">
        <v>11.3</v>
      </c>
    </row>
  </sheetData>
  <pageMargins left="0.7" right="0.7" top="0.75" bottom="0.75" header="0.3" footer="0.3"/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3276AFFA-8F33-4B33-87DC-BB78C488B588}">
  <dimension ref="A1:C5"/>
  <sheetViews>
    <sheetView workbookViewId="0">
      <selection activeCell="A8" sqref="A8"/>
    </sheetView>
  </sheetViews>
  <sheetFormatPr defaultColWidth="9.26953125" defaultRowHeight="14.5" x14ac:dyDescent="0.35"/>
  <cols>
    <col min="1" max="1" width="22.453125" customWidth="1"/>
    <col min="2" max="2" width="17.26953125" customWidth="1"/>
    <col min="3" max="3" width="12.7265625" bestFit="1" customWidth="1"/>
  </cols>
  <sheetData>
    <row r="1" spans="1:3" ht="26.5" x14ac:dyDescent="0.35">
      <c r="A1" s="49" t="s">
        <v>2033</v>
      </c>
      <c r="B1" s="48" t="s">
        <v>2034</v>
      </c>
      <c r="C1" s="57"/>
    </row>
    <row r="2" spans="1:3" x14ac:dyDescent="0.35">
      <c r="A2" s="47" t="s">
        <v>2035</v>
      </c>
      <c r="B2" s="58">
        <v>29.8</v>
      </c>
      <c r="C2" s="57"/>
    </row>
    <row r="3" spans="1:3" x14ac:dyDescent="0.35">
      <c r="A3" s="47" t="s">
        <v>2036</v>
      </c>
      <c r="B3" s="58">
        <f>B2/2</f>
        <v>14.9</v>
      </c>
      <c r="C3" s="57"/>
    </row>
    <row r="4" spans="1:3" x14ac:dyDescent="0.35">
      <c r="A4" s="47" t="s">
        <v>9862</v>
      </c>
      <c r="B4" s="58">
        <v>12.56</v>
      </c>
      <c r="C4" s="57"/>
    </row>
    <row r="5" spans="1:3" ht="15" thickBot="1" x14ac:dyDescent="0.4">
      <c r="A5" s="46" t="s">
        <v>2037</v>
      </c>
      <c r="B5" s="59">
        <v>1</v>
      </c>
      <c r="C5" s="57"/>
    </row>
  </sheetData>
  <pageMargins left="0.7" right="0.7" top="0.75" bottom="0.75" header="0.3" footer="0.3"/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D1C995B7-C132-42D0-850E-F3940A32EA7D}">
  <sheetPr filterMode="1"/>
  <dimension ref="A1:J2251"/>
  <sheetViews>
    <sheetView topLeftCell="A9" zoomScaleNormal="100" workbookViewId="0">
      <selection activeCell="L1835" sqref="L1835"/>
    </sheetView>
  </sheetViews>
  <sheetFormatPr defaultRowHeight="14.5" x14ac:dyDescent="0.35"/>
  <cols>
    <col min="1" max="1" width="13.81640625" bestFit="1" customWidth="1"/>
    <col min="2" max="2" width="10.1796875" bestFit="1" customWidth="1"/>
    <col min="3" max="3" width="15.26953125" bestFit="1" customWidth="1"/>
    <col min="4" max="4" width="21.81640625" bestFit="1" customWidth="1"/>
    <col min="5" max="5" width="9.453125" bestFit="1" customWidth="1"/>
    <col min="7" max="7" width="14.81640625" bestFit="1" customWidth="1"/>
    <col min="8" max="8" width="7.54296875" bestFit="1" customWidth="1"/>
    <col min="9" max="9" width="11.1796875" bestFit="1" customWidth="1"/>
  </cols>
  <sheetData>
    <row r="1" spans="1:10" x14ac:dyDescent="0.35">
      <c r="A1" s="10" t="s">
        <v>69</v>
      </c>
      <c r="B1" s="10" t="s">
        <v>70</v>
      </c>
      <c r="C1" s="7" t="s">
        <v>71</v>
      </c>
      <c r="D1" s="10" t="s">
        <v>72</v>
      </c>
      <c r="E1" s="10" t="s">
        <v>73</v>
      </c>
      <c r="F1" s="10" t="s">
        <v>74</v>
      </c>
      <c r="G1" s="10" t="s">
        <v>75</v>
      </c>
      <c r="H1" s="5" t="s">
        <v>76</v>
      </c>
      <c r="I1" s="6" t="s">
        <v>77</v>
      </c>
    </row>
    <row r="2" spans="1:10" hidden="1" x14ac:dyDescent="0.35">
      <c r="A2" s="52" t="s">
        <v>78</v>
      </c>
      <c r="B2" s="52" t="s">
        <v>79</v>
      </c>
      <c r="C2" s="3">
        <v>0</v>
      </c>
      <c r="D2" s="52" t="s">
        <v>85</v>
      </c>
      <c r="E2" s="52" t="s">
        <v>92</v>
      </c>
      <c r="F2" s="52" t="s">
        <v>93</v>
      </c>
      <c r="G2" s="52" t="s">
        <v>82</v>
      </c>
      <c r="H2" s="4">
        <v>792</v>
      </c>
      <c r="I2" s="2">
        <v>9874.93</v>
      </c>
    </row>
    <row r="3" spans="1:10" hidden="1" x14ac:dyDescent="0.35">
      <c r="A3" s="52" t="s">
        <v>78</v>
      </c>
      <c r="B3" s="52" t="s">
        <v>79</v>
      </c>
      <c r="C3" s="3">
        <v>0</v>
      </c>
      <c r="D3" s="52" t="s">
        <v>85</v>
      </c>
      <c r="E3" s="52" t="s">
        <v>104</v>
      </c>
      <c r="F3" s="52" t="s">
        <v>112</v>
      </c>
      <c r="G3" s="52" t="s">
        <v>82</v>
      </c>
      <c r="H3" s="4">
        <v>18</v>
      </c>
      <c r="I3" s="2">
        <v>0</v>
      </c>
    </row>
    <row r="4" spans="1:10" x14ac:dyDescent="0.35">
      <c r="A4" s="52" t="s">
        <v>78</v>
      </c>
      <c r="B4" s="52" t="s">
        <v>79</v>
      </c>
      <c r="C4" s="3">
        <v>0</v>
      </c>
      <c r="D4" s="52" t="s">
        <v>85</v>
      </c>
      <c r="E4" s="52" t="s">
        <v>102</v>
      </c>
      <c r="F4" s="52" t="s">
        <v>103</v>
      </c>
      <c r="G4" s="52" t="s">
        <v>82</v>
      </c>
      <c r="H4" s="4">
        <v>1</v>
      </c>
      <c r="I4" s="2">
        <v>0</v>
      </c>
    </row>
    <row r="5" spans="1:10" hidden="1" x14ac:dyDescent="0.35">
      <c r="A5" s="52" t="s">
        <v>78</v>
      </c>
      <c r="B5" s="52" t="s">
        <v>79</v>
      </c>
      <c r="C5" s="3">
        <v>0</v>
      </c>
      <c r="D5" s="52" t="s">
        <v>85</v>
      </c>
      <c r="E5" s="52" t="s">
        <v>104</v>
      </c>
      <c r="F5" s="52" t="s">
        <v>93</v>
      </c>
      <c r="G5" s="52" t="s">
        <v>82</v>
      </c>
      <c r="H5" s="4">
        <v>10</v>
      </c>
      <c r="I5" s="2">
        <v>0</v>
      </c>
    </row>
    <row r="6" spans="1:10" x14ac:dyDescent="0.35">
      <c r="A6" s="52" t="s">
        <v>78</v>
      </c>
      <c r="B6" s="52" t="s">
        <v>79</v>
      </c>
      <c r="C6" s="3">
        <v>0</v>
      </c>
      <c r="D6" s="52" t="s">
        <v>85</v>
      </c>
      <c r="E6" s="52" t="s">
        <v>102</v>
      </c>
      <c r="F6" s="52" t="s">
        <v>107</v>
      </c>
      <c r="G6" s="52" t="s">
        <v>108</v>
      </c>
      <c r="H6" s="4">
        <v>1</v>
      </c>
      <c r="I6" s="2">
        <v>0</v>
      </c>
    </row>
    <row r="7" spans="1:10" hidden="1" x14ac:dyDescent="0.35">
      <c r="A7" s="52" t="s">
        <v>78</v>
      </c>
      <c r="B7" s="52" t="s">
        <v>79</v>
      </c>
      <c r="C7" s="3">
        <v>0</v>
      </c>
      <c r="D7" s="52" t="s">
        <v>85</v>
      </c>
      <c r="E7" s="52" t="s">
        <v>113</v>
      </c>
      <c r="F7" s="52" t="s">
        <v>114</v>
      </c>
      <c r="G7" s="52" t="s">
        <v>115</v>
      </c>
      <c r="H7" s="4">
        <v>2</v>
      </c>
      <c r="I7" s="2">
        <v>0</v>
      </c>
    </row>
    <row r="8" spans="1:10" hidden="1" x14ac:dyDescent="0.35">
      <c r="A8" s="52" t="s">
        <v>78</v>
      </c>
      <c r="B8" s="52" t="s">
        <v>79</v>
      </c>
      <c r="C8" s="3">
        <v>0</v>
      </c>
      <c r="D8" s="52" t="s">
        <v>85</v>
      </c>
      <c r="E8" s="52" t="s">
        <v>104</v>
      </c>
      <c r="F8" s="52" t="s">
        <v>101</v>
      </c>
      <c r="G8" s="52" t="s">
        <v>82</v>
      </c>
      <c r="H8" s="4">
        <v>3482</v>
      </c>
      <c r="I8" s="2">
        <v>0</v>
      </c>
    </row>
    <row r="9" spans="1:10" x14ac:dyDescent="0.35">
      <c r="A9" s="52" t="s">
        <v>78</v>
      </c>
      <c r="B9" s="52" t="s">
        <v>79</v>
      </c>
      <c r="C9" s="3">
        <v>0</v>
      </c>
      <c r="D9" s="52" t="s">
        <v>85</v>
      </c>
      <c r="E9" s="52" t="s">
        <v>104</v>
      </c>
      <c r="F9" s="52" t="s">
        <v>107</v>
      </c>
      <c r="G9" s="52" t="s">
        <v>108</v>
      </c>
      <c r="H9" s="4">
        <v>1</v>
      </c>
      <c r="I9" s="2">
        <v>0</v>
      </c>
    </row>
    <row r="10" spans="1:10" hidden="1" x14ac:dyDescent="0.35">
      <c r="A10" s="52" t="s">
        <v>78</v>
      </c>
      <c r="B10" s="52" t="s">
        <v>79</v>
      </c>
      <c r="C10" s="3">
        <v>0</v>
      </c>
      <c r="D10" s="52" t="s">
        <v>85</v>
      </c>
      <c r="E10" s="52" t="s">
        <v>104</v>
      </c>
      <c r="F10" s="52" t="s">
        <v>105</v>
      </c>
      <c r="G10" s="52" t="s">
        <v>82</v>
      </c>
      <c r="H10" s="4">
        <v>1059</v>
      </c>
      <c r="I10" s="2">
        <v>0</v>
      </c>
    </row>
    <row r="11" spans="1:10" hidden="1" x14ac:dyDescent="0.35">
      <c r="A11" s="52" t="s">
        <v>78</v>
      </c>
      <c r="B11" s="52" t="s">
        <v>79</v>
      </c>
      <c r="C11" s="3">
        <v>10</v>
      </c>
      <c r="D11" s="52" t="s">
        <v>85</v>
      </c>
      <c r="E11" s="52" t="s">
        <v>90</v>
      </c>
      <c r="F11" s="52" t="s">
        <v>91</v>
      </c>
      <c r="G11" s="52" t="s">
        <v>82</v>
      </c>
      <c r="H11" s="4">
        <v>5600</v>
      </c>
      <c r="I11" s="2">
        <v>61651.16</v>
      </c>
    </row>
    <row r="12" spans="1:10" hidden="1" x14ac:dyDescent="0.35">
      <c r="A12" s="52" t="s">
        <v>78</v>
      </c>
      <c r="B12" s="52" t="s">
        <v>79</v>
      </c>
      <c r="C12" s="3">
        <v>10</v>
      </c>
      <c r="D12" s="52" t="s">
        <v>85</v>
      </c>
      <c r="E12" s="52" t="s">
        <v>29</v>
      </c>
      <c r="F12" s="52" t="s">
        <v>94</v>
      </c>
      <c r="G12" s="52" t="s">
        <v>82</v>
      </c>
      <c r="H12" s="4">
        <v>6</v>
      </c>
      <c r="I12" s="2">
        <v>1516.38</v>
      </c>
    </row>
    <row r="13" spans="1:10" hidden="1" x14ac:dyDescent="0.35">
      <c r="A13" s="52" t="s">
        <v>78</v>
      </c>
      <c r="B13" s="52" t="s">
        <v>79</v>
      </c>
      <c r="C13" s="3">
        <v>10</v>
      </c>
      <c r="D13" s="52" t="s">
        <v>85</v>
      </c>
      <c r="E13" s="52" t="s">
        <v>26</v>
      </c>
      <c r="F13" s="52" t="s">
        <v>81</v>
      </c>
      <c r="G13" s="52" t="s">
        <v>82</v>
      </c>
      <c r="H13" s="4">
        <v>101</v>
      </c>
      <c r="I13" s="2">
        <v>1479.65</v>
      </c>
    </row>
    <row r="14" spans="1:10" hidden="1" x14ac:dyDescent="0.35">
      <c r="A14" s="52" t="s">
        <v>78</v>
      </c>
      <c r="B14" s="52" t="s">
        <v>79</v>
      </c>
      <c r="C14" s="3">
        <v>10</v>
      </c>
      <c r="D14" s="52" t="s">
        <v>85</v>
      </c>
      <c r="E14" s="52" t="s">
        <v>36</v>
      </c>
      <c r="F14" s="52" t="s">
        <v>95</v>
      </c>
      <c r="G14" s="52" t="s">
        <v>82</v>
      </c>
      <c r="H14" s="4">
        <v>302</v>
      </c>
      <c r="I14" s="2">
        <v>1419.4</v>
      </c>
    </row>
    <row r="15" spans="1:10" hidden="1" x14ac:dyDescent="0.35">
      <c r="A15" s="52" t="s">
        <v>78</v>
      </c>
      <c r="B15" s="52" t="s">
        <v>79</v>
      </c>
      <c r="C15" s="3">
        <v>10</v>
      </c>
      <c r="D15" s="52" t="s">
        <v>85</v>
      </c>
      <c r="E15" s="52" t="s">
        <v>38</v>
      </c>
      <c r="F15" s="52" t="s">
        <v>97</v>
      </c>
      <c r="G15" s="52" t="s">
        <v>82</v>
      </c>
      <c r="H15" s="4">
        <v>60</v>
      </c>
      <c r="I15" s="2">
        <v>524.1</v>
      </c>
      <c r="J15" s="50"/>
    </row>
    <row r="16" spans="1:10" hidden="1" x14ac:dyDescent="0.35">
      <c r="A16" s="52" t="s">
        <v>78</v>
      </c>
      <c r="B16" s="52" t="s">
        <v>79</v>
      </c>
      <c r="C16" s="3">
        <v>10</v>
      </c>
      <c r="D16" s="52" t="s">
        <v>85</v>
      </c>
      <c r="E16" s="52" t="s">
        <v>92</v>
      </c>
      <c r="F16" s="52" t="s">
        <v>93</v>
      </c>
      <c r="G16" s="52" t="s">
        <v>82</v>
      </c>
      <c r="H16" s="4">
        <v>12</v>
      </c>
      <c r="I16" s="2">
        <v>98.63</v>
      </c>
    </row>
    <row r="17" spans="1:9" x14ac:dyDescent="0.35">
      <c r="A17" s="52" t="s">
        <v>78</v>
      </c>
      <c r="B17" s="52" t="s">
        <v>79</v>
      </c>
      <c r="C17" s="3">
        <v>10</v>
      </c>
      <c r="D17" s="52" t="s">
        <v>85</v>
      </c>
      <c r="E17" s="52" t="s">
        <v>40</v>
      </c>
      <c r="F17" s="52" t="s">
        <v>96</v>
      </c>
      <c r="G17" s="52" t="s">
        <v>82</v>
      </c>
      <c r="H17" s="4">
        <v>1</v>
      </c>
      <c r="I17" s="2">
        <v>25</v>
      </c>
    </row>
    <row r="18" spans="1:9" hidden="1" x14ac:dyDescent="0.35">
      <c r="A18" s="52" t="s">
        <v>78</v>
      </c>
      <c r="B18" s="52" t="s">
        <v>79</v>
      </c>
      <c r="C18" s="3">
        <v>10</v>
      </c>
      <c r="D18" s="52" t="s">
        <v>85</v>
      </c>
      <c r="E18" s="52" t="s">
        <v>111</v>
      </c>
      <c r="F18" s="52" t="s">
        <v>95</v>
      </c>
      <c r="G18" s="52" t="s">
        <v>82</v>
      </c>
      <c r="H18" s="4">
        <v>25</v>
      </c>
      <c r="I18" s="2">
        <v>0</v>
      </c>
    </row>
    <row r="19" spans="1:9" hidden="1" x14ac:dyDescent="0.35">
      <c r="A19" s="52" t="s">
        <v>78</v>
      </c>
      <c r="B19" s="52" t="s">
        <v>79</v>
      </c>
      <c r="C19" s="3">
        <v>10</v>
      </c>
      <c r="D19" s="52" t="s">
        <v>85</v>
      </c>
      <c r="E19" s="52" t="s">
        <v>111</v>
      </c>
      <c r="F19" s="52" t="s">
        <v>93</v>
      </c>
      <c r="G19" s="52" t="s">
        <v>82</v>
      </c>
      <c r="H19" s="4">
        <v>16</v>
      </c>
      <c r="I19" s="2">
        <v>0</v>
      </c>
    </row>
    <row r="20" spans="1:9" hidden="1" x14ac:dyDescent="0.35">
      <c r="A20" s="52" t="s">
        <v>78</v>
      </c>
      <c r="B20" s="52" t="s">
        <v>79</v>
      </c>
      <c r="C20" s="3">
        <v>10</v>
      </c>
      <c r="D20" s="52" t="s">
        <v>85</v>
      </c>
      <c r="E20" s="52" t="s">
        <v>111</v>
      </c>
      <c r="F20" s="52" t="s">
        <v>103</v>
      </c>
      <c r="G20" s="52" t="s">
        <v>82</v>
      </c>
      <c r="H20" s="4">
        <v>11</v>
      </c>
      <c r="I20" s="2">
        <v>0</v>
      </c>
    </row>
    <row r="21" spans="1:9" hidden="1" x14ac:dyDescent="0.35">
      <c r="A21" s="52" t="s">
        <v>78</v>
      </c>
      <c r="B21" s="52" t="s">
        <v>79</v>
      </c>
      <c r="C21" s="3">
        <v>10</v>
      </c>
      <c r="D21" s="52" t="s">
        <v>85</v>
      </c>
      <c r="E21" s="52" t="s">
        <v>111</v>
      </c>
      <c r="F21" s="52" t="s">
        <v>105</v>
      </c>
      <c r="G21" s="52" t="s">
        <v>82</v>
      </c>
      <c r="H21" s="4">
        <v>60</v>
      </c>
      <c r="I21" s="2">
        <v>0</v>
      </c>
    </row>
    <row r="22" spans="1:9" hidden="1" x14ac:dyDescent="0.35">
      <c r="A22" s="52" t="s">
        <v>78</v>
      </c>
      <c r="B22" s="52" t="s">
        <v>79</v>
      </c>
      <c r="C22" s="3">
        <v>10</v>
      </c>
      <c r="D22" s="52" t="s">
        <v>85</v>
      </c>
      <c r="E22" s="52" t="s">
        <v>139</v>
      </c>
      <c r="F22" s="52" t="s">
        <v>140</v>
      </c>
      <c r="G22" s="52" t="s">
        <v>82</v>
      </c>
      <c r="H22" s="4">
        <v>125</v>
      </c>
      <c r="I22" s="2">
        <v>0</v>
      </c>
    </row>
    <row r="23" spans="1:9" hidden="1" x14ac:dyDescent="0.35">
      <c r="A23" s="52" t="s">
        <v>78</v>
      </c>
      <c r="B23" s="52" t="s">
        <v>79</v>
      </c>
      <c r="C23" s="3">
        <v>10</v>
      </c>
      <c r="D23" s="52" t="s">
        <v>85</v>
      </c>
      <c r="E23" s="52" t="s">
        <v>134</v>
      </c>
      <c r="F23" s="52" t="s">
        <v>123</v>
      </c>
      <c r="G23" s="52" t="s">
        <v>82</v>
      </c>
      <c r="H23" s="4">
        <v>1765</v>
      </c>
      <c r="I23" s="2">
        <v>0</v>
      </c>
    </row>
    <row r="24" spans="1:9" hidden="1" x14ac:dyDescent="0.35">
      <c r="A24" s="52" t="s">
        <v>78</v>
      </c>
      <c r="B24" s="52" t="s">
        <v>79</v>
      </c>
      <c r="C24" s="3">
        <v>10</v>
      </c>
      <c r="D24" s="52" t="s">
        <v>85</v>
      </c>
      <c r="E24" s="52" t="s">
        <v>102</v>
      </c>
      <c r="F24" s="52" t="s">
        <v>136</v>
      </c>
      <c r="G24" s="52" t="s">
        <v>108</v>
      </c>
      <c r="H24" s="4">
        <v>109</v>
      </c>
      <c r="I24" s="2">
        <v>0</v>
      </c>
    </row>
    <row r="25" spans="1:9" hidden="1" x14ac:dyDescent="0.35">
      <c r="A25" s="52" t="s">
        <v>78</v>
      </c>
      <c r="B25" s="52" t="s">
        <v>79</v>
      </c>
      <c r="C25" s="3">
        <v>10</v>
      </c>
      <c r="D25" s="52" t="s">
        <v>85</v>
      </c>
      <c r="E25" s="52" t="s">
        <v>102</v>
      </c>
      <c r="F25" s="52" t="s">
        <v>141</v>
      </c>
      <c r="G25" s="52" t="s">
        <v>108</v>
      </c>
      <c r="H25" s="4">
        <v>266</v>
      </c>
      <c r="I25" s="2">
        <v>0</v>
      </c>
    </row>
    <row r="26" spans="1:9" hidden="1" x14ac:dyDescent="0.35">
      <c r="A26" s="52" t="s">
        <v>78</v>
      </c>
      <c r="B26" s="52" t="s">
        <v>79</v>
      </c>
      <c r="C26" s="3">
        <v>10</v>
      </c>
      <c r="D26" s="52" t="s">
        <v>85</v>
      </c>
      <c r="E26" s="52" t="s">
        <v>120</v>
      </c>
      <c r="F26" s="52" t="s">
        <v>116</v>
      </c>
      <c r="G26" s="52" t="s">
        <v>115</v>
      </c>
      <c r="H26" s="4">
        <v>474</v>
      </c>
      <c r="I26" s="2">
        <v>0</v>
      </c>
    </row>
    <row r="27" spans="1:9" x14ac:dyDescent="0.35">
      <c r="A27" s="52" t="s">
        <v>78</v>
      </c>
      <c r="B27" s="52" t="s">
        <v>79</v>
      </c>
      <c r="C27" s="3">
        <v>10</v>
      </c>
      <c r="D27" s="52" t="s">
        <v>85</v>
      </c>
      <c r="E27" s="52" t="s">
        <v>102</v>
      </c>
      <c r="F27" s="52" t="s">
        <v>112</v>
      </c>
      <c r="G27" s="52" t="s">
        <v>108</v>
      </c>
      <c r="H27" s="4">
        <v>1</v>
      </c>
      <c r="I27" s="2">
        <v>0</v>
      </c>
    </row>
    <row r="28" spans="1:9" hidden="1" x14ac:dyDescent="0.35">
      <c r="A28" s="52" t="s">
        <v>78</v>
      </c>
      <c r="B28" s="52" t="s">
        <v>79</v>
      </c>
      <c r="C28" s="3">
        <v>10</v>
      </c>
      <c r="D28" s="52" t="s">
        <v>85</v>
      </c>
      <c r="E28" s="52" t="s">
        <v>109</v>
      </c>
      <c r="F28" s="52" t="s">
        <v>110</v>
      </c>
      <c r="G28" s="52" t="s">
        <v>108</v>
      </c>
      <c r="H28" s="4">
        <v>12</v>
      </c>
      <c r="I28" s="2">
        <v>0</v>
      </c>
    </row>
    <row r="29" spans="1:9" hidden="1" x14ac:dyDescent="0.35">
      <c r="A29" s="52" t="s">
        <v>78</v>
      </c>
      <c r="B29" s="52" t="s">
        <v>79</v>
      </c>
      <c r="C29" s="3">
        <v>10</v>
      </c>
      <c r="D29" s="52" t="s">
        <v>85</v>
      </c>
      <c r="E29" s="52" t="s">
        <v>106</v>
      </c>
      <c r="F29" s="52" t="s">
        <v>107</v>
      </c>
      <c r="G29" s="52" t="s">
        <v>108</v>
      </c>
      <c r="H29" s="4">
        <v>6</v>
      </c>
      <c r="I29" s="2">
        <v>0</v>
      </c>
    </row>
    <row r="30" spans="1:9" hidden="1" x14ac:dyDescent="0.35">
      <c r="A30" s="52" t="s">
        <v>78</v>
      </c>
      <c r="B30" s="52" t="s">
        <v>79</v>
      </c>
      <c r="C30" s="3">
        <v>10</v>
      </c>
      <c r="D30" s="52" t="s">
        <v>85</v>
      </c>
      <c r="E30" s="52" t="s">
        <v>106</v>
      </c>
      <c r="F30" s="52" t="s">
        <v>130</v>
      </c>
      <c r="G30" s="52" t="s">
        <v>108</v>
      </c>
      <c r="H30" s="4">
        <v>3</v>
      </c>
      <c r="I30" s="2">
        <v>0</v>
      </c>
    </row>
    <row r="31" spans="1:9" x14ac:dyDescent="0.35">
      <c r="A31" s="52" t="s">
        <v>78</v>
      </c>
      <c r="B31" s="52" t="s">
        <v>79</v>
      </c>
      <c r="C31" s="3">
        <v>10</v>
      </c>
      <c r="D31" s="52" t="s">
        <v>85</v>
      </c>
      <c r="E31" s="52" t="s">
        <v>111</v>
      </c>
      <c r="F31" s="52" t="s">
        <v>94</v>
      </c>
      <c r="G31" s="52" t="s">
        <v>82</v>
      </c>
      <c r="H31" s="4">
        <v>1</v>
      </c>
      <c r="I31" s="2">
        <v>0</v>
      </c>
    </row>
    <row r="32" spans="1:9" hidden="1" x14ac:dyDescent="0.35">
      <c r="A32" s="52" t="s">
        <v>78</v>
      </c>
      <c r="B32" s="52" t="s">
        <v>79</v>
      </c>
      <c r="C32" s="3">
        <v>10</v>
      </c>
      <c r="D32" s="52" t="s">
        <v>85</v>
      </c>
      <c r="E32" s="52" t="s">
        <v>113</v>
      </c>
      <c r="F32" s="52" t="s">
        <v>114</v>
      </c>
      <c r="G32" s="52" t="s">
        <v>115</v>
      </c>
      <c r="H32" s="4">
        <v>128929</v>
      </c>
      <c r="I32" s="2">
        <v>0</v>
      </c>
    </row>
    <row r="33" spans="1:9" hidden="1" x14ac:dyDescent="0.35">
      <c r="A33" s="52" t="s">
        <v>78</v>
      </c>
      <c r="B33" s="52" t="s">
        <v>79</v>
      </c>
      <c r="C33" s="3">
        <v>10</v>
      </c>
      <c r="D33" s="52" t="s">
        <v>85</v>
      </c>
      <c r="E33" s="52" t="s">
        <v>121</v>
      </c>
      <c r="F33" s="52" t="s">
        <v>112</v>
      </c>
      <c r="G33" s="52" t="s">
        <v>108</v>
      </c>
      <c r="H33" s="4">
        <v>125</v>
      </c>
      <c r="I33" s="2">
        <v>0</v>
      </c>
    </row>
    <row r="34" spans="1:9" hidden="1" x14ac:dyDescent="0.35">
      <c r="A34" s="52" t="s">
        <v>78</v>
      </c>
      <c r="B34" s="52" t="s">
        <v>79</v>
      </c>
      <c r="C34" s="3">
        <v>10</v>
      </c>
      <c r="D34" s="52" t="s">
        <v>85</v>
      </c>
      <c r="E34" s="52" t="s">
        <v>118</v>
      </c>
      <c r="F34" s="52" t="s">
        <v>119</v>
      </c>
      <c r="G34" s="52" t="s">
        <v>115</v>
      </c>
      <c r="H34" s="4">
        <v>474</v>
      </c>
      <c r="I34" s="2">
        <v>0</v>
      </c>
    </row>
    <row r="35" spans="1:9" x14ac:dyDescent="0.35">
      <c r="A35" s="52" t="s">
        <v>78</v>
      </c>
      <c r="B35" s="52" t="s">
        <v>79</v>
      </c>
      <c r="C35" s="3">
        <v>10</v>
      </c>
      <c r="D35" s="52" t="s">
        <v>85</v>
      </c>
      <c r="E35" s="52" t="s">
        <v>111</v>
      </c>
      <c r="F35" s="52" t="s">
        <v>97</v>
      </c>
      <c r="G35" s="52" t="s">
        <v>82</v>
      </c>
      <c r="H35" s="4">
        <v>1</v>
      </c>
      <c r="I35" s="2">
        <v>0</v>
      </c>
    </row>
    <row r="36" spans="1:9" hidden="1" x14ac:dyDescent="0.35">
      <c r="A36" s="52" t="s">
        <v>78</v>
      </c>
      <c r="B36" s="52" t="s">
        <v>79</v>
      </c>
      <c r="C36" s="3">
        <v>10</v>
      </c>
      <c r="D36" s="52" t="s">
        <v>85</v>
      </c>
      <c r="E36" s="52" t="s">
        <v>102</v>
      </c>
      <c r="F36" s="52" t="s">
        <v>116</v>
      </c>
      <c r="G36" s="52" t="s">
        <v>115</v>
      </c>
      <c r="H36" s="4">
        <v>419</v>
      </c>
      <c r="I36" s="2">
        <v>0</v>
      </c>
    </row>
    <row r="37" spans="1:9" hidden="1" x14ac:dyDescent="0.35">
      <c r="A37" s="52" t="s">
        <v>78</v>
      </c>
      <c r="B37" s="52" t="s">
        <v>79</v>
      </c>
      <c r="C37" s="3">
        <v>10</v>
      </c>
      <c r="D37" s="52" t="s">
        <v>85</v>
      </c>
      <c r="E37" s="52" t="s">
        <v>102</v>
      </c>
      <c r="F37" s="52" t="s">
        <v>101</v>
      </c>
      <c r="G37" s="52" t="s">
        <v>108</v>
      </c>
      <c r="H37" s="4">
        <v>11</v>
      </c>
      <c r="I37" s="2">
        <v>0</v>
      </c>
    </row>
    <row r="38" spans="1:9" hidden="1" x14ac:dyDescent="0.35">
      <c r="A38" s="52" t="s">
        <v>78</v>
      </c>
      <c r="B38" s="52" t="s">
        <v>79</v>
      </c>
      <c r="C38" s="3">
        <v>10</v>
      </c>
      <c r="D38" s="52" t="s">
        <v>85</v>
      </c>
      <c r="E38" s="52" t="s">
        <v>111</v>
      </c>
      <c r="F38" s="52" t="s">
        <v>107</v>
      </c>
      <c r="G38" s="52" t="s">
        <v>108</v>
      </c>
      <c r="H38" s="4">
        <v>42</v>
      </c>
      <c r="I38" s="2">
        <v>0</v>
      </c>
    </row>
    <row r="39" spans="1:9" hidden="1" x14ac:dyDescent="0.35">
      <c r="A39" s="52" t="s">
        <v>78</v>
      </c>
      <c r="B39" s="52" t="s">
        <v>79</v>
      </c>
      <c r="C39" s="3">
        <v>10</v>
      </c>
      <c r="D39" s="52" t="s">
        <v>85</v>
      </c>
      <c r="E39" s="52" t="s">
        <v>102</v>
      </c>
      <c r="F39" s="52" t="s">
        <v>103</v>
      </c>
      <c r="G39" s="52" t="s">
        <v>82</v>
      </c>
      <c r="H39" s="4">
        <v>499</v>
      </c>
      <c r="I39" s="2">
        <v>0</v>
      </c>
    </row>
    <row r="40" spans="1:9" hidden="1" x14ac:dyDescent="0.35">
      <c r="A40" s="52" t="s">
        <v>78</v>
      </c>
      <c r="B40" s="52" t="s">
        <v>79</v>
      </c>
      <c r="C40" s="3">
        <v>10</v>
      </c>
      <c r="D40" s="52" t="s">
        <v>85</v>
      </c>
      <c r="E40" s="52" t="s">
        <v>102</v>
      </c>
      <c r="F40" s="52" t="s">
        <v>130</v>
      </c>
      <c r="G40" s="52" t="s">
        <v>108</v>
      </c>
      <c r="H40" s="4">
        <v>83</v>
      </c>
      <c r="I40" s="2">
        <v>0</v>
      </c>
    </row>
    <row r="41" spans="1:9" hidden="1" x14ac:dyDescent="0.35">
      <c r="A41" s="52" t="s">
        <v>78</v>
      </c>
      <c r="B41" s="52" t="s">
        <v>79</v>
      </c>
      <c r="C41" s="3">
        <v>10</v>
      </c>
      <c r="D41" s="52" t="s">
        <v>85</v>
      </c>
      <c r="E41" s="52" t="s">
        <v>117</v>
      </c>
      <c r="F41" s="52" t="s">
        <v>116</v>
      </c>
      <c r="G41" s="52" t="s">
        <v>82</v>
      </c>
      <c r="H41" s="4">
        <v>1057</v>
      </c>
      <c r="I41" s="2">
        <v>0</v>
      </c>
    </row>
    <row r="42" spans="1:9" hidden="1" x14ac:dyDescent="0.35">
      <c r="A42" s="52" t="s">
        <v>78</v>
      </c>
      <c r="B42" s="52" t="s">
        <v>79</v>
      </c>
      <c r="C42" s="3">
        <v>10</v>
      </c>
      <c r="D42" s="52" t="s">
        <v>85</v>
      </c>
      <c r="E42" s="52" t="s">
        <v>135</v>
      </c>
      <c r="F42" s="52" t="s">
        <v>112</v>
      </c>
      <c r="G42" s="52" t="s">
        <v>82</v>
      </c>
      <c r="H42" s="4">
        <v>7601</v>
      </c>
      <c r="I42" s="2">
        <v>0</v>
      </c>
    </row>
    <row r="43" spans="1:9" hidden="1" x14ac:dyDescent="0.35">
      <c r="A43" s="52" t="s">
        <v>78</v>
      </c>
      <c r="B43" s="52" t="s">
        <v>79</v>
      </c>
      <c r="C43" s="3">
        <v>10</v>
      </c>
      <c r="D43" s="52" t="s">
        <v>85</v>
      </c>
      <c r="E43" s="52" t="s">
        <v>111</v>
      </c>
      <c r="F43" s="52" t="s">
        <v>101</v>
      </c>
      <c r="G43" s="52" t="s">
        <v>82</v>
      </c>
      <c r="H43" s="4">
        <v>257</v>
      </c>
      <c r="I43" s="2">
        <v>0</v>
      </c>
    </row>
    <row r="44" spans="1:9" hidden="1" x14ac:dyDescent="0.35">
      <c r="A44" s="52" t="s">
        <v>78</v>
      </c>
      <c r="B44" s="52" t="s">
        <v>79</v>
      </c>
      <c r="C44" s="3">
        <v>10</v>
      </c>
      <c r="D44" s="52" t="s">
        <v>85</v>
      </c>
      <c r="E44" s="52" t="s">
        <v>126</v>
      </c>
      <c r="F44" s="52" t="s">
        <v>103</v>
      </c>
      <c r="G44" s="52" t="s">
        <v>82</v>
      </c>
      <c r="H44" s="4">
        <v>14</v>
      </c>
      <c r="I44" s="2">
        <v>0</v>
      </c>
    </row>
    <row r="45" spans="1:9" x14ac:dyDescent="0.35">
      <c r="A45" s="52" t="s">
        <v>78</v>
      </c>
      <c r="B45" s="52" t="s">
        <v>79</v>
      </c>
      <c r="C45" s="3">
        <v>10</v>
      </c>
      <c r="D45" s="52" t="s">
        <v>85</v>
      </c>
      <c r="E45" s="52" t="s">
        <v>106</v>
      </c>
      <c r="F45" s="52" t="s">
        <v>101</v>
      </c>
      <c r="G45" s="52" t="s">
        <v>108</v>
      </c>
      <c r="H45" s="4">
        <v>1</v>
      </c>
      <c r="I45" s="2">
        <v>0</v>
      </c>
    </row>
    <row r="46" spans="1:9" hidden="1" x14ac:dyDescent="0.35">
      <c r="A46" s="52" t="s">
        <v>78</v>
      </c>
      <c r="B46" s="52" t="s">
        <v>79</v>
      </c>
      <c r="C46" s="3">
        <v>10</v>
      </c>
      <c r="D46" s="52" t="s">
        <v>85</v>
      </c>
      <c r="E46" s="52" t="s">
        <v>102</v>
      </c>
      <c r="F46" s="52" t="s">
        <v>107</v>
      </c>
      <c r="G46" s="52" t="s">
        <v>108</v>
      </c>
      <c r="H46" s="4">
        <v>1493</v>
      </c>
      <c r="I46" s="2">
        <v>0</v>
      </c>
    </row>
    <row r="47" spans="1:9" hidden="1" x14ac:dyDescent="0.35">
      <c r="A47" s="52" t="s">
        <v>78</v>
      </c>
      <c r="B47" s="52" t="s">
        <v>79</v>
      </c>
      <c r="C47" s="3">
        <v>10</v>
      </c>
      <c r="D47" s="52" t="s">
        <v>85</v>
      </c>
      <c r="E47" s="52" t="s">
        <v>102</v>
      </c>
      <c r="F47" s="52" t="s">
        <v>125</v>
      </c>
      <c r="G47" s="52" t="s">
        <v>108</v>
      </c>
      <c r="H47" s="4">
        <v>3</v>
      </c>
      <c r="I47" s="2">
        <v>0</v>
      </c>
    </row>
    <row r="48" spans="1:9" hidden="1" x14ac:dyDescent="0.35">
      <c r="A48" s="52" t="s">
        <v>78</v>
      </c>
      <c r="B48" s="52" t="s">
        <v>79</v>
      </c>
      <c r="C48" s="3">
        <v>10</v>
      </c>
      <c r="D48" s="52" t="s">
        <v>85</v>
      </c>
      <c r="E48" s="52" t="s">
        <v>126</v>
      </c>
      <c r="F48" s="52" t="s">
        <v>101</v>
      </c>
      <c r="G48" s="52" t="s">
        <v>82</v>
      </c>
      <c r="H48" s="4">
        <v>28</v>
      </c>
      <c r="I48" s="2">
        <v>0</v>
      </c>
    </row>
    <row r="49" spans="1:9" hidden="1" x14ac:dyDescent="0.35">
      <c r="A49" s="52" t="s">
        <v>78</v>
      </c>
      <c r="B49" s="52" t="s">
        <v>79</v>
      </c>
      <c r="C49" s="3">
        <v>10</v>
      </c>
      <c r="D49" s="52" t="s">
        <v>85</v>
      </c>
      <c r="E49" s="52" t="s">
        <v>111</v>
      </c>
      <c r="F49" s="52" t="s">
        <v>81</v>
      </c>
      <c r="G49" s="52" t="s">
        <v>82</v>
      </c>
      <c r="H49" s="4">
        <v>2</v>
      </c>
      <c r="I49" s="2">
        <v>0</v>
      </c>
    </row>
    <row r="50" spans="1:9" hidden="1" x14ac:dyDescent="0.35">
      <c r="A50" s="52" t="s">
        <v>78</v>
      </c>
      <c r="B50" s="52" t="s">
        <v>79</v>
      </c>
      <c r="C50" s="3">
        <v>10</v>
      </c>
      <c r="D50" s="52" t="s">
        <v>85</v>
      </c>
      <c r="E50" s="52" t="s">
        <v>122</v>
      </c>
      <c r="F50" s="52" t="s">
        <v>123</v>
      </c>
      <c r="G50" s="52" t="s">
        <v>108</v>
      </c>
      <c r="H50" s="4">
        <v>544</v>
      </c>
      <c r="I50" s="2">
        <v>0</v>
      </c>
    </row>
    <row r="51" spans="1:9" hidden="1" x14ac:dyDescent="0.35">
      <c r="A51" s="52" t="s">
        <v>78</v>
      </c>
      <c r="B51" s="52" t="s">
        <v>79</v>
      </c>
      <c r="C51" s="3">
        <v>10</v>
      </c>
      <c r="D51" s="52" t="s">
        <v>85</v>
      </c>
      <c r="E51" s="52" t="s">
        <v>106</v>
      </c>
      <c r="F51" s="52" t="s">
        <v>136</v>
      </c>
      <c r="G51" s="52" t="s">
        <v>108</v>
      </c>
      <c r="H51" s="4">
        <v>5</v>
      </c>
      <c r="I51" s="2">
        <v>0</v>
      </c>
    </row>
    <row r="52" spans="1:9" hidden="1" x14ac:dyDescent="0.35">
      <c r="A52" s="52" t="s">
        <v>78</v>
      </c>
      <c r="B52" s="52" t="s">
        <v>79</v>
      </c>
      <c r="C52" s="3">
        <v>20</v>
      </c>
      <c r="D52" s="52" t="s">
        <v>85</v>
      </c>
      <c r="E52" s="52" t="s">
        <v>90</v>
      </c>
      <c r="F52" s="52" t="s">
        <v>91</v>
      </c>
      <c r="G52" s="52" t="s">
        <v>82</v>
      </c>
      <c r="H52" s="4">
        <v>9018</v>
      </c>
      <c r="I52" s="2">
        <v>97994.19</v>
      </c>
    </row>
    <row r="53" spans="1:9" hidden="1" x14ac:dyDescent="0.35">
      <c r="A53" s="52" t="s">
        <v>78</v>
      </c>
      <c r="B53" s="52" t="s">
        <v>79</v>
      </c>
      <c r="C53" s="3">
        <v>20</v>
      </c>
      <c r="D53" s="52" t="s">
        <v>85</v>
      </c>
      <c r="E53" s="52" t="s">
        <v>29</v>
      </c>
      <c r="F53" s="52" t="s">
        <v>94</v>
      </c>
      <c r="G53" s="52" t="s">
        <v>82</v>
      </c>
      <c r="H53" s="4">
        <v>13</v>
      </c>
      <c r="I53" s="2">
        <v>3373.54</v>
      </c>
    </row>
    <row r="54" spans="1:9" hidden="1" x14ac:dyDescent="0.35">
      <c r="A54" s="52" t="s">
        <v>78</v>
      </c>
      <c r="B54" s="52" t="s">
        <v>79</v>
      </c>
      <c r="C54" s="3">
        <v>20</v>
      </c>
      <c r="D54" s="52" t="s">
        <v>85</v>
      </c>
      <c r="E54" s="52" t="s">
        <v>26</v>
      </c>
      <c r="F54" s="52" t="s">
        <v>81</v>
      </c>
      <c r="G54" s="52" t="s">
        <v>82</v>
      </c>
      <c r="H54" s="4">
        <v>181</v>
      </c>
      <c r="I54" s="2">
        <v>2651.65</v>
      </c>
    </row>
    <row r="55" spans="1:9" hidden="1" x14ac:dyDescent="0.35">
      <c r="A55" s="52" t="s">
        <v>78</v>
      </c>
      <c r="B55" s="52" t="s">
        <v>79</v>
      </c>
      <c r="C55" s="3">
        <v>20</v>
      </c>
      <c r="D55" s="52" t="s">
        <v>85</v>
      </c>
      <c r="E55" s="52" t="s">
        <v>36</v>
      </c>
      <c r="F55" s="52" t="s">
        <v>95</v>
      </c>
      <c r="G55" s="52" t="s">
        <v>82</v>
      </c>
      <c r="H55" s="4">
        <v>499</v>
      </c>
      <c r="I55" s="2">
        <v>2345.3000000000002</v>
      </c>
    </row>
    <row r="56" spans="1:9" hidden="1" x14ac:dyDescent="0.35">
      <c r="A56" s="52" t="s">
        <v>78</v>
      </c>
      <c r="B56" s="52" t="s">
        <v>79</v>
      </c>
      <c r="C56" s="3">
        <v>20</v>
      </c>
      <c r="D56" s="52" t="s">
        <v>85</v>
      </c>
      <c r="E56" s="52" t="s">
        <v>38</v>
      </c>
      <c r="F56" s="52" t="s">
        <v>97</v>
      </c>
      <c r="G56" s="52" t="s">
        <v>82</v>
      </c>
      <c r="H56" s="4">
        <v>82</v>
      </c>
      <c r="I56" s="2">
        <v>1147.9000000000001</v>
      </c>
    </row>
    <row r="57" spans="1:9" hidden="1" x14ac:dyDescent="0.35">
      <c r="A57" s="52" t="s">
        <v>78</v>
      </c>
      <c r="B57" s="52" t="s">
        <v>79</v>
      </c>
      <c r="C57" s="3">
        <v>20</v>
      </c>
      <c r="D57" s="52" t="s">
        <v>85</v>
      </c>
      <c r="E57" s="52" t="s">
        <v>92</v>
      </c>
      <c r="F57" s="52" t="s">
        <v>93</v>
      </c>
      <c r="G57" s="52" t="s">
        <v>82</v>
      </c>
      <c r="H57" s="4">
        <v>5</v>
      </c>
      <c r="I57" s="2">
        <v>40.159999999999997</v>
      </c>
    </row>
    <row r="58" spans="1:9" x14ac:dyDescent="0.35">
      <c r="A58" s="52" t="s">
        <v>78</v>
      </c>
      <c r="B58" s="52" t="s">
        <v>79</v>
      </c>
      <c r="C58" s="3">
        <v>20</v>
      </c>
      <c r="D58" s="52" t="s">
        <v>85</v>
      </c>
      <c r="E58" s="52" t="s">
        <v>40</v>
      </c>
      <c r="F58" s="52" t="s">
        <v>96</v>
      </c>
      <c r="G58" s="52" t="s">
        <v>82</v>
      </c>
      <c r="H58" s="4">
        <v>1</v>
      </c>
      <c r="I58" s="2">
        <v>25</v>
      </c>
    </row>
    <row r="59" spans="1:9" x14ac:dyDescent="0.35">
      <c r="A59" s="52" t="s">
        <v>78</v>
      </c>
      <c r="B59" s="52" t="s">
        <v>79</v>
      </c>
      <c r="C59" s="3">
        <v>20</v>
      </c>
      <c r="D59" s="52" t="s">
        <v>85</v>
      </c>
      <c r="E59" s="52" t="s">
        <v>102</v>
      </c>
      <c r="F59" s="52" t="s">
        <v>95</v>
      </c>
      <c r="G59" s="52" t="s">
        <v>108</v>
      </c>
      <c r="H59" s="4">
        <v>1</v>
      </c>
      <c r="I59" s="2">
        <v>0</v>
      </c>
    </row>
    <row r="60" spans="1:9" hidden="1" x14ac:dyDescent="0.35">
      <c r="A60" s="52" t="s">
        <v>78</v>
      </c>
      <c r="B60" s="52" t="s">
        <v>79</v>
      </c>
      <c r="C60" s="3">
        <v>20</v>
      </c>
      <c r="D60" s="52" t="s">
        <v>85</v>
      </c>
      <c r="E60" s="52" t="s">
        <v>111</v>
      </c>
      <c r="F60" s="52" t="s">
        <v>105</v>
      </c>
      <c r="G60" s="52" t="s">
        <v>82</v>
      </c>
      <c r="H60" s="4">
        <v>138</v>
      </c>
      <c r="I60" s="2">
        <v>0</v>
      </c>
    </row>
    <row r="61" spans="1:9" x14ac:dyDescent="0.35">
      <c r="A61" s="52" t="s">
        <v>78</v>
      </c>
      <c r="B61" s="52" t="s">
        <v>79</v>
      </c>
      <c r="C61" s="3">
        <v>20</v>
      </c>
      <c r="D61" s="52" t="s">
        <v>85</v>
      </c>
      <c r="E61" s="52" t="s">
        <v>111</v>
      </c>
      <c r="F61" s="52" t="s">
        <v>94</v>
      </c>
      <c r="G61" s="52" t="s">
        <v>82</v>
      </c>
      <c r="H61" s="4">
        <v>1</v>
      </c>
      <c r="I61" s="2">
        <v>0</v>
      </c>
    </row>
    <row r="62" spans="1:9" hidden="1" x14ac:dyDescent="0.35">
      <c r="A62" s="52" t="s">
        <v>78</v>
      </c>
      <c r="B62" s="52" t="s">
        <v>79</v>
      </c>
      <c r="C62" s="3">
        <v>20</v>
      </c>
      <c r="D62" s="52" t="s">
        <v>85</v>
      </c>
      <c r="E62" s="52" t="s">
        <v>111</v>
      </c>
      <c r="F62" s="52" t="s">
        <v>107</v>
      </c>
      <c r="G62" s="52" t="s">
        <v>108</v>
      </c>
      <c r="H62" s="4">
        <v>46</v>
      </c>
      <c r="I62" s="2">
        <v>0</v>
      </c>
    </row>
    <row r="63" spans="1:9" hidden="1" x14ac:dyDescent="0.35">
      <c r="A63" s="52" t="s">
        <v>78</v>
      </c>
      <c r="B63" s="52" t="s">
        <v>79</v>
      </c>
      <c r="C63" s="3">
        <v>20</v>
      </c>
      <c r="D63" s="52" t="s">
        <v>85</v>
      </c>
      <c r="E63" s="52" t="s">
        <v>106</v>
      </c>
      <c r="F63" s="52" t="s">
        <v>107</v>
      </c>
      <c r="G63" s="52" t="s">
        <v>108</v>
      </c>
      <c r="H63" s="4">
        <v>16</v>
      </c>
      <c r="I63" s="2">
        <v>0</v>
      </c>
    </row>
    <row r="64" spans="1:9" hidden="1" x14ac:dyDescent="0.35">
      <c r="A64" s="52" t="s">
        <v>78</v>
      </c>
      <c r="B64" s="52" t="s">
        <v>79</v>
      </c>
      <c r="C64" s="3">
        <v>20</v>
      </c>
      <c r="D64" s="52" t="s">
        <v>85</v>
      </c>
      <c r="E64" s="52" t="s">
        <v>121</v>
      </c>
      <c r="F64" s="52" t="s">
        <v>112</v>
      </c>
      <c r="G64" s="52" t="s">
        <v>108</v>
      </c>
      <c r="H64" s="4">
        <v>333</v>
      </c>
      <c r="I64" s="2">
        <v>0</v>
      </c>
    </row>
    <row r="65" spans="1:9" hidden="1" x14ac:dyDescent="0.35">
      <c r="A65" s="52" t="s">
        <v>78</v>
      </c>
      <c r="B65" s="52" t="s">
        <v>79</v>
      </c>
      <c r="C65" s="3">
        <v>20</v>
      </c>
      <c r="D65" s="52" t="s">
        <v>85</v>
      </c>
      <c r="E65" s="52" t="s">
        <v>122</v>
      </c>
      <c r="F65" s="52" t="s">
        <v>123</v>
      </c>
      <c r="G65" s="52" t="s">
        <v>108</v>
      </c>
      <c r="H65" s="4">
        <v>1166</v>
      </c>
      <c r="I65" s="2">
        <v>0</v>
      </c>
    </row>
    <row r="66" spans="1:9" x14ac:dyDescent="0.35">
      <c r="A66" s="52" t="s">
        <v>78</v>
      </c>
      <c r="B66" s="52" t="s">
        <v>79</v>
      </c>
      <c r="C66" s="3">
        <v>20</v>
      </c>
      <c r="D66" s="52" t="s">
        <v>85</v>
      </c>
      <c r="E66" s="52" t="s">
        <v>102</v>
      </c>
      <c r="F66" s="52" t="s">
        <v>112</v>
      </c>
      <c r="G66" s="52" t="s">
        <v>108</v>
      </c>
      <c r="H66" s="4">
        <v>1</v>
      </c>
      <c r="I66" s="2">
        <v>0</v>
      </c>
    </row>
    <row r="67" spans="1:9" hidden="1" x14ac:dyDescent="0.35">
      <c r="A67" s="52" t="s">
        <v>78</v>
      </c>
      <c r="B67" s="52" t="s">
        <v>79</v>
      </c>
      <c r="C67" s="3">
        <v>20</v>
      </c>
      <c r="D67" s="52" t="s">
        <v>85</v>
      </c>
      <c r="E67" s="52" t="s">
        <v>106</v>
      </c>
      <c r="F67" s="52" t="s">
        <v>130</v>
      </c>
      <c r="G67" s="52" t="s">
        <v>108</v>
      </c>
      <c r="H67" s="4">
        <v>9</v>
      </c>
      <c r="I67" s="2">
        <v>0</v>
      </c>
    </row>
    <row r="68" spans="1:9" hidden="1" x14ac:dyDescent="0.35">
      <c r="A68" s="52" t="s">
        <v>78</v>
      </c>
      <c r="B68" s="52" t="s">
        <v>79</v>
      </c>
      <c r="C68" s="3">
        <v>20</v>
      </c>
      <c r="D68" s="52" t="s">
        <v>85</v>
      </c>
      <c r="E68" s="52" t="s">
        <v>111</v>
      </c>
      <c r="F68" s="52" t="s">
        <v>95</v>
      </c>
      <c r="G68" s="52" t="s">
        <v>82</v>
      </c>
      <c r="H68" s="4">
        <v>53</v>
      </c>
      <c r="I68" s="2">
        <v>0</v>
      </c>
    </row>
    <row r="69" spans="1:9" hidden="1" x14ac:dyDescent="0.35">
      <c r="A69" s="52" t="s">
        <v>78</v>
      </c>
      <c r="B69" s="52" t="s">
        <v>79</v>
      </c>
      <c r="C69" s="3">
        <v>20</v>
      </c>
      <c r="D69" s="52" t="s">
        <v>85</v>
      </c>
      <c r="E69" s="52" t="s">
        <v>111</v>
      </c>
      <c r="F69" s="52" t="s">
        <v>93</v>
      </c>
      <c r="G69" s="52" t="s">
        <v>82</v>
      </c>
      <c r="H69" s="4">
        <v>30</v>
      </c>
      <c r="I69" s="2">
        <v>0</v>
      </c>
    </row>
    <row r="70" spans="1:9" hidden="1" x14ac:dyDescent="0.35">
      <c r="A70" s="52" t="s">
        <v>78</v>
      </c>
      <c r="B70" s="52" t="s">
        <v>79</v>
      </c>
      <c r="C70" s="3">
        <v>20</v>
      </c>
      <c r="D70" s="52" t="s">
        <v>85</v>
      </c>
      <c r="E70" s="52" t="s">
        <v>111</v>
      </c>
      <c r="F70" s="52" t="s">
        <v>103</v>
      </c>
      <c r="G70" s="52" t="s">
        <v>82</v>
      </c>
      <c r="H70" s="4">
        <v>20</v>
      </c>
      <c r="I70" s="2">
        <v>0</v>
      </c>
    </row>
    <row r="71" spans="1:9" x14ac:dyDescent="0.35">
      <c r="A71" s="52" t="s">
        <v>78</v>
      </c>
      <c r="B71" s="52" t="s">
        <v>79</v>
      </c>
      <c r="C71" s="3">
        <v>20</v>
      </c>
      <c r="D71" s="52" t="s">
        <v>85</v>
      </c>
      <c r="E71" s="52" t="s">
        <v>102</v>
      </c>
      <c r="F71" s="52" t="s">
        <v>125</v>
      </c>
      <c r="G71" s="52" t="s">
        <v>108</v>
      </c>
      <c r="H71" s="4">
        <v>1</v>
      </c>
      <c r="I71" s="2">
        <v>0</v>
      </c>
    </row>
    <row r="72" spans="1:9" hidden="1" x14ac:dyDescent="0.35">
      <c r="A72" s="52" t="s">
        <v>78</v>
      </c>
      <c r="B72" s="52" t="s">
        <v>79</v>
      </c>
      <c r="C72" s="3">
        <v>20</v>
      </c>
      <c r="D72" s="52" t="s">
        <v>85</v>
      </c>
      <c r="E72" s="52" t="s">
        <v>111</v>
      </c>
      <c r="F72" s="52" t="s">
        <v>97</v>
      </c>
      <c r="G72" s="52" t="s">
        <v>82</v>
      </c>
      <c r="H72" s="4">
        <v>2</v>
      </c>
      <c r="I72" s="2">
        <v>0</v>
      </c>
    </row>
    <row r="73" spans="1:9" hidden="1" x14ac:dyDescent="0.35">
      <c r="A73" s="52" t="s">
        <v>78</v>
      </c>
      <c r="B73" s="52" t="s">
        <v>79</v>
      </c>
      <c r="C73" s="3">
        <v>20</v>
      </c>
      <c r="D73" s="52" t="s">
        <v>85</v>
      </c>
      <c r="E73" s="52" t="s">
        <v>102</v>
      </c>
      <c r="F73" s="52" t="s">
        <v>116</v>
      </c>
      <c r="G73" s="52" t="s">
        <v>115</v>
      </c>
      <c r="H73" s="4">
        <v>734</v>
      </c>
      <c r="I73" s="2">
        <v>0</v>
      </c>
    </row>
    <row r="74" spans="1:9" hidden="1" x14ac:dyDescent="0.35">
      <c r="A74" s="52" t="s">
        <v>78</v>
      </c>
      <c r="B74" s="52" t="s">
        <v>79</v>
      </c>
      <c r="C74" s="3">
        <v>20</v>
      </c>
      <c r="D74" s="52" t="s">
        <v>85</v>
      </c>
      <c r="E74" s="52" t="s">
        <v>128</v>
      </c>
      <c r="F74" s="52" t="s">
        <v>129</v>
      </c>
      <c r="G74" s="52" t="s">
        <v>82</v>
      </c>
      <c r="H74" s="4">
        <v>4</v>
      </c>
      <c r="I74" s="2">
        <v>0</v>
      </c>
    </row>
    <row r="75" spans="1:9" hidden="1" x14ac:dyDescent="0.35">
      <c r="A75" s="52" t="s">
        <v>78</v>
      </c>
      <c r="B75" s="52" t="s">
        <v>79</v>
      </c>
      <c r="C75" s="3">
        <v>20</v>
      </c>
      <c r="D75" s="52" t="s">
        <v>85</v>
      </c>
      <c r="E75" s="52" t="s">
        <v>102</v>
      </c>
      <c r="F75" s="52" t="s">
        <v>101</v>
      </c>
      <c r="G75" s="52" t="s">
        <v>108</v>
      </c>
      <c r="H75" s="4">
        <v>24</v>
      </c>
      <c r="I75" s="2">
        <v>0</v>
      </c>
    </row>
    <row r="76" spans="1:9" hidden="1" x14ac:dyDescent="0.35">
      <c r="A76" s="52" t="s">
        <v>78</v>
      </c>
      <c r="B76" s="52" t="s">
        <v>79</v>
      </c>
      <c r="C76" s="3">
        <v>20</v>
      </c>
      <c r="D76" s="52" t="s">
        <v>85</v>
      </c>
      <c r="E76" s="52" t="s">
        <v>102</v>
      </c>
      <c r="F76" s="52" t="s">
        <v>130</v>
      </c>
      <c r="G76" s="52" t="s">
        <v>108</v>
      </c>
      <c r="H76" s="4">
        <v>183</v>
      </c>
      <c r="I76" s="2">
        <v>0</v>
      </c>
    </row>
    <row r="77" spans="1:9" hidden="1" x14ac:dyDescent="0.35">
      <c r="A77" s="52" t="s">
        <v>78</v>
      </c>
      <c r="B77" s="52" t="s">
        <v>79</v>
      </c>
      <c r="C77" s="3">
        <v>20</v>
      </c>
      <c r="D77" s="52" t="s">
        <v>85</v>
      </c>
      <c r="E77" s="52" t="s">
        <v>120</v>
      </c>
      <c r="F77" s="52" t="s">
        <v>116</v>
      </c>
      <c r="G77" s="52" t="s">
        <v>115</v>
      </c>
      <c r="H77" s="4">
        <v>855</v>
      </c>
      <c r="I77" s="2">
        <v>0</v>
      </c>
    </row>
    <row r="78" spans="1:9" hidden="1" x14ac:dyDescent="0.35">
      <c r="A78" s="52" t="s">
        <v>78</v>
      </c>
      <c r="B78" s="52" t="s">
        <v>79</v>
      </c>
      <c r="C78" s="3">
        <v>20</v>
      </c>
      <c r="D78" s="52" t="s">
        <v>85</v>
      </c>
      <c r="E78" s="52" t="s">
        <v>102</v>
      </c>
      <c r="F78" s="52" t="s">
        <v>136</v>
      </c>
      <c r="G78" s="52" t="s">
        <v>108</v>
      </c>
      <c r="H78" s="4">
        <v>100</v>
      </c>
      <c r="I78" s="2">
        <v>0</v>
      </c>
    </row>
    <row r="79" spans="1:9" hidden="1" x14ac:dyDescent="0.35">
      <c r="A79" s="52" t="s">
        <v>78</v>
      </c>
      <c r="B79" s="52" t="s">
        <v>79</v>
      </c>
      <c r="C79" s="3">
        <v>20</v>
      </c>
      <c r="D79" s="52" t="s">
        <v>85</v>
      </c>
      <c r="E79" s="52" t="s">
        <v>111</v>
      </c>
      <c r="F79" s="52" t="s">
        <v>81</v>
      </c>
      <c r="G79" s="52" t="s">
        <v>82</v>
      </c>
      <c r="H79" s="4">
        <v>4</v>
      </c>
      <c r="I79" s="2">
        <v>0</v>
      </c>
    </row>
    <row r="80" spans="1:9" hidden="1" x14ac:dyDescent="0.35">
      <c r="A80" s="52" t="s">
        <v>78</v>
      </c>
      <c r="B80" s="52" t="s">
        <v>79</v>
      </c>
      <c r="C80" s="3">
        <v>20</v>
      </c>
      <c r="D80" s="52" t="s">
        <v>85</v>
      </c>
      <c r="E80" s="52" t="s">
        <v>134</v>
      </c>
      <c r="F80" s="52" t="s">
        <v>123</v>
      </c>
      <c r="G80" s="52" t="s">
        <v>82</v>
      </c>
      <c r="H80" s="4">
        <v>3756</v>
      </c>
      <c r="I80" s="2">
        <v>0</v>
      </c>
    </row>
    <row r="81" spans="1:9" hidden="1" x14ac:dyDescent="0.35">
      <c r="A81" s="52" t="s">
        <v>78</v>
      </c>
      <c r="B81" s="52" t="s">
        <v>79</v>
      </c>
      <c r="C81" s="3">
        <v>20</v>
      </c>
      <c r="D81" s="52" t="s">
        <v>85</v>
      </c>
      <c r="E81" s="52" t="s">
        <v>111</v>
      </c>
      <c r="F81" s="52" t="s">
        <v>101</v>
      </c>
      <c r="G81" s="52" t="s">
        <v>82</v>
      </c>
      <c r="H81" s="4">
        <v>509</v>
      </c>
      <c r="I81" s="2">
        <v>0</v>
      </c>
    </row>
    <row r="82" spans="1:9" x14ac:dyDescent="0.35">
      <c r="A82" s="52" t="s">
        <v>78</v>
      </c>
      <c r="B82" s="52" t="s">
        <v>79</v>
      </c>
      <c r="C82" s="3">
        <v>20</v>
      </c>
      <c r="D82" s="52" t="s">
        <v>85</v>
      </c>
      <c r="E82" s="52" t="s">
        <v>102</v>
      </c>
      <c r="F82" s="52" t="s">
        <v>105</v>
      </c>
      <c r="G82" s="52" t="s">
        <v>108</v>
      </c>
      <c r="H82" s="4">
        <v>1</v>
      </c>
      <c r="I82" s="2">
        <v>0</v>
      </c>
    </row>
    <row r="83" spans="1:9" hidden="1" x14ac:dyDescent="0.35">
      <c r="A83" s="52" t="s">
        <v>78</v>
      </c>
      <c r="B83" s="52" t="s">
        <v>79</v>
      </c>
      <c r="C83" s="3">
        <v>20</v>
      </c>
      <c r="D83" s="52" t="s">
        <v>85</v>
      </c>
      <c r="E83" s="52" t="s">
        <v>117</v>
      </c>
      <c r="F83" s="52" t="s">
        <v>116</v>
      </c>
      <c r="G83" s="52" t="s">
        <v>82</v>
      </c>
      <c r="H83" s="4">
        <v>1925</v>
      </c>
      <c r="I83" s="2">
        <v>0</v>
      </c>
    </row>
    <row r="84" spans="1:9" x14ac:dyDescent="0.35">
      <c r="A84" s="52" t="s">
        <v>78</v>
      </c>
      <c r="B84" s="52" t="s">
        <v>79</v>
      </c>
      <c r="C84" s="3">
        <v>20</v>
      </c>
      <c r="D84" s="52" t="s">
        <v>85</v>
      </c>
      <c r="E84" s="52" t="s">
        <v>137</v>
      </c>
      <c r="F84" s="52" t="s">
        <v>107</v>
      </c>
      <c r="G84" s="52" t="s">
        <v>108</v>
      </c>
      <c r="H84" s="4">
        <v>1</v>
      </c>
      <c r="I84" s="2">
        <v>0</v>
      </c>
    </row>
    <row r="85" spans="1:9" hidden="1" x14ac:dyDescent="0.35">
      <c r="A85" s="52" t="s">
        <v>78</v>
      </c>
      <c r="B85" s="52" t="s">
        <v>79</v>
      </c>
      <c r="C85" s="3">
        <v>20</v>
      </c>
      <c r="D85" s="52" t="s">
        <v>85</v>
      </c>
      <c r="E85" s="52" t="s">
        <v>131</v>
      </c>
      <c r="F85" s="52" t="s">
        <v>129</v>
      </c>
      <c r="G85" s="52" t="s">
        <v>108</v>
      </c>
      <c r="H85" s="4">
        <v>2</v>
      </c>
      <c r="I85" s="2">
        <v>0</v>
      </c>
    </row>
    <row r="86" spans="1:9" hidden="1" x14ac:dyDescent="0.35">
      <c r="A86" s="52" t="s">
        <v>78</v>
      </c>
      <c r="B86" s="52" t="s">
        <v>79</v>
      </c>
      <c r="C86" s="3">
        <v>20</v>
      </c>
      <c r="D86" s="52" t="s">
        <v>85</v>
      </c>
      <c r="E86" s="52" t="s">
        <v>118</v>
      </c>
      <c r="F86" s="52" t="s">
        <v>119</v>
      </c>
      <c r="G86" s="52" t="s">
        <v>115</v>
      </c>
      <c r="H86" s="4">
        <v>855</v>
      </c>
      <c r="I86" s="2">
        <v>0</v>
      </c>
    </row>
    <row r="87" spans="1:9" hidden="1" x14ac:dyDescent="0.35">
      <c r="A87" s="52" t="s">
        <v>78</v>
      </c>
      <c r="B87" s="52" t="s">
        <v>79</v>
      </c>
      <c r="C87" s="3">
        <v>20</v>
      </c>
      <c r="D87" s="52" t="s">
        <v>85</v>
      </c>
      <c r="E87" s="52" t="s">
        <v>113</v>
      </c>
      <c r="F87" s="52" t="s">
        <v>114</v>
      </c>
      <c r="G87" s="52" t="s">
        <v>115</v>
      </c>
      <c r="H87" s="4">
        <v>266646</v>
      </c>
      <c r="I87" s="2">
        <v>0</v>
      </c>
    </row>
    <row r="88" spans="1:9" hidden="1" x14ac:dyDescent="0.35">
      <c r="A88" s="52" t="s">
        <v>78</v>
      </c>
      <c r="B88" s="52" t="s">
        <v>79</v>
      </c>
      <c r="C88" s="3">
        <v>20</v>
      </c>
      <c r="D88" s="52" t="s">
        <v>85</v>
      </c>
      <c r="E88" s="52" t="s">
        <v>135</v>
      </c>
      <c r="F88" s="52" t="s">
        <v>112</v>
      </c>
      <c r="G88" s="52" t="s">
        <v>82</v>
      </c>
      <c r="H88" s="4">
        <v>15441</v>
      </c>
      <c r="I88" s="2">
        <v>0</v>
      </c>
    </row>
    <row r="89" spans="1:9" x14ac:dyDescent="0.35">
      <c r="A89" s="52" t="s">
        <v>78</v>
      </c>
      <c r="B89" s="52" t="s">
        <v>79</v>
      </c>
      <c r="C89" s="3">
        <v>20</v>
      </c>
      <c r="D89" s="52" t="s">
        <v>85</v>
      </c>
      <c r="E89" s="52" t="s">
        <v>106</v>
      </c>
      <c r="F89" s="52" t="s">
        <v>103</v>
      </c>
      <c r="G89" s="52" t="s">
        <v>82</v>
      </c>
      <c r="H89" s="4">
        <v>1</v>
      </c>
      <c r="I89" s="2">
        <v>0</v>
      </c>
    </row>
    <row r="90" spans="1:9" x14ac:dyDescent="0.35">
      <c r="A90" s="52" t="s">
        <v>78</v>
      </c>
      <c r="B90" s="52" t="s">
        <v>79</v>
      </c>
      <c r="C90" s="3">
        <v>20</v>
      </c>
      <c r="D90" s="52" t="s">
        <v>85</v>
      </c>
      <c r="E90" s="52" t="s">
        <v>132</v>
      </c>
      <c r="F90" s="52" t="s">
        <v>133</v>
      </c>
      <c r="G90" s="52" t="s">
        <v>108</v>
      </c>
      <c r="H90" s="4">
        <v>1</v>
      </c>
      <c r="I90" s="2">
        <v>0</v>
      </c>
    </row>
    <row r="91" spans="1:9" x14ac:dyDescent="0.35">
      <c r="A91" s="52" t="s">
        <v>78</v>
      </c>
      <c r="B91" s="52" t="s">
        <v>79</v>
      </c>
      <c r="C91" s="3">
        <v>20</v>
      </c>
      <c r="D91" s="52" t="s">
        <v>85</v>
      </c>
      <c r="E91" s="52" t="s">
        <v>102</v>
      </c>
      <c r="F91" s="52" t="s">
        <v>94</v>
      </c>
      <c r="G91" s="52" t="s">
        <v>108</v>
      </c>
      <c r="H91" s="4">
        <v>1</v>
      </c>
      <c r="I91" s="2">
        <v>0</v>
      </c>
    </row>
    <row r="92" spans="1:9" hidden="1" x14ac:dyDescent="0.35">
      <c r="A92" s="52" t="s">
        <v>78</v>
      </c>
      <c r="B92" s="52" t="s">
        <v>79</v>
      </c>
      <c r="C92" s="3">
        <v>20</v>
      </c>
      <c r="D92" s="52" t="s">
        <v>85</v>
      </c>
      <c r="E92" s="52" t="s">
        <v>126</v>
      </c>
      <c r="F92" s="52" t="s">
        <v>101</v>
      </c>
      <c r="G92" s="52" t="s">
        <v>82</v>
      </c>
      <c r="H92" s="4">
        <v>43</v>
      </c>
      <c r="I92" s="2">
        <v>0</v>
      </c>
    </row>
    <row r="93" spans="1:9" hidden="1" x14ac:dyDescent="0.35">
      <c r="A93" s="52" t="s">
        <v>78</v>
      </c>
      <c r="B93" s="52" t="s">
        <v>79</v>
      </c>
      <c r="C93" s="3">
        <v>20</v>
      </c>
      <c r="D93" s="52" t="s">
        <v>85</v>
      </c>
      <c r="E93" s="52" t="s">
        <v>139</v>
      </c>
      <c r="F93" s="52" t="s">
        <v>140</v>
      </c>
      <c r="G93" s="52" t="s">
        <v>82</v>
      </c>
      <c r="H93" s="4">
        <v>210</v>
      </c>
      <c r="I93" s="2">
        <v>0</v>
      </c>
    </row>
    <row r="94" spans="1:9" x14ac:dyDescent="0.35">
      <c r="A94" s="52" t="s">
        <v>78</v>
      </c>
      <c r="B94" s="52" t="s">
        <v>79</v>
      </c>
      <c r="C94" s="3">
        <v>20</v>
      </c>
      <c r="D94" s="52" t="s">
        <v>85</v>
      </c>
      <c r="E94" s="52" t="s">
        <v>102</v>
      </c>
      <c r="F94" s="52" t="s">
        <v>81</v>
      </c>
      <c r="G94" s="52" t="s">
        <v>108</v>
      </c>
      <c r="H94" s="4">
        <v>1</v>
      </c>
      <c r="I94" s="2">
        <v>0</v>
      </c>
    </row>
    <row r="95" spans="1:9" hidden="1" x14ac:dyDescent="0.35">
      <c r="A95" s="52" t="s">
        <v>78</v>
      </c>
      <c r="B95" s="52" t="s">
        <v>79</v>
      </c>
      <c r="C95" s="3">
        <v>20</v>
      </c>
      <c r="D95" s="52" t="s">
        <v>85</v>
      </c>
      <c r="E95" s="52" t="s">
        <v>109</v>
      </c>
      <c r="F95" s="52" t="s">
        <v>110</v>
      </c>
      <c r="G95" s="52" t="s">
        <v>108</v>
      </c>
      <c r="H95" s="4">
        <v>11</v>
      </c>
      <c r="I95" s="2">
        <v>0</v>
      </c>
    </row>
    <row r="96" spans="1:9" hidden="1" x14ac:dyDescent="0.35">
      <c r="A96" s="52" t="s">
        <v>78</v>
      </c>
      <c r="B96" s="52" t="s">
        <v>79</v>
      </c>
      <c r="C96" s="3">
        <v>20</v>
      </c>
      <c r="D96" s="52" t="s">
        <v>85</v>
      </c>
      <c r="E96" s="52" t="s">
        <v>102</v>
      </c>
      <c r="F96" s="52" t="s">
        <v>107</v>
      </c>
      <c r="G96" s="52" t="s">
        <v>108</v>
      </c>
      <c r="H96" s="4">
        <v>2814</v>
      </c>
      <c r="I96" s="2">
        <v>0</v>
      </c>
    </row>
    <row r="97" spans="1:9" hidden="1" x14ac:dyDescent="0.35">
      <c r="A97" s="52" t="s">
        <v>78</v>
      </c>
      <c r="B97" s="52" t="s">
        <v>79</v>
      </c>
      <c r="C97" s="3">
        <v>20</v>
      </c>
      <c r="D97" s="52" t="s">
        <v>85</v>
      </c>
      <c r="E97" s="52" t="s">
        <v>102</v>
      </c>
      <c r="F97" s="52" t="s">
        <v>103</v>
      </c>
      <c r="G97" s="52" t="s">
        <v>82</v>
      </c>
      <c r="H97" s="4">
        <v>803</v>
      </c>
      <c r="I97" s="2">
        <v>0</v>
      </c>
    </row>
    <row r="98" spans="1:9" hidden="1" x14ac:dyDescent="0.35">
      <c r="A98" s="52" t="s">
        <v>78</v>
      </c>
      <c r="B98" s="52" t="s">
        <v>79</v>
      </c>
      <c r="C98" s="3">
        <v>20</v>
      </c>
      <c r="D98" s="52" t="s">
        <v>85</v>
      </c>
      <c r="E98" s="52" t="s">
        <v>106</v>
      </c>
      <c r="F98" s="52" t="s">
        <v>101</v>
      </c>
      <c r="G98" s="52" t="s">
        <v>108</v>
      </c>
      <c r="H98" s="4">
        <v>8</v>
      </c>
      <c r="I98" s="2">
        <v>0</v>
      </c>
    </row>
    <row r="99" spans="1:9" hidden="1" x14ac:dyDescent="0.35">
      <c r="A99" s="52" t="s">
        <v>78</v>
      </c>
      <c r="B99" s="52" t="s">
        <v>79</v>
      </c>
      <c r="C99" s="3">
        <v>20</v>
      </c>
      <c r="D99" s="52" t="s">
        <v>85</v>
      </c>
      <c r="E99" s="52" t="s">
        <v>126</v>
      </c>
      <c r="F99" s="52" t="s">
        <v>103</v>
      </c>
      <c r="G99" s="52" t="s">
        <v>82</v>
      </c>
      <c r="H99" s="4">
        <v>26</v>
      </c>
      <c r="I99" s="2">
        <v>0</v>
      </c>
    </row>
    <row r="100" spans="1:9" hidden="1" x14ac:dyDescent="0.35">
      <c r="A100" s="52" t="s">
        <v>78</v>
      </c>
      <c r="B100" s="52" t="s">
        <v>79</v>
      </c>
      <c r="C100" s="3">
        <v>20</v>
      </c>
      <c r="D100" s="52" t="s">
        <v>85</v>
      </c>
      <c r="E100" s="52" t="s">
        <v>102</v>
      </c>
      <c r="F100" s="52" t="s">
        <v>141</v>
      </c>
      <c r="G100" s="52" t="s">
        <v>108</v>
      </c>
      <c r="H100" s="4">
        <v>546</v>
      </c>
      <c r="I100" s="2">
        <v>0</v>
      </c>
    </row>
    <row r="101" spans="1:9" x14ac:dyDescent="0.35">
      <c r="A101" s="52" t="s">
        <v>78</v>
      </c>
      <c r="B101" s="52" t="s">
        <v>79</v>
      </c>
      <c r="C101" s="3">
        <v>20</v>
      </c>
      <c r="D101" s="52" t="s">
        <v>85</v>
      </c>
      <c r="E101" s="52" t="s">
        <v>102</v>
      </c>
      <c r="F101" s="52" t="s">
        <v>138</v>
      </c>
      <c r="G101" s="52" t="s">
        <v>108</v>
      </c>
      <c r="H101" s="4">
        <v>1</v>
      </c>
      <c r="I101" s="2">
        <v>0</v>
      </c>
    </row>
    <row r="102" spans="1:9" hidden="1" x14ac:dyDescent="0.35">
      <c r="A102" s="52" t="s">
        <v>78</v>
      </c>
      <c r="B102" s="52" t="s">
        <v>79</v>
      </c>
      <c r="C102" s="3">
        <v>211</v>
      </c>
      <c r="D102" s="52" t="s">
        <v>85</v>
      </c>
      <c r="E102" s="52" t="s">
        <v>92</v>
      </c>
      <c r="F102" s="52" t="s">
        <v>93</v>
      </c>
      <c r="G102" s="52" t="s">
        <v>82</v>
      </c>
      <c r="H102" s="4">
        <v>3710</v>
      </c>
      <c r="I102" s="2">
        <v>27622.65</v>
      </c>
    </row>
    <row r="103" spans="1:9" hidden="1" x14ac:dyDescent="0.35">
      <c r="A103" s="52" t="s">
        <v>78</v>
      </c>
      <c r="B103" s="52" t="s">
        <v>79</v>
      </c>
      <c r="C103" s="3">
        <v>211</v>
      </c>
      <c r="D103" s="52" t="s">
        <v>85</v>
      </c>
      <c r="E103" s="52" t="s">
        <v>36</v>
      </c>
      <c r="F103" s="52" t="s">
        <v>95</v>
      </c>
      <c r="G103" s="52" t="s">
        <v>82</v>
      </c>
      <c r="H103" s="4">
        <v>118</v>
      </c>
      <c r="I103" s="2">
        <v>554.6</v>
      </c>
    </row>
    <row r="104" spans="1:9" hidden="1" x14ac:dyDescent="0.35">
      <c r="A104" s="52" t="s">
        <v>78</v>
      </c>
      <c r="B104" s="52" t="s">
        <v>79</v>
      </c>
      <c r="C104" s="3">
        <v>211</v>
      </c>
      <c r="D104" s="52" t="s">
        <v>85</v>
      </c>
      <c r="E104" s="52" t="s">
        <v>40</v>
      </c>
      <c r="F104" s="52" t="s">
        <v>96</v>
      </c>
      <c r="G104" s="52" t="s">
        <v>82</v>
      </c>
      <c r="H104" s="4">
        <v>20</v>
      </c>
      <c r="I104" s="2">
        <v>500</v>
      </c>
    </row>
    <row r="105" spans="1:9" hidden="1" x14ac:dyDescent="0.35">
      <c r="A105" s="52" t="s">
        <v>78</v>
      </c>
      <c r="B105" s="52" t="s">
        <v>79</v>
      </c>
      <c r="C105" s="3">
        <v>211</v>
      </c>
      <c r="D105" s="52" t="s">
        <v>85</v>
      </c>
      <c r="E105" s="52" t="s">
        <v>26</v>
      </c>
      <c r="F105" s="52" t="s">
        <v>81</v>
      </c>
      <c r="G105" s="52" t="s">
        <v>82</v>
      </c>
      <c r="H105" s="4">
        <v>25</v>
      </c>
      <c r="I105" s="2">
        <v>366.25</v>
      </c>
    </row>
    <row r="106" spans="1:9" x14ac:dyDescent="0.35">
      <c r="A106" s="52" t="s">
        <v>78</v>
      </c>
      <c r="B106" s="52" t="s">
        <v>79</v>
      </c>
      <c r="C106" s="3">
        <v>211</v>
      </c>
      <c r="D106" s="52" t="s">
        <v>85</v>
      </c>
      <c r="E106" s="52" t="s">
        <v>29</v>
      </c>
      <c r="F106" s="52" t="s">
        <v>94</v>
      </c>
      <c r="G106" s="52" t="s">
        <v>82</v>
      </c>
      <c r="H106" s="4">
        <v>1</v>
      </c>
      <c r="I106" s="2">
        <v>313.93</v>
      </c>
    </row>
    <row r="107" spans="1:9" hidden="1" x14ac:dyDescent="0.35">
      <c r="A107" s="52" t="s">
        <v>78</v>
      </c>
      <c r="B107" s="52" t="s">
        <v>79</v>
      </c>
      <c r="C107" s="3">
        <v>211</v>
      </c>
      <c r="D107" s="52" t="s">
        <v>85</v>
      </c>
      <c r="E107" s="52" t="s">
        <v>38</v>
      </c>
      <c r="F107" s="52" t="s">
        <v>97</v>
      </c>
      <c r="G107" s="52" t="s">
        <v>82</v>
      </c>
      <c r="H107" s="4">
        <v>15</v>
      </c>
      <c r="I107" s="2">
        <v>95.8</v>
      </c>
    </row>
    <row r="108" spans="1:9" hidden="1" x14ac:dyDescent="0.35">
      <c r="A108" s="52" t="s">
        <v>78</v>
      </c>
      <c r="B108" s="52" t="s">
        <v>79</v>
      </c>
      <c r="C108" s="3">
        <v>211</v>
      </c>
      <c r="D108" s="52" t="s">
        <v>85</v>
      </c>
      <c r="E108" s="52" t="s">
        <v>90</v>
      </c>
      <c r="F108" s="52" t="s">
        <v>91</v>
      </c>
      <c r="G108" s="52" t="s">
        <v>82</v>
      </c>
      <c r="H108" s="4">
        <v>12</v>
      </c>
      <c r="I108" s="2">
        <v>74.36</v>
      </c>
    </row>
    <row r="109" spans="1:9" hidden="1" x14ac:dyDescent="0.35">
      <c r="A109" s="52" t="s">
        <v>78</v>
      </c>
      <c r="B109" s="52" t="s">
        <v>79</v>
      </c>
      <c r="C109" s="3">
        <v>211</v>
      </c>
      <c r="D109" s="52" t="s">
        <v>85</v>
      </c>
      <c r="E109" s="52" t="s">
        <v>102</v>
      </c>
      <c r="F109" s="52" t="s">
        <v>136</v>
      </c>
      <c r="G109" s="52" t="s">
        <v>108</v>
      </c>
      <c r="H109" s="4">
        <v>6</v>
      </c>
      <c r="I109" s="2">
        <v>0</v>
      </c>
    </row>
    <row r="110" spans="1:9" hidden="1" x14ac:dyDescent="0.35">
      <c r="A110" s="52" t="s">
        <v>78</v>
      </c>
      <c r="B110" s="52" t="s">
        <v>79</v>
      </c>
      <c r="C110" s="3">
        <v>211</v>
      </c>
      <c r="D110" s="52" t="s">
        <v>85</v>
      </c>
      <c r="E110" s="52" t="s">
        <v>102</v>
      </c>
      <c r="F110" s="52" t="s">
        <v>103</v>
      </c>
      <c r="G110" s="52" t="s">
        <v>82</v>
      </c>
      <c r="H110" s="4">
        <v>269</v>
      </c>
      <c r="I110" s="2">
        <v>0</v>
      </c>
    </row>
    <row r="111" spans="1:9" x14ac:dyDescent="0.35">
      <c r="A111" s="52" t="s">
        <v>78</v>
      </c>
      <c r="B111" s="52" t="s">
        <v>79</v>
      </c>
      <c r="C111" s="3">
        <v>211</v>
      </c>
      <c r="D111" s="52" t="s">
        <v>85</v>
      </c>
      <c r="E111" s="52" t="s">
        <v>106</v>
      </c>
      <c r="F111" s="52" t="s">
        <v>136</v>
      </c>
      <c r="G111" s="52" t="s">
        <v>108</v>
      </c>
      <c r="H111" s="4">
        <v>1</v>
      </c>
      <c r="I111" s="2">
        <v>0</v>
      </c>
    </row>
    <row r="112" spans="1:9" hidden="1" x14ac:dyDescent="0.35">
      <c r="A112" s="52" t="s">
        <v>78</v>
      </c>
      <c r="B112" s="52" t="s">
        <v>79</v>
      </c>
      <c r="C112" s="3">
        <v>211</v>
      </c>
      <c r="D112" s="52" t="s">
        <v>85</v>
      </c>
      <c r="E112" s="52" t="s">
        <v>111</v>
      </c>
      <c r="F112" s="52" t="s">
        <v>101</v>
      </c>
      <c r="G112" s="52" t="s">
        <v>82</v>
      </c>
      <c r="H112" s="4">
        <v>25</v>
      </c>
      <c r="I112" s="2">
        <v>0</v>
      </c>
    </row>
    <row r="113" spans="1:9" x14ac:dyDescent="0.35">
      <c r="A113" s="52" t="s">
        <v>78</v>
      </c>
      <c r="B113" s="52" t="s">
        <v>79</v>
      </c>
      <c r="C113" s="3">
        <v>211</v>
      </c>
      <c r="D113" s="52" t="s">
        <v>85</v>
      </c>
      <c r="E113" s="52" t="s">
        <v>102</v>
      </c>
      <c r="F113" s="52" t="s">
        <v>101</v>
      </c>
      <c r="G113" s="52" t="s">
        <v>108</v>
      </c>
      <c r="H113" s="4">
        <v>1</v>
      </c>
      <c r="I113" s="2">
        <v>0</v>
      </c>
    </row>
    <row r="114" spans="1:9" hidden="1" x14ac:dyDescent="0.35">
      <c r="A114" s="52" t="s">
        <v>78</v>
      </c>
      <c r="B114" s="52" t="s">
        <v>79</v>
      </c>
      <c r="C114" s="3">
        <v>211</v>
      </c>
      <c r="D114" s="52" t="s">
        <v>85</v>
      </c>
      <c r="E114" s="52" t="s">
        <v>111</v>
      </c>
      <c r="F114" s="52" t="s">
        <v>107</v>
      </c>
      <c r="G114" s="52" t="s">
        <v>108</v>
      </c>
      <c r="H114" s="4">
        <v>4</v>
      </c>
      <c r="I114" s="2">
        <v>0</v>
      </c>
    </row>
    <row r="115" spans="1:9" hidden="1" x14ac:dyDescent="0.35">
      <c r="A115" s="52" t="s">
        <v>78</v>
      </c>
      <c r="B115" s="52" t="s">
        <v>79</v>
      </c>
      <c r="C115" s="3">
        <v>211</v>
      </c>
      <c r="D115" s="52" t="s">
        <v>85</v>
      </c>
      <c r="E115" s="52" t="s">
        <v>104</v>
      </c>
      <c r="F115" s="52" t="s">
        <v>101</v>
      </c>
      <c r="G115" s="52" t="s">
        <v>82</v>
      </c>
      <c r="H115" s="4">
        <v>34</v>
      </c>
      <c r="I115" s="2">
        <v>0</v>
      </c>
    </row>
    <row r="116" spans="1:9" x14ac:dyDescent="0.35">
      <c r="A116" s="52" t="s">
        <v>78</v>
      </c>
      <c r="B116" s="52" t="s">
        <v>79</v>
      </c>
      <c r="C116" s="3">
        <v>211</v>
      </c>
      <c r="D116" s="52" t="s">
        <v>85</v>
      </c>
      <c r="E116" s="52" t="s">
        <v>111</v>
      </c>
      <c r="F116" s="52" t="s">
        <v>105</v>
      </c>
      <c r="G116" s="52" t="s">
        <v>82</v>
      </c>
      <c r="H116" s="4">
        <v>1</v>
      </c>
      <c r="I116" s="2">
        <v>0</v>
      </c>
    </row>
    <row r="117" spans="1:9" hidden="1" x14ac:dyDescent="0.35">
      <c r="A117" s="52" t="s">
        <v>78</v>
      </c>
      <c r="B117" s="52" t="s">
        <v>79</v>
      </c>
      <c r="C117" s="3">
        <v>211</v>
      </c>
      <c r="D117" s="52" t="s">
        <v>85</v>
      </c>
      <c r="E117" s="52" t="s">
        <v>102</v>
      </c>
      <c r="F117" s="52" t="s">
        <v>130</v>
      </c>
      <c r="G117" s="52" t="s">
        <v>108</v>
      </c>
      <c r="H117" s="4">
        <v>3</v>
      </c>
      <c r="I117" s="2">
        <v>0</v>
      </c>
    </row>
    <row r="118" spans="1:9" hidden="1" x14ac:dyDescent="0.35">
      <c r="A118" s="52" t="s">
        <v>78</v>
      </c>
      <c r="B118" s="52" t="s">
        <v>79</v>
      </c>
      <c r="C118" s="3">
        <v>211</v>
      </c>
      <c r="D118" s="52" t="s">
        <v>85</v>
      </c>
      <c r="E118" s="52" t="s">
        <v>102</v>
      </c>
      <c r="F118" s="52" t="s">
        <v>116</v>
      </c>
      <c r="G118" s="52" t="s">
        <v>115</v>
      </c>
      <c r="H118" s="4">
        <v>110</v>
      </c>
      <c r="I118" s="2">
        <v>0</v>
      </c>
    </row>
    <row r="119" spans="1:9" hidden="1" x14ac:dyDescent="0.35">
      <c r="A119" s="52" t="s">
        <v>78</v>
      </c>
      <c r="B119" s="52" t="s">
        <v>79</v>
      </c>
      <c r="C119" s="3">
        <v>211</v>
      </c>
      <c r="D119" s="52" t="s">
        <v>85</v>
      </c>
      <c r="E119" s="52" t="s">
        <v>139</v>
      </c>
      <c r="F119" s="52" t="s">
        <v>140</v>
      </c>
      <c r="G119" s="52" t="s">
        <v>82</v>
      </c>
      <c r="H119" s="4">
        <v>20</v>
      </c>
      <c r="I119" s="2">
        <v>0</v>
      </c>
    </row>
    <row r="120" spans="1:9" hidden="1" x14ac:dyDescent="0.35">
      <c r="A120" s="52" t="s">
        <v>78</v>
      </c>
      <c r="B120" s="52" t="s">
        <v>79</v>
      </c>
      <c r="C120" s="3">
        <v>211</v>
      </c>
      <c r="D120" s="52" t="s">
        <v>85</v>
      </c>
      <c r="E120" s="52" t="s">
        <v>102</v>
      </c>
      <c r="F120" s="52" t="s">
        <v>107</v>
      </c>
      <c r="G120" s="52" t="s">
        <v>108</v>
      </c>
      <c r="H120" s="4">
        <v>524</v>
      </c>
      <c r="I120" s="2">
        <v>0</v>
      </c>
    </row>
    <row r="121" spans="1:9" hidden="1" x14ac:dyDescent="0.35">
      <c r="A121" s="52" t="s">
        <v>78</v>
      </c>
      <c r="B121" s="52" t="s">
        <v>79</v>
      </c>
      <c r="C121" s="3">
        <v>211</v>
      </c>
      <c r="D121" s="52" t="s">
        <v>85</v>
      </c>
      <c r="E121" s="52" t="s">
        <v>109</v>
      </c>
      <c r="F121" s="52" t="s">
        <v>110</v>
      </c>
      <c r="G121" s="52" t="s">
        <v>108</v>
      </c>
      <c r="H121" s="4">
        <v>7</v>
      </c>
      <c r="I121" s="2">
        <v>0</v>
      </c>
    </row>
    <row r="122" spans="1:9" hidden="1" x14ac:dyDescent="0.35">
      <c r="A122" s="52" t="s">
        <v>78</v>
      </c>
      <c r="B122" s="52" t="s">
        <v>79</v>
      </c>
      <c r="C122" s="3">
        <v>211</v>
      </c>
      <c r="D122" s="52" t="s">
        <v>85</v>
      </c>
      <c r="E122" s="52" t="s">
        <v>134</v>
      </c>
      <c r="F122" s="52" t="s">
        <v>123</v>
      </c>
      <c r="G122" s="52" t="s">
        <v>82</v>
      </c>
      <c r="H122" s="4">
        <v>29</v>
      </c>
      <c r="I122" s="2">
        <v>0</v>
      </c>
    </row>
    <row r="123" spans="1:9" x14ac:dyDescent="0.35">
      <c r="A123" s="52" t="s">
        <v>78</v>
      </c>
      <c r="B123" s="52" t="s">
        <v>79</v>
      </c>
      <c r="C123" s="3">
        <v>211</v>
      </c>
      <c r="D123" s="52" t="s">
        <v>85</v>
      </c>
      <c r="E123" s="52" t="s">
        <v>102</v>
      </c>
      <c r="F123" s="52" t="s">
        <v>105</v>
      </c>
      <c r="G123" s="52" t="s">
        <v>108</v>
      </c>
      <c r="H123" s="4">
        <v>1</v>
      </c>
      <c r="I123" s="2">
        <v>0</v>
      </c>
    </row>
    <row r="124" spans="1:9" hidden="1" x14ac:dyDescent="0.35">
      <c r="A124" s="52" t="s">
        <v>78</v>
      </c>
      <c r="B124" s="52" t="s">
        <v>79</v>
      </c>
      <c r="C124" s="3">
        <v>211</v>
      </c>
      <c r="D124" s="52" t="s">
        <v>85</v>
      </c>
      <c r="E124" s="52" t="s">
        <v>113</v>
      </c>
      <c r="F124" s="52" t="s">
        <v>114</v>
      </c>
      <c r="G124" s="52" t="s">
        <v>115</v>
      </c>
      <c r="H124" s="4">
        <v>25988</v>
      </c>
      <c r="I124" s="2">
        <v>0</v>
      </c>
    </row>
    <row r="125" spans="1:9" hidden="1" x14ac:dyDescent="0.35">
      <c r="A125" s="52" t="s">
        <v>78</v>
      </c>
      <c r="B125" s="52" t="s">
        <v>79</v>
      </c>
      <c r="C125" s="3">
        <v>211</v>
      </c>
      <c r="D125" s="52" t="s">
        <v>85</v>
      </c>
      <c r="E125" s="52" t="s">
        <v>111</v>
      </c>
      <c r="F125" s="52" t="s">
        <v>95</v>
      </c>
      <c r="G125" s="52" t="s">
        <v>82</v>
      </c>
      <c r="H125" s="4">
        <v>3</v>
      </c>
      <c r="I125" s="2">
        <v>0</v>
      </c>
    </row>
    <row r="126" spans="1:9" hidden="1" x14ac:dyDescent="0.35">
      <c r="A126" s="52" t="s">
        <v>78</v>
      </c>
      <c r="B126" s="52" t="s">
        <v>79</v>
      </c>
      <c r="C126" s="3">
        <v>211</v>
      </c>
      <c r="D126" s="52" t="s">
        <v>85</v>
      </c>
      <c r="E126" s="52" t="s">
        <v>120</v>
      </c>
      <c r="F126" s="52" t="s">
        <v>116</v>
      </c>
      <c r="G126" s="52" t="s">
        <v>115</v>
      </c>
      <c r="H126" s="4">
        <v>111</v>
      </c>
      <c r="I126" s="2">
        <v>0</v>
      </c>
    </row>
    <row r="127" spans="1:9" hidden="1" x14ac:dyDescent="0.35">
      <c r="A127" s="52" t="s">
        <v>78</v>
      </c>
      <c r="B127" s="52" t="s">
        <v>79</v>
      </c>
      <c r="C127" s="3">
        <v>211</v>
      </c>
      <c r="D127" s="52" t="s">
        <v>85</v>
      </c>
      <c r="E127" s="52" t="s">
        <v>118</v>
      </c>
      <c r="F127" s="52" t="s">
        <v>119</v>
      </c>
      <c r="G127" s="52" t="s">
        <v>115</v>
      </c>
      <c r="H127" s="4">
        <v>111</v>
      </c>
      <c r="I127" s="2">
        <v>0</v>
      </c>
    </row>
    <row r="128" spans="1:9" hidden="1" x14ac:dyDescent="0.35">
      <c r="A128" s="52" t="s">
        <v>78</v>
      </c>
      <c r="B128" s="52" t="s">
        <v>79</v>
      </c>
      <c r="C128" s="3">
        <v>211</v>
      </c>
      <c r="D128" s="52" t="s">
        <v>85</v>
      </c>
      <c r="E128" s="52" t="s">
        <v>121</v>
      </c>
      <c r="F128" s="52" t="s">
        <v>112</v>
      </c>
      <c r="G128" s="52" t="s">
        <v>108</v>
      </c>
      <c r="H128" s="4">
        <v>4</v>
      </c>
      <c r="I128" s="2">
        <v>0</v>
      </c>
    </row>
    <row r="129" spans="1:9" hidden="1" x14ac:dyDescent="0.35">
      <c r="A129" s="52" t="s">
        <v>78</v>
      </c>
      <c r="B129" s="52" t="s">
        <v>79</v>
      </c>
      <c r="C129" s="3">
        <v>211</v>
      </c>
      <c r="D129" s="52" t="s">
        <v>85</v>
      </c>
      <c r="E129" s="52" t="s">
        <v>122</v>
      </c>
      <c r="F129" s="52" t="s">
        <v>123</v>
      </c>
      <c r="G129" s="52" t="s">
        <v>108</v>
      </c>
      <c r="H129" s="4">
        <v>8</v>
      </c>
      <c r="I129" s="2">
        <v>0</v>
      </c>
    </row>
    <row r="130" spans="1:9" hidden="1" x14ac:dyDescent="0.35">
      <c r="A130" s="52" t="s">
        <v>78</v>
      </c>
      <c r="B130" s="52" t="s">
        <v>79</v>
      </c>
      <c r="C130" s="3">
        <v>211</v>
      </c>
      <c r="D130" s="52" t="s">
        <v>85</v>
      </c>
      <c r="E130" s="52" t="s">
        <v>117</v>
      </c>
      <c r="F130" s="52" t="s">
        <v>116</v>
      </c>
      <c r="G130" s="52" t="s">
        <v>82</v>
      </c>
      <c r="H130" s="4">
        <v>203</v>
      </c>
      <c r="I130" s="2">
        <v>0</v>
      </c>
    </row>
    <row r="131" spans="1:9" hidden="1" x14ac:dyDescent="0.35">
      <c r="A131" s="52" t="s">
        <v>78</v>
      </c>
      <c r="B131" s="52" t="s">
        <v>79</v>
      </c>
      <c r="C131" s="3">
        <v>211</v>
      </c>
      <c r="D131" s="52" t="s">
        <v>85</v>
      </c>
      <c r="E131" s="52" t="s">
        <v>104</v>
      </c>
      <c r="F131" s="52" t="s">
        <v>105</v>
      </c>
      <c r="G131" s="52" t="s">
        <v>82</v>
      </c>
      <c r="H131" s="4">
        <v>26</v>
      </c>
      <c r="I131" s="2">
        <v>0</v>
      </c>
    </row>
    <row r="132" spans="1:9" hidden="1" x14ac:dyDescent="0.35">
      <c r="A132" s="52" t="s">
        <v>78</v>
      </c>
      <c r="B132" s="52" t="s">
        <v>79</v>
      </c>
      <c r="C132" s="3">
        <v>211</v>
      </c>
      <c r="D132" s="52" t="s">
        <v>85</v>
      </c>
      <c r="E132" s="52" t="s">
        <v>106</v>
      </c>
      <c r="F132" s="52" t="s">
        <v>107</v>
      </c>
      <c r="G132" s="52" t="s">
        <v>108</v>
      </c>
      <c r="H132" s="4">
        <v>8</v>
      </c>
      <c r="I132" s="2">
        <v>0</v>
      </c>
    </row>
    <row r="133" spans="1:9" x14ac:dyDescent="0.35">
      <c r="A133" s="52" t="s">
        <v>78</v>
      </c>
      <c r="B133" s="52" t="s">
        <v>79</v>
      </c>
      <c r="C133" s="3">
        <v>211</v>
      </c>
      <c r="D133" s="52" t="s">
        <v>85</v>
      </c>
      <c r="E133" s="52" t="s">
        <v>102</v>
      </c>
      <c r="F133" s="52" t="s">
        <v>125</v>
      </c>
      <c r="G133" s="52" t="s">
        <v>108</v>
      </c>
      <c r="H133" s="4">
        <v>1</v>
      </c>
      <c r="I133" s="2">
        <v>0</v>
      </c>
    </row>
    <row r="134" spans="1:9" x14ac:dyDescent="0.35">
      <c r="A134" s="52" t="s">
        <v>78</v>
      </c>
      <c r="B134" s="52" t="s">
        <v>79</v>
      </c>
      <c r="C134" s="3">
        <v>211</v>
      </c>
      <c r="D134" s="52" t="s">
        <v>85</v>
      </c>
      <c r="E134" s="52" t="s">
        <v>126</v>
      </c>
      <c r="F134" s="52" t="s">
        <v>101</v>
      </c>
      <c r="G134" s="52" t="s">
        <v>82</v>
      </c>
      <c r="H134" s="4">
        <v>1</v>
      </c>
      <c r="I134" s="2">
        <v>0</v>
      </c>
    </row>
    <row r="135" spans="1:9" hidden="1" x14ac:dyDescent="0.35">
      <c r="A135" s="52" t="s">
        <v>78</v>
      </c>
      <c r="B135" s="52" t="s">
        <v>79</v>
      </c>
      <c r="C135" s="3">
        <v>211</v>
      </c>
      <c r="D135" s="52" t="s">
        <v>85</v>
      </c>
      <c r="E135" s="52" t="s">
        <v>135</v>
      </c>
      <c r="F135" s="52" t="s">
        <v>112</v>
      </c>
      <c r="G135" s="52" t="s">
        <v>82</v>
      </c>
      <c r="H135" s="4">
        <v>287</v>
      </c>
      <c r="I135" s="2">
        <v>0</v>
      </c>
    </row>
    <row r="136" spans="1:9" hidden="1" x14ac:dyDescent="0.35">
      <c r="A136" s="52" t="s">
        <v>78</v>
      </c>
      <c r="B136" s="52" t="s">
        <v>79</v>
      </c>
      <c r="C136" s="3">
        <v>211</v>
      </c>
      <c r="D136" s="52" t="s">
        <v>85</v>
      </c>
      <c r="E136" s="52" t="s">
        <v>111</v>
      </c>
      <c r="F136" s="52" t="s">
        <v>93</v>
      </c>
      <c r="G136" s="52" t="s">
        <v>82</v>
      </c>
      <c r="H136" s="4">
        <v>13</v>
      </c>
      <c r="I136" s="2">
        <v>0</v>
      </c>
    </row>
    <row r="137" spans="1:9" x14ac:dyDescent="0.35">
      <c r="A137" s="52" t="s">
        <v>78</v>
      </c>
      <c r="B137" s="52" t="s">
        <v>79</v>
      </c>
      <c r="C137" s="3">
        <v>211</v>
      </c>
      <c r="D137" s="52" t="s">
        <v>85</v>
      </c>
      <c r="E137" s="52" t="s">
        <v>106</v>
      </c>
      <c r="F137" s="52" t="s">
        <v>124</v>
      </c>
      <c r="G137" s="52" t="s">
        <v>108</v>
      </c>
      <c r="H137" s="4">
        <v>1</v>
      </c>
      <c r="I137" s="2">
        <v>0</v>
      </c>
    </row>
    <row r="138" spans="1:9" hidden="1" x14ac:dyDescent="0.35">
      <c r="A138" s="52" t="s">
        <v>78</v>
      </c>
      <c r="B138" s="52" t="s">
        <v>79</v>
      </c>
      <c r="C138" s="3">
        <v>211</v>
      </c>
      <c r="D138" s="52" t="s">
        <v>85</v>
      </c>
      <c r="E138" s="52" t="s">
        <v>111</v>
      </c>
      <c r="F138" s="52" t="s">
        <v>103</v>
      </c>
      <c r="G138" s="52" t="s">
        <v>82</v>
      </c>
      <c r="H138" s="4">
        <v>2</v>
      </c>
      <c r="I138" s="2">
        <v>0</v>
      </c>
    </row>
    <row r="139" spans="1:9" hidden="1" x14ac:dyDescent="0.35">
      <c r="A139" s="52" t="s">
        <v>78</v>
      </c>
      <c r="B139" s="52" t="s">
        <v>79</v>
      </c>
      <c r="C139" s="3">
        <v>212</v>
      </c>
      <c r="D139" s="52" t="s">
        <v>85</v>
      </c>
      <c r="E139" s="52" t="s">
        <v>92</v>
      </c>
      <c r="F139" s="52" t="s">
        <v>93</v>
      </c>
      <c r="G139" s="52" t="s">
        <v>82</v>
      </c>
      <c r="H139" s="4">
        <v>778</v>
      </c>
      <c r="I139" s="2">
        <v>15818.85</v>
      </c>
    </row>
    <row r="140" spans="1:9" hidden="1" x14ac:dyDescent="0.35">
      <c r="A140" s="52" t="s">
        <v>78</v>
      </c>
      <c r="B140" s="52" t="s">
        <v>79</v>
      </c>
      <c r="C140" s="3">
        <v>212</v>
      </c>
      <c r="D140" s="52" t="s">
        <v>85</v>
      </c>
      <c r="E140" s="52" t="s">
        <v>36</v>
      </c>
      <c r="F140" s="52" t="s">
        <v>95</v>
      </c>
      <c r="G140" s="52" t="s">
        <v>82</v>
      </c>
      <c r="H140" s="4">
        <v>25</v>
      </c>
      <c r="I140" s="2">
        <v>117.5</v>
      </c>
    </row>
    <row r="141" spans="1:9" hidden="1" x14ac:dyDescent="0.35">
      <c r="A141" s="52" t="s">
        <v>78</v>
      </c>
      <c r="B141" s="52" t="s">
        <v>79</v>
      </c>
      <c r="C141" s="3">
        <v>212</v>
      </c>
      <c r="D141" s="52" t="s">
        <v>85</v>
      </c>
      <c r="E141" s="52" t="s">
        <v>26</v>
      </c>
      <c r="F141" s="52" t="s">
        <v>81</v>
      </c>
      <c r="G141" s="52" t="s">
        <v>82</v>
      </c>
      <c r="H141" s="4">
        <v>5</v>
      </c>
      <c r="I141" s="2">
        <v>73.25</v>
      </c>
    </row>
    <row r="142" spans="1:9" hidden="1" x14ac:dyDescent="0.35">
      <c r="A142" s="52" t="s">
        <v>78</v>
      </c>
      <c r="B142" s="52" t="s">
        <v>79</v>
      </c>
      <c r="C142" s="3">
        <v>212</v>
      </c>
      <c r="D142" s="52" t="s">
        <v>85</v>
      </c>
      <c r="E142" s="52" t="s">
        <v>38</v>
      </c>
      <c r="F142" s="52" t="s">
        <v>97</v>
      </c>
      <c r="G142" s="52" t="s">
        <v>82</v>
      </c>
      <c r="H142" s="4">
        <v>2</v>
      </c>
      <c r="I142" s="2">
        <v>34.700000000000003</v>
      </c>
    </row>
    <row r="143" spans="1:9" x14ac:dyDescent="0.35">
      <c r="A143" s="52" t="s">
        <v>78</v>
      </c>
      <c r="B143" s="52" t="s">
        <v>79</v>
      </c>
      <c r="C143" s="3">
        <v>212</v>
      </c>
      <c r="D143" s="52" t="s">
        <v>85</v>
      </c>
      <c r="E143" s="52" t="s">
        <v>90</v>
      </c>
      <c r="F143" s="52" t="s">
        <v>91</v>
      </c>
      <c r="G143" s="52" t="s">
        <v>82</v>
      </c>
      <c r="H143" s="4">
        <v>1</v>
      </c>
      <c r="I143" s="2">
        <v>6.99</v>
      </c>
    </row>
    <row r="144" spans="1:9" hidden="1" x14ac:dyDescent="0.35">
      <c r="A144" s="52" t="s">
        <v>78</v>
      </c>
      <c r="B144" s="52" t="s">
        <v>79</v>
      </c>
      <c r="C144" s="3">
        <v>212</v>
      </c>
      <c r="D144" s="52" t="s">
        <v>85</v>
      </c>
      <c r="E144" s="52" t="s">
        <v>113</v>
      </c>
      <c r="F144" s="52" t="s">
        <v>114</v>
      </c>
      <c r="G144" s="52" t="s">
        <v>115</v>
      </c>
      <c r="H144" s="4">
        <v>7678</v>
      </c>
      <c r="I144" s="2">
        <v>0</v>
      </c>
    </row>
    <row r="145" spans="1:9" x14ac:dyDescent="0.35">
      <c r="A145" s="52" t="s">
        <v>78</v>
      </c>
      <c r="B145" s="52" t="s">
        <v>79</v>
      </c>
      <c r="C145" s="3">
        <v>212</v>
      </c>
      <c r="D145" s="52" t="s">
        <v>85</v>
      </c>
      <c r="E145" s="52" t="s">
        <v>106</v>
      </c>
      <c r="F145" s="52" t="s">
        <v>107</v>
      </c>
      <c r="G145" s="52" t="s">
        <v>108</v>
      </c>
      <c r="H145" s="4">
        <v>1</v>
      </c>
      <c r="I145" s="2">
        <v>0</v>
      </c>
    </row>
    <row r="146" spans="1:9" hidden="1" x14ac:dyDescent="0.35">
      <c r="A146" s="52" t="s">
        <v>78</v>
      </c>
      <c r="B146" s="52" t="s">
        <v>79</v>
      </c>
      <c r="C146" s="3">
        <v>212</v>
      </c>
      <c r="D146" s="52" t="s">
        <v>85</v>
      </c>
      <c r="E146" s="52" t="s">
        <v>135</v>
      </c>
      <c r="F146" s="52" t="s">
        <v>112</v>
      </c>
      <c r="G146" s="52" t="s">
        <v>82</v>
      </c>
      <c r="H146" s="4">
        <v>77</v>
      </c>
      <c r="I146" s="2">
        <v>0</v>
      </c>
    </row>
    <row r="147" spans="1:9" hidden="1" x14ac:dyDescent="0.35">
      <c r="A147" s="52" t="s">
        <v>78</v>
      </c>
      <c r="B147" s="52" t="s">
        <v>79</v>
      </c>
      <c r="C147" s="3">
        <v>212</v>
      </c>
      <c r="D147" s="52" t="s">
        <v>85</v>
      </c>
      <c r="E147" s="52" t="s">
        <v>111</v>
      </c>
      <c r="F147" s="52" t="s">
        <v>93</v>
      </c>
      <c r="G147" s="52" t="s">
        <v>82</v>
      </c>
      <c r="H147" s="4">
        <v>2</v>
      </c>
      <c r="I147" s="2">
        <v>0</v>
      </c>
    </row>
    <row r="148" spans="1:9" x14ac:dyDescent="0.35">
      <c r="A148" s="52" t="s">
        <v>78</v>
      </c>
      <c r="B148" s="52" t="s">
        <v>79</v>
      </c>
      <c r="C148" s="3">
        <v>212</v>
      </c>
      <c r="D148" s="52" t="s">
        <v>85</v>
      </c>
      <c r="E148" s="52" t="s">
        <v>111</v>
      </c>
      <c r="F148" s="52" t="s">
        <v>95</v>
      </c>
      <c r="G148" s="52" t="s">
        <v>82</v>
      </c>
      <c r="H148" s="4">
        <v>1</v>
      </c>
      <c r="I148" s="2">
        <v>0</v>
      </c>
    </row>
    <row r="149" spans="1:9" x14ac:dyDescent="0.35">
      <c r="A149" s="52" t="s">
        <v>78</v>
      </c>
      <c r="B149" s="52" t="s">
        <v>79</v>
      </c>
      <c r="C149" s="3">
        <v>212</v>
      </c>
      <c r="D149" s="52" t="s">
        <v>85</v>
      </c>
      <c r="E149" s="52" t="s">
        <v>109</v>
      </c>
      <c r="F149" s="52" t="s">
        <v>110</v>
      </c>
      <c r="G149" s="52" t="s">
        <v>108</v>
      </c>
      <c r="H149" s="4">
        <v>1</v>
      </c>
      <c r="I149" s="2">
        <v>0</v>
      </c>
    </row>
    <row r="150" spans="1:9" hidden="1" x14ac:dyDescent="0.35">
      <c r="A150" s="52" t="s">
        <v>78</v>
      </c>
      <c r="B150" s="52" t="s">
        <v>79</v>
      </c>
      <c r="C150" s="3">
        <v>212</v>
      </c>
      <c r="D150" s="52" t="s">
        <v>85</v>
      </c>
      <c r="E150" s="52" t="s">
        <v>111</v>
      </c>
      <c r="F150" s="52" t="s">
        <v>101</v>
      </c>
      <c r="G150" s="52" t="s">
        <v>82</v>
      </c>
      <c r="H150" s="4">
        <v>3</v>
      </c>
      <c r="I150" s="2">
        <v>0</v>
      </c>
    </row>
    <row r="151" spans="1:9" hidden="1" x14ac:dyDescent="0.35">
      <c r="A151" s="52" t="s">
        <v>78</v>
      </c>
      <c r="B151" s="52" t="s">
        <v>79</v>
      </c>
      <c r="C151" s="3">
        <v>212</v>
      </c>
      <c r="D151" s="52" t="s">
        <v>85</v>
      </c>
      <c r="E151" s="52" t="s">
        <v>118</v>
      </c>
      <c r="F151" s="52" t="s">
        <v>119</v>
      </c>
      <c r="G151" s="52" t="s">
        <v>115</v>
      </c>
      <c r="H151" s="4">
        <v>23</v>
      </c>
      <c r="I151" s="2">
        <v>0</v>
      </c>
    </row>
    <row r="152" spans="1:9" hidden="1" x14ac:dyDescent="0.35">
      <c r="A152" s="52" t="s">
        <v>78</v>
      </c>
      <c r="B152" s="52" t="s">
        <v>79</v>
      </c>
      <c r="C152" s="3">
        <v>212</v>
      </c>
      <c r="D152" s="52" t="s">
        <v>85</v>
      </c>
      <c r="E152" s="52" t="s">
        <v>120</v>
      </c>
      <c r="F152" s="52" t="s">
        <v>116</v>
      </c>
      <c r="G152" s="52" t="s">
        <v>115</v>
      </c>
      <c r="H152" s="4">
        <v>23</v>
      </c>
      <c r="I152" s="2">
        <v>0</v>
      </c>
    </row>
    <row r="153" spans="1:9" hidden="1" x14ac:dyDescent="0.35">
      <c r="A153" s="52" t="s">
        <v>78</v>
      </c>
      <c r="B153" s="52" t="s">
        <v>79</v>
      </c>
      <c r="C153" s="3">
        <v>212</v>
      </c>
      <c r="D153" s="52" t="s">
        <v>85</v>
      </c>
      <c r="E153" s="52" t="s">
        <v>102</v>
      </c>
      <c r="F153" s="52" t="s">
        <v>103</v>
      </c>
      <c r="G153" s="52" t="s">
        <v>82</v>
      </c>
      <c r="H153" s="4">
        <v>53</v>
      </c>
      <c r="I153" s="2">
        <v>0</v>
      </c>
    </row>
    <row r="154" spans="1:9" hidden="1" x14ac:dyDescent="0.35">
      <c r="A154" s="52" t="s">
        <v>78</v>
      </c>
      <c r="B154" s="52" t="s">
        <v>79</v>
      </c>
      <c r="C154" s="3">
        <v>212</v>
      </c>
      <c r="D154" s="52" t="s">
        <v>85</v>
      </c>
      <c r="E154" s="52" t="s">
        <v>102</v>
      </c>
      <c r="F154" s="52" t="s">
        <v>107</v>
      </c>
      <c r="G154" s="52" t="s">
        <v>108</v>
      </c>
      <c r="H154" s="4">
        <v>140</v>
      </c>
      <c r="I154" s="2">
        <v>0</v>
      </c>
    </row>
    <row r="155" spans="1:9" hidden="1" x14ac:dyDescent="0.35">
      <c r="A155" s="52" t="s">
        <v>78</v>
      </c>
      <c r="B155" s="52" t="s">
        <v>79</v>
      </c>
      <c r="C155" s="3">
        <v>212</v>
      </c>
      <c r="D155" s="52" t="s">
        <v>85</v>
      </c>
      <c r="E155" s="52" t="s">
        <v>121</v>
      </c>
      <c r="F155" s="52" t="s">
        <v>112</v>
      </c>
      <c r="G155" s="52" t="s">
        <v>108</v>
      </c>
      <c r="H155" s="4">
        <v>3</v>
      </c>
      <c r="I155" s="2">
        <v>0</v>
      </c>
    </row>
    <row r="156" spans="1:9" hidden="1" x14ac:dyDescent="0.35">
      <c r="A156" s="52" t="s">
        <v>78</v>
      </c>
      <c r="B156" s="52" t="s">
        <v>79</v>
      </c>
      <c r="C156" s="3">
        <v>212</v>
      </c>
      <c r="D156" s="52" t="s">
        <v>85</v>
      </c>
      <c r="E156" s="52" t="s">
        <v>102</v>
      </c>
      <c r="F156" s="52" t="s">
        <v>101</v>
      </c>
      <c r="G156" s="52" t="s">
        <v>108</v>
      </c>
      <c r="H156" s="4">
        <v>2</v>
      </c>
      <c r="I156" s="2">
        <v>0</v>
      </c>
    </row>
    <row r="157" spans="1:9" hidden="1" x14ac:dyDescent="0.35">
      <c r="A157" s="52" t="s">
        <v>78</v>
      </c>
      <c r="B157" s="52" t="s">
        <v>79</v>
      </c>
      <c r="C157" s="3">
        <v>212</v>
      </c>
      <c r="D157" s="52" t="s">
        <v>85</v>
      </c>
      <c r="E157" s="52" t="s">
        <v>117</v>
      </c>
      <c r="F157" s="52" t="s">
        <v>116</v>
      </c>
      <c r="G157" s="52" t="s">
        <v>82</v>
      </c>
      <c r="H157" s="4">
        <v>48</v>
      </c>
      <c r="I157" s="2">
        <v>0</v>
      </c>
    </row>
    <row r="158" spans="1:9" hidden="1" x14ac:dyDescent="0.35">
      <c r="A158" s="52" t="s">
        <v>78</v>
      </c>
      <c r="B158" s="52" t="s">
        <v>79</v>
      </c>
      <c r="C158" s="3">
        <v>212</v>
      </c>
      <c r="D158" s="52" t="s">
        <v>85</v>
      </c>
      <c r="E158" s="52" t="s">
        <v>139</v>
      </c>
      <c r="F158" s="52" t="s">
        <v>140</v>
      </c>
      <c r="G158" s="52" t="s">
        <v>82</v>
      </c>
      <c r="H158" s="4">
        <v>3</v>
      </c>
      <c r="I158" s="2">
        <v>0</v>
      </c>
    </row>
    <row r="159" spans="1:9" hidden="1" x14ac:dyDescent="0.35">
      <c r="A159" s="52" t="s">
        <v>78</v>
      </c>
      <c r="B159" s="52" t="s">
        <v>79</v>
      </c>
      <c r="C159" s="3">
        <v>212</v>
      </c>
      <c r="D159" s="52" t="s">
        <v>85</v>
      </c>
      <c r="E159" s="52" t="s">
        <v>102</v>
      </c>
      <c r="F159" s="52" t="s">
        <v>116</v>
      </c>
      <c r="G159" s="52" t="s">
        <v>115</v>
      </c>
      <c r="H159" s="4">
        <v>23</v>
      </c>
      <c r="I159" s="2">
        <v>0</v>
      </c>
    </row>
    <row r="160" spans="1:9" x14ac:dyDescent="0.35">
      <c r="A160" s="52" t="s">
        <v>78</v>
      </c>
      <c r="B160" s="52" t="s">
        <v>79</v>
      </c>
      <c r="C160" s="3">
        <v>213</v>
      </c>
      <c r="D160" s="52" t="s">
        <v>85</v>
      </c>
      <c r="E160" s="52" t="s">
        <v>92</v>
      </c>
      <c r="F160" s="52" t="s">
        <v>93</v>
      </c>
      <c r="G160" s="52" t="s">
        <v>82</v>
      </c>
      <c r="H160" s="4">
        <v>1</v>
      </c>
      <c r="I160" s="2">
        <v>1.68</v>
      </c>
    </row>
    <row r="161" spans="1:9" hidden="1" x14ac:dyDescent="0.35">
      <c r="A161" s="52" t="s">
        <v>78</v>
      </c>
      <c r="B161" s="52" t="s">
        <v>79</v>
      </c>
      <c r="C161" s="3">
        <v>213</v>
      </c>
      <c r="D161" s="52" t="s">
        <v>85</v>
      </c>
      <c r="E161" s="52" t="s">
        <v>113</v>
      </c>
      <c r="F161" s="52" t="s">
        <v>114</v>
      </c>
      <c r="G161" s="52" t="s">
        <v>115</v>
      </c>
      <c r="H161" s="4">
        <v>78</v>
      </c>
      <c r="I161" s="2">
        <v>0</v>
      </c>
    </row>
    <row r="162" spans="1:9" x14ac:dyDescent="0.35">
      <c r="A162" s="52" t="s">
        <v>78</v>
      </c>
      <c r="B162" s="52" t="s">
        <v>79</v>
      </c>
      <c r="C162" s="3">
        <v>213</v>
      </c>
      <c r="D162" s="52" t="s">
        <v>85</v>
      </c>
      <c r="E162" s="52" t="s">
        <v>102</v>
      </c>
      <c r="F162" s="52" t="s">
        <v>103</v>
      </c>
      <c r="G162" s="52" t="s">
        <v>82</v>
      </c>
      <c r="H162" s="4">
        <v>1</v>
      </c>
      <c r="I162" s="2">
        <v>0</v>
      </c>
    </row>
    <row r="163" spans="1:9" x14ac:dyDescent="0.35">
      <c r="A163" s="52" t="s">
        <v>78</v>
      </c>
      <c r="B163" s="52" t="s">
        <v>79</v>
      </c>
      <c r="C163" s="3">
        <v>213</v>
      </c>
      <c r="D163" s="52" t="s">
        <v>85</v>
      </c>
      <c r="E163" s="52" t="s">
        <v>111</v>
      </c>
      <c r="F163" s="52" t="s">
        <v>101</v>
      </c>
      <c r="G163" s="52" t="s">
        <v>82</v>
      </c>
      <c r="H163" s="4">
        <v>1</v>
      </c>
      <c r="I163" s="2">
        <v>0</v>
      </c>
    </row>
    <row r="164" spans="1:9" hidden="1" x14ac:dyDescent="0.35">
      <c r="A164" s="52" t="s">
        <v>78</v>
      </c>
      <c r="B164" s="52" t="s">
        <v>79</v>
      </c>
      <c r="C164" s="3">
        <v>216</v>
      </c>
      <c r="D164" s="52" t="s">
        <v>85</v>
      </c>
      <c r="E164" s="52" t="s">
        <v>92</v>
      </c>
      <c r="F164" s="52" t="s">
        <v>93</v>
      </c>
      <c r="G164" s="52" t="s">
        <v>82</v>
      </c>
      <c r="H164" s="4">
        <v>464</v>
      </c>
      <c r="I164" s="2">
        <v>8531.5300000000007</v>
      </c>
    </row>
    <row r="165" spans="1:9" x14ac:dyDescent="0.35">
      <c r="A165" s="52" t="s">
        <v>78</v>
      </c>
      <c r="B165" s="52" t="s">
        <v>79</v>
      </c>
      <c r="C165" s="3">
        <v>216</v>
      </c>
      <c r="D165" s="52" t="s">
        <v>85</v>
      </c>
      <c r="E165" s="52" t="s">
        <v>36</v>
      </c>
      <c r="F165" s="52" t="s">
        <v>95</v>
      </c>
      <c r="G165" s="52" t="s">
        <v>82</v>
      </c>
      <c r="H165" s="4">
        <v>1</v>
      </c>
      <c r="I165" s="2">
        <v>4.7</v>
      </c>
    </row>
    <row r="166" spans="1:9" hidden="1" x14ac:dyDescent="0.35">
      <c r="A166" s="52" t="s">
        <v>78</v>
      </c>
      <c r="B166" s="52" t="s">
        <v>79</v>
      </c>
      <c r="C166" s="3">
        <v>216</v>
      </c>
      <c r="D166" s="52" t="s">
        <v>85</v>
      </c>
      <c r="E166" s="52" t="s">
        <v>111</v>
      </c>
      <c r="F166" s="52" t="s">
        <v>101</v>
      </c>
      <c r="G166" s="52" t="s">
        <v>82</v>
      </c>
      <c r="H166" s="4">
        <v>34</v>
      </c>
      <c r="I166" s="2">
        <v>0</v>
      </c>
    </row>
    <row r="167" spans="1:9" hidden="1" x14ac:dyDescent="0.35">
      <c r="A167" s="52" t="s">
        <v>78</v>
      </c>
      <c r="B167" s="52" t="s">
        <v>79</v>
      </c>
      <c r="C167" s="3">
        <v>216</v>
      </c>
      <c r="D167" s="52" t="s">
        <v>85</v>
      </c>
      <c r="E167" s="52" t="s">
        <v>135</v>
      </c>
      <c r="F167" s="52" t="s">
        <v>112</v>
      </c>
      <c r="G167" s="52" t="s">
        <v>82</v>
      </c>
      <c r="H167" s="4">
        <v>2</v>
      </c>
      <c r="I167" s="2">
        <v>0</v>
      </c>
    </row>
    <row r="168" spans="1:9" hidden="1" x14ac:dyDescent="0.35">
      <c r="A168" s="52" t="s">
        <v>78</v>
      </c>
      <c r="B168" s="52" t="s">
        <v>79</v>
      </c>
      <c r="C168" s="3">
        <v>216</v>
      </c>
      <c r="D168" s="52" t="s">
        <v>85</v>
      </c>
      <c r="E168" s="52" t="s">
        <v>113</v>
      </c>
      <c r="F168" s="52" t="s">
        <v>114</v>
      </c>
      <c r="G168" s="52" t="s">
        <v>115</v>
      </c>
      <c r="H168" s="4">
        <v>578</v>
      </c>
      <c r="I168" s="2">
        <v>0</v>
      </c>
    </row>
    <row r="169" spans="1:9" x14ac:dyDescent="0.35">
      <c r="A169" s="52" t="s">
        <v>78</v>
      </c>
      <c r="B169" s="52" t="s">
        <v>79</v>
      </c>
      <c r="C169" s="3">
        <v>216</v>
      </c>
      <c r="D169" s="52" t="s">
        <v>85</v>
      </c>
      <c r="E169" s="52" t="s">
        <v>121</v>
      </c>
      <c r="F169" s="52" t="s">
        <v>112</v>
      </c>
      <c r="G169" s="52" t="s">
        <v>108</v>
      </c>
      <c r="H169" s="4">
        <v>1</v>
      </c>
      <c r="I169" s="2">
        <v>0</v>
      </c>
    </row>
    <row r="170" spans="1:9" hidden="1" x14ac:dyDescent="0.35">
      <c r="A170" s="52" t="s">
        <v>78</v>
      </c>
      <c r="B170" s="52" t="s">
        <v>79</v>
      </c>
      <c r="C170" s="3">
        <v>216</v>
      </c>
      <c r="D170" s="52" t="s">
        <v>85</v>
      </c>
      <c r="E170" s="52" t="s">
        <v>111</v>
      </c>
      <c r="F170" s="52" t="s">
        <v>93</v>
      </c>
      <c r="G170" s="52" t="s">
        <v>82</v>
      </c>
      <c r="H170" s="4">
        <v>10</v>
      </c>
      <c r="I170" s="2">
        <v>0</v>
      </c>
    </row>
    <row r="171" spans="1:9" hidden="1" x14ac:dyDescent="0.35">
      <c r="A171" s="52" t="s">
        <v>78</v>
      </c>
      <c r="B171" s="52" t="s">
        <v>79</v>
      </c>
      <c r="C171" s="3">
        <v>216</v>
      </c>
      <c r="D171" s="52" t="s">
        <v>85</v>
      </c>
      <c r="E171" s="52" t="s">
        <v>102</v>
      </c>
      <c r="F171" s="52" t="s">
        <v>107</v>
      </c>
      <c r="G171" s="52" t="s">
        <v>108</v>
      </c>
      <c r="H171" s="4">
        <v>3</v>
      </c>
      <c r="I171" s="2">
        <v>0</v>
      </c>
    </row>
    <row r="172" spans="1:9" hidden="1" x14ac:dyDescent="0.35">
      <c r="A172" s="52" t="s">
        <v>78</v>
      </c>
      <c r="B172" s="52" t="s">
        <v>79</v>
      </c>
      <c r="C172" s="3">
        <v>216</v>
      </c>
      <c r="D172" s="52" t="s">
        <v>85</v>
      </c>
      <c r="E172" s="52" t="s">
        <v>102</v>
      </c>
      <c r="F172" s="52" t="s">
        <v>103</v>
      </c>
      <c r="G172" s="52" t="s">
        <v>82</v>
      </c>
      <c r="H172" s="4">
        <v>27</v>
      </c>
      <c r="I172" s="2">
        <v>0</v>
      </c>
    </row>
    <row r="173" spans="1:9" hidden="1" x14ac:dyDescent="0.35">
      <c r="A173" s="52" t="s">
        <v>78</v>
      </c>
      <c r="B173" s="52" t="s">
        <v>79</v>
      </c>
      <c r="C173" s="3">
        <v>221</v>
      </c>
      <c r="D173" s="52" t="s">
        <v>85</v>
      </c>
      <c r="E173" s="52" t="s">
        <v>92</v>
      </c>
      <c r="F173" s="52" t="s">
        <v>93</v>
      </c>
      <c r="G173" s="52" t="s">
        <v>82</v>
      </c>
      <c r="H173" s="4">
        <v>100</v>
      </c>
      <c r="I173" s="2">
        <v>4292.03</v>
      </c>
    </row>
    <row r="174" spans="1:9" x14ac:dyDescent="0.35">
      <c r="A174" s="52" t="s">
        <v>78</v>
      </c>
      <c r="B174" s="52" t="s">
        <v>79</v>
      </c>
      <c r="C174" s="3">
        <v>221</v>
      </c>
      <c r="D174" s="52" t="s">
        <v>85</v>
      </c>
      <c r="E174" s="52" t="s">
        <v>38</v>
      </c>
      <c r="F174" s="52" t="s">
        <v>97</v>
      </c>
      <c r="G174" s="52" t="s">
        <v>82</v>
      </c>
      <c r="H174" s="4">
        <v>1</v>
      </c>
      <c r="I174" s="2">
        <v>4.7</v>
      </c>
    </row>
    <row r="175" spans="1:9" x14ac:dyDescent="0.35">
      <c r="A175" s="52" t="s">
        <v>78</v>
      </c>
      <c r="B175" s="52" t="s">
        <v>79</v>
      </c>
      <c r="C175" s="3">
        <v>221</v>
      </c>
      <c r="D175" s="52" t="s">
        <v>85</v>
      </c>
      <c r="E175" s="52" t="s">
        <v>36</v>
      </c>
      <c r="F175" s="52" t="s">
        <v>95</v>
      </c>
      <c r="G175" s="52" t="s">
        <v>82</v>
      </c>
      <c r="H175" s="4">
        <v>1</v>
      </c>
      <c r="I175" s="2">
        <v>4.7</v>
      </c>
    </row>
    <row r="176" spans="1:9" hidden="1" x14ac:dyDescent="0.35">
      <c r="A176" s="52" t="s">
        <v>78</v>
      </c>
      <c r="B176" s="52" t="s">
        <v>79</v>
      </c>
      <c r="C176" s="3">
        <v>221</v>
      </c>
      <c r="D176" s="52" t="s">
        <v>85</v>
      </c>
      <c r="E176" s="52" t="s">
        <v>117</v>
      </c>
      <c r="F176" s="52" t="s">
        <v>116</v>
      </c>
      <c r="G176" s="52" t="s">
        <v>82</v>
      </c>
      <c r="H176" s="4">
        <v>3</v>
      </c>
      <c r="I176" s="2">
        <v>0</v>
      </c>
    </row>
    <row r="177" spans="1:9" hidden="1" x14ac:dyDescent="0.35">
      <c r="A177" s="52" t="s">
        <v>78</v>
      </c>
      <c r="B177" s="52" t="s">
        <v>79</v>
      </c>
      <c r="C177" s="3">
        <v>221</v>
      </c>
      <c r="D177" s="52" t="s">
        <v>85</v>
      </c>
      <c r="E177" s="52" t="s">
        <v>102</v>
      </c>
      <c r="F177" s="52" t="s">
        <v>107</v>
      </c>
      <c r="G177" s="52" t="s">
        <v>108</v>
      </c>
      <c r="H177" s="4">
        <v>13</v>
      </c>
      <c r="I177" s="2">
        <v>0</v>
      </c>
    </row>
    <row r="178" spans="1:9" hidden="1" x14ac:dyDescent="0.35">
      <c r="A178" s="52" t="s">
        <v>78</v>
      </c>
      <c r="B178" s="52" t="s">
        <v>79</v>
      </c>
      <c r="C178" s="3">
        <v>221</v>
      </c>
      <c r="D178" s="52" t="s">
        <v>85</v>
      </c>
      <c r="E178" s="52" t="s">
        <v>113</v>
      </c>
      <c r="F178" s="52" t="s">
        <v>114</v>
      </c>
      <c r="G178" s="52" t="s">
        <v>115</v>
      </c>
      <c r="H178" s="4">
        <v>591</v>
      </c>
      <c r="I178" s="2">
        <v>0</v>
      </c>
    </row>
    <row r="179" spans="1:9" x14ac:dyDescent="0.35">
      <c r="A179" s="52" t="s">
        <v>78</v>
      </c>
      <c r="B179" s="52" t="s">
        <v>79</v>
      </c>
      <c r="C179" s="3">
        <v>221</v>
      </c>
      <c r="D179" s="52" t="s">
        <v>85</v>
      </c>
      <c r="E179" s="52" t="s">
        <v>135</v>
      </c>
      <c r="F179" s="52" t="s">
        <v>112</v>
      </c>
      <c r="G179" s="52" t="s">
        <v>82</v>
      </c>
      <c r="H179" s="4">
        <v>1</v>
      </c>
      <c r="I179" s="2">
        <v>0</v>
      </c>
    </row>
    <row r="180" spans="1:9" hidden="1" x14ac:dyDescent="0.35">
      <c r="A180" s="52" t="s">
        <v>78</v>
      </c>
      <c r="B180" s="52" t="s">
        <v>79</v>
      </c>
      <c r="C180" s="3">
        <v>221</v>
      </c>
      <c r="D180" s="52" t="s">
        <v>85</v>
      </c>
      <c r="E180" s="52" t="s">
        <v>102</v>
      </c>
      <c r="F180" s="52" t="s">
        <v>103</v>
      </c>
      <c r="G180" s="52" t="s">
        <v>82</v>
      </c>
      <c r="H180" s="4">
        <v>4</v>
      </c>
      <c r="I180" s="2">
        <v>0</v>
      </c>
    </row>
    <row r="181" spans="1:9" hidden="1" x14ac:dyDescent="0.35">
      <c r="A181" s="52" t="s">
        <v>78</v>
      </c>
      <c r="B181" s="52" t="s">
        <v>79</v>
      </c>
      <c r="C181" s="3">
        <v>222</v>
      </c>
      <c r="D181" s="52" t="s">
        <v>85</v>
      </c>
      <c r="E181" s="52" t="s">
        <v>92</v>
      </c>
      <c r="F181" s="52" t="s">
        <v>93</v>
      </c>
      <c r="G181" s="52" t="s">
        <v>82</v>
      </c>
      <c r="H181" s="4">
        <v>6</v>
      </c>
      <c r="I181" s="2">
        <v>426.02</v>
      </c>
    </row>
    <row r="182" spans="1:9" x14ac:dyDescent="0.35">
      <c r="A182" s="52" t="s">
        <v>78</v>
      </c>
      <c r="B182" s="52" t="s">
        <v>79</v>
      </c>
      <c r="C182" s="3">
        <v>222</v>
      </c>
      <c r="D182" s="52" t="s">
        <v>85</v>
      </c>
      <c r="E182" s="52" t="s">
        <v>36</v>
      </c>
      <c r="F182" s="52" t="s">
        <v>95</v>
      </c>
      <c r="G182" s="52" t="s">
        <v>82</v>
      </c>
      <c r="H182" s="4">
        <v>1</v>
      </c>
      <c r="I182" s="2">
        <v>4.7</v>
      </c>
    </row>
    <row r="183" spans="1:9" hidden="1" x14ac:dyDescent="0.35">
      <c r="A183" s="52" t="s">
        <v>78</v>
      </c>
      <c r="B183" s="52" t="s">
        <v>79</v>
      </c>
      <c r="C183" s="3">
        <v>222</v>
      </c>
      <c r="D183" s="52" t="s">
        <v>85</v>
      </c>
      <c r="E183" s="52" t="s">
        <v>102</v>
      </c>
      <c r="F183" s="52" t="s">
        <v>107</v>
      </c>
      <c r="G183" s="52" t="s">
        <v>108</v>
      </c>
      <c r="H183" s="4">
        <v>2</v>
      </c>
      <c r="I183" s="2">
        <v>0</v>
      </c>
    </row>
    <row r="184" spans="1:9" x14ac:dyDescent="0.35">
      <c r="A184" s="52" t="s">
        <v>78</v>
      </c>
      <c r="B184" s="52" t="s">
        <v>79</v>
      </c>
      <c r="C184" s="3">
        <v>222</v>
      </c>
      <c r="D184" s="52" t="s">
        <v>85</v>
      </c>
      <c r="E184" s="52" t="s">
        <v>117</v>
      </c>
      <c r="F184" s="52" t="s">
        <v>116</v>
      </c>
      <c r="G184" s="52" t="s">
        <v>82</v>
      </c>
      <c r="H184" s="4">
        <v>1</v>
      </c>
      <c r="I184" s="2">
        <v>0</v>
      </c>
    </row>
    <row r="185" spans="1:9" hidden="1" x14ac:dyDescent="0.35">
      <c r="A185" s="52" t="s">
        <v>78</v>
      </c>
      <c r="B185" s="52" t="s">
        <v>79</v>
      </c>
      <c r="C185" s="3">
        <v>222</v>
      </c>
      <c r="D185" s="52" t="s">
        <v>85</v>
      </c>
      <c r="E185" s="52" t="s">
        <v>113</v>
      </c>
      <c r="F185" s="52" t="s">
        <v>114</v>
      </c>
      <c r="G185" s="52" t="s">
        <v>115</v>
      </c>
      <c r="H185" s="4">
        <v>47</v>
      </c>
      <c r="I185" s="2">
        <v>0</v>
      </c>
    </row>
    <row r="186" spans="1:9" hidden="1" x14ac:dyDescent="0.35">
      <c r="A186" s="52" t="s">
        <v>78</v>
      </c>
      <c r="B186" s="52" t="s">
        <v>79</v>
      </c>
      <c r="C186" s="3">
        <v>230</v>
      </c>
      <c r="D186" s="52" t="s">
        <v>85</v>
      </c>
      <c r="E186" s="52" t="s">
        <v>92</v>
      </c>
      <c r="F186" s="52" t="s">
        <v>93</v>
      </c>
      <c r="G186" s="52" t="s">
        <v>82</v>
      </c>
      <c r="H186" s="4">
        <v>30</v>
      </c>
      <c r="I186" s="2">
        <v>20449.560000000001</v>
      </c>
    </row>
    <row r="187" spans="1:9" x14ac:dyDescent="0.35">
      <c r="A187" s="52" t="s">
        <v>78</v>
      </c>
      <c r="B187" s="52" t="s">
        <v>79</v>
      </c>
      <c r="C187" s="3">
        <v>230</v>
      </c>
      <c r="D187" s="52" t="s">
        <v>85</v>
      </c>
      <c r="E187" s="52" t="s">
        <v>38</v>
      </c>
      <c r="F187" s="52" t="s">
        <v>97</v>
      </c>
      <c r="G187" s="52" t="s">
        <v>82</v>
      </c>
      <c r="H187" s="4">
        <v>1</v>
      </c>
      <c r="I187" s="2">
        <v>4.7</v>
      </c>
    </row>
    <row r="188" spans="1:9" hidden="1" x14ac:dyDescent="0.35">
      <c r="A188" s="52" t="s">
        <v>78</v>
      </c>
      <c r="B188" s="52" t="s">
        <v>79</v>
      </c>
      <c r="C188" s="3">
        <v>230</v>
      </c>
      <c r="D188" s="52" t="s">
        <v>85</v>
      </c>
      <c r="E188" s="52" t="s">
        <v>120</v>
      </c>
      <c r="F188" s="52" t="s">
        <v>116</v>
      </c>
      <c r="G188" s="52" t="s">
        <v>115</v>
      </c>
      <c r="H188" s="4">
        <v>2</v>
      </c>
      <c r="I188" s="2">
        <v>0</v>
      </c>
    </row>
    <row r="189" spans="1:9" hidden="1" x14ac:dyDescent="0.35">
      <c r="A189" s="52" t="s">
        <v>78</v>
      </c>
      <c r="B189" s="52" t="s">
        <v>79</v>
      </c>
      <c r="C189" s="3">
        <v>230</v>
      </c>
      <c r="D189" s="52" t="s">
        <v>85</v>
      </c>
      <c r="E189" s="52" t="s">
        <v>118</v>
      </c>
      <c r="F189" s="52" t="s">
        <v>119</v>
      </c>
      <c r="G189" s="52" t="s">
        <v>115</v>
      </c>
      <c r="H189" s="4">
        <v>2</v>
      </c>
      <c r="I189" s="2">
        <v>0</v>
      </c>
    </row>
    <row r="190" spans="1:9" hidden="1" x14ac:dyDescent="0.35">
      <c r="A190" s="52" t="s">
        <v>78</v>
      </c>
      <c r="B190" s="52" t="s">
        <v>79</v>
      </c>
      <c r="C190" s="3">
        <v>230</v>
      </c>
      <c r="D190" s="52" t="s">
        <v>85</v>
      </c>
      <c r="E190" s="52" t="s">
        <v>102</v>
      </c>
      <c r="F190" s="52" t="s">
        <v>103</v>
      </c>
      <c r="G190" s="52" t="s">
        <v>82</v>
      </c>
      <c r="H190" s="4">
        <v>2</v>
      </c>
      <c r="I190" s="2">
        <v>0</v>
      </c>
    </row>
    <row r="191" spans="1:9" hidden="1" x14ac:dyDescent="0.35">
      <c r="A191" s="52" t="s">
        <v>78</v>
      </c>
      <c r="B191" s="52" t="s">
        <v>79</v>
      </c>
      <c r="C191" s="3">
        <v>230</v>
      </c>
      <c r="D191" s="52" t="s">
        <v>85</v>
      </c>
      <c r="E191" s="52" t="s">
        <v>102</v>
      </c>
      <c r="F191" s="52" t="s">
        <v>107</v>
      </c>
      <c r="G191" s="52" t="s">
        <v>108</v>
      </c>
      <c r="H191" s="4">
        <v>8</v>
      </c>
      <c r="I191" s="2">
        <v>0</v>
      </c>
    </row>
    <row r="192" spans="1:9" hidden="1" x14ac:dyDescent="0.35">
      <c r="A192" s="52" t="s">
        <v>78</v>
      </c>
      <c r="B192" s="52" t="s">
        <v>79</v>
      </c>
      <c r="C192" s="3">
        <v>230</v>
      </c>
      <c r="D192" s="52" t="s">
        <v>85</v>
      </c>
      <c r="E192" s="52" t="s">
        <v>113</v>
      </c>
      <c r="F192" s="52" t="s">
        <v>114</v>
      </c>
      <c r="G192" s="52" t="s">
        <v>115</v>
      </c>
      <c r="H192" s="4">
        <v>470</v>
      </c>
      <c r="I192" s="2">
        <v>0</v>
      </c>
    </row>
    <row r="193" spans="1:9" hidden="1" x14ac:dyDescent="0.35">
      <c r="A193" s="52" t="s">
        <v>78</v>
      </c>
      <c r="B193" s="52" t="s">
        <v>79</v>
      </c>
      <c r="C193" s="3">
        <v>230</v>
      </c>
      <c r="D193" s="52" t="s">
        <v>85</v>
      </c>
      <c r="E193" s="52" t="s">
        <v>117</v>
      </c>
      <c r="F193" s="52" t="s">
        <v>116</v>
      </c>
      <c r="G193" s="52" t="s">
        <v>82</v>
      </c>
      <c r="H193" s="4">
        <v>3</v>
      </c>
      <c r="I193" s="2">
        <v>0</v>
      </c>
    </row>
    <row r="194" spans="1:9" hidden="1" x14ac:dyDescent="0.35">
      <c r="A194" s="52" t="s">
        <v>78</v>
      </c>
      <c r="B194" s="52" t="s">
        <v>79</v>
      </c>
      <c r="C194" s="3">
        <v>230</v>
      </c>
      <c r="D194" s="52" t="s">
        <v>85</v>
      </c>
      <c r="E194" s="52" t="s">
        <v>102</v>
      </c>
      <c r="F194" s="52" t="s">
        <v>116</v>
      </c>
      <c r="G194" s="52" t="s">
        <v>115</v>
      </c>
      <c r="H194" s="4">
        <v>2</v>
      </c>
      <c r="I194" s="2">
        <v>0</v>
      </c>
    </row>
    <row r="195" spans="1:9" hidden="1" x14ac:dyDescent="0.35">
      <c r="A195" s="52" t="s">
        <v>78</v>
      </c>
      <c r="B195" s="52" t="s">
        <v>79</v>
      </c>
      <c r="C195" s="3">
        <v>400</v>
      </c>
      <c r="D195" s="52" t="s">
        <v>85</v>
      </c>
      <c r="E195" s="52" t="s">
        <v>92</v>
      </c>
      <c r="F195" s="52" t="s">
        <v>93</v>
      </c>
      <c r="G195" s="52" t="s">
        <v>82</v>
      </c>
      <c r="H195" s="4">
        <v>7</v>
      </c>
      <c r="I195" s="2">
        <v>185.65</v>
      </c>
    </row>
    <row r="196" spans="1:9" hidden="1" x14ac:dyDescent="0.35">
      <c r="A196" s="52" t="s">
        <v>78</v>
      </c>
      <c r="B196" s="52" t="s">
        <v>79</v>
      </c>
      <c r="C196" s="3">
        <v>400</v>
      </c>
      <c r="D196" s="52" t="s">
        <v>85</v>
      </c>
      <c r="E196" s="52" t="s">
        <v>113</v>
      </c>
      <c r="F196" s="52" t="s">
        <v>114</v>
      </c>
      <c r="G196" s="52" t="s">
        <v>115</v>
      </c>
      <c r="H196" s="4">
        <v>4</v>
      </c>
      <c r="I196" s="2">
        <v>0</v>
      </c>
    </row>
    <row r="197" spans="1:9" hidden="1" x14ac:dyDescent="0.35">
      <c r="A197" s="52" t="s">
        <v>78</v>
      </c>
      <c r="B197" s="52" t="s">
        <v>79</v>
      </c>
      <c r="C197" s="3">
        <v>0</v>
      </c>
      <c r="D197" s="52" t="s">
        <v>87</v>
      </c>
      <c r="E197" s="52" t="s">
        <v>92</v>
      </c>
      <c r="F197" s="52" t="s">
        <v>93</v>
      </c>
      <c r="G197" s="52" t="s">
        <v>82</v>
      </c>
      <c r="H197" s="4">
        <v>448</v>
      </c>
      <c r="I197" s="2">
        <v>8109.37</v>
      </c>
    </row>
    <row r="198" spans="1:9" hidden="1" x14ac:dyDescent="0.35">
      <c r="A198" s="52" t="s">
        <v>78</v>
      </c>
      <c r="B198" s="52" t="s">
        <v>79</v>
      </c>
      <c r="C198" s="3">
        <v>0</v>
      </c>
      <c r="D198" s="52" t="s">
        <v>87</v>
      </c>
      <c r="E198" s="52" t="s">
        <v>104</v>
      </c>
      <c r="F198" s="52" t="s">
        <v>105</v>
      </c>
      <c r="G198" s="52" t="s">
        <v>82</v>
      </c>
      <c r="H198" s="4">
        <v>1045</v>
      </c>
      <c r="I198" s="2">
        <v>0</v>
      </c>
    </row>
    <row r="199" spans="1:9" x14ac:dyDescent="0.35">
      <c r="A199" s="52" t="s">
        <v>78</v>
      </c>
      <c r="B199" s="52" t="s">
        <v>79</v>
      </c>
      <c r="C199" s="3">
        <v>0</v>
      </c>
      <c r="D199" s="52" t="s">
        <v>87</v>
      </c>
      <c r="E199" s="52" t="s">
        <v>111</v>
      </c>
      <c r="F199" s="52" t="s">
        <v>101</v>
      </c>
      <c r="G199" s="52" t="s">
        <v>82</v>
      </c>
      <c r="H199" s="4">
        <v>1</v>
      </c>
      <c r="I199" s="2">
        <v>0</v>
      </c>
    </row>
    <row r="200" spans="1:9" hidden="1" x14ac:dyDescent="0.35">
      <c r="A200" s="52" t="s">
        <v>78</v>
      </c>
      <c r="B200" s="52" t="s">
        <v>79</v>
      </c>
      <c r="C200" s="3">
        <v>0</v>
      </c>
      <c r="D200" s="52" t="s">
        <v>87</v>
      </c>
      <c r="E200" s="52" t="s">
        <v>104</v>
      </c>
      <c r="F200" s="52" t="s">
        <v>101</v>
      </c>
      <c r="G200" s="52" t="s">
        <v>82</v>
      </c>
      <c r="H200" s="4">
        <v>3314</v>
      </c>
      <c r="I200" s="2">
        <v>0</v>
      </c>
    </row>
    <row r="201" spans="1:9" hidden="1" x14ac:dyDescent="0.35">
      <c r="A201" s="52" t="s">
        <v>78</v>
      </c>
      <c r="B201" s="52" t="s">
        <v>79</v>
      </c>
      <c r="C201" s="3">
        <v>0</v>
      </c>
      <c r="D201" s="52" t="s">
        <v>87</v>
      </c>
      <c r="E201" s="52" t="s">
        <v>104</v>
      </c>
      <c r="F201" s="52" t="s">
        <v>112</v>
      </c>
      <c r="G201" s="52" t="s">
        <v>82</v>
      </c>
      <c r="H201" s="4">
        <v>18</v>
      </c>
      <c r="I201" s="2">
        <v>0</v>
      </c>
    </row>
    <row r="202" spans="1:9" x14ac:dyDescent="0.35">
      <c r="A202" s="52" t="s">
        <v>78</v>
      </c>
      <c r="B202" s="52" t="s">
        <v>79</v>
      </c>
      <c r="C202" s="3">
        <v>0</v>
      </c>
      <c r="D202" s="52" t="s">
        <v>87</v>
      </c>
      <c r="E202" s="52" t="s">
        <v>104</v>
      </c>
      <c r="F202" s="52" t="s">
        <v>107</v>
      </c>
      <c r="G202" s="52" t="s">
        <v>108</v>
      </c>
      <c r="H202" s="4">
        <v>1</v>
      </c>
      <c r="I202" s="2">
        <v>0</v>
      </c>
    </row>
    <row r="203" spans="1:9" hidden="1" x14ac:dyDescent="0.35">
      <c r="A203" s="52" t="s">
        <v>78</v>
      </c>
      <c r="B203" s="52" t="s">
        <v>79</v>
      </c>
      <c r="C203" s="3">
        <v>10</v>
      </c>
      <c r="D203" s="52" t="s">
        <v>87</v>
      </c>
      <c r="E203" s="52" t="s">
        <v>90</v>
      </c>
      <c r="F203" s="52" t="s">
        <v>91</v>
      </c>
      <c r="G203" s="52" t="s">
        <v>82</v>
      </c>
      <c r="H203" s="4">
        <v>5330</v>
      </c>
      <c r="I203" s="2">
        <v>59343.39</v>
      </c>
    </row>
    <row r="204" spans="1:9" hidden="1" x14ac:dyDescent="0.35">
      <c r="A204" s="52" t="s">
        <v>78</v>
      </c>
      <c r="B204" s="52" t="s">
        <v>79</v>
      </c>
      <c r="C204" s="3">
        <v>10</v>
      </c>
      <c r="D204" s="52" t="s">
        <v>87</v>
      </c>
      <c r="E204" s="52" t="s">
        <v>26</v>
      </c>
      <c r="F204" s="52" t="s">
        <v>81</v>
      </c>
      <c r="G204" s="52" t="s">
        <v>82</v>
      </c>
      <c r="H204" s="4">
        <v>97</v>
      </c>
      <c r="I204" s="2">
        <v>1421.05</v>
      </c>
    </row>
    <row r="205" spans="1:9" hidden="1" x14ac:dyDescent="0.35">
      <c r="A205" s="52" t="s">
        <v>78</v>
      </c>
      <c r="B205" s="52" t="s">
        <v>79</v>
      </c>
      <c r="C205" s="3">
        <v>10</v>
      </c>
      <c r="D205" s="52" t="s">
        <v>87</v>
      </c>
      <c r="E205" s="52" t="s">
        <v>36</v>
      </c>
      <c r="F205" s="52" t="s">
        <v>95</v>
      </c>
      <c r="G205" s="52" t="s">
        <v>82</v>
      </c>
      <c r="H205" s="4">
        <v>210</v>
      </c>
      <c r="I205" s="2">
        <v>987</v>
      </c>
    </row>
    <row r="206" spans="1:9" hidden="1" x14ac:dyDescent="0.35">
      <c r="A206" s="52" t="s">
        <v>78</v>
      </c>
      <c r="B206" s="52" t="s">
        <v>79</v>
      </c>
      <c r="C206" s="3">
        <v>10</v>
      </c>
      <c r="D206" s="52" t="s">
        <v>87</v>
      </c>
      <c r="E206" s="52" t="s">
        <v>38</v>
      </c>
      <c r="F206" s="52" t="s">
        <v>97</v>
      </c>
      <c r="G206" s="52" t="s">
        <v>82</v>
      </c>
      <c r="H206" s="4">
        <v>56</v>
      </c>
      <c r="I206" s="2">
        <v>595.6</v>
      </c>
    </row>
    <row r="207" spans="1:9" x14ac:dyDescent="0.35">
      <c r="A207" s="52" t="s">
        <v>78</v>
      </c>
      <c r="B207" s="52" t="s">
        <v>79</v>
      </c>
      <c r="C207" s="3">
        <v>10</v>
      </c>
      <c r="D207" s="52" t="s">
        <v>87</v>
      </c>
      <c r="E207" s="52" t="s">
        <v>29</v>
      </c>
      <c r="F207" s="52" t="s">
        <v>94</v>
      </c>
      <c r="G207" s="52" t="s">
        <v>82</v>
      </c>
      <c r="H207" s="4">
        <v>1</v>
      </c>
      <c r="I207" s="2">
        <v>245.86</v>
      </c>
    </row>
    <row r="208" spans="1:9" hidden="1" x14ac:dyDescent="0.35">
      <c r="A208" s="52" t="s">
        <v>78</v>
      </c>
      <c r="B208" s="52" t="s">
        <v>79</v>
      </c>
      <c r="C208" s="3">
        <v>10</v>
      </c>
      <c r="D208" s="52" t="s">
        <v>87</v>
      </c>
      <c r="E208" s="52" t="s">
        <v>92</v>
      </c>
      <c r="F208" s="52" t="s">
        <v>93</v>
      </c>
      <c r="G208" s="52" t="s">
        <v>82</v>
      </c>
      <c r="H208" s="4">
        <v>14</v>
      </c>
      <c r="I208" s="2">
        <v>152.78</v>
      </c>
    </row>
    <row r="209" spans="1:9" hidden="1" x14ac:dyDescent="0.35">
      <c r="A209" s="52" t="s">
        <v>78</v>
      </c>
      <c r="B209" s="52" t="s">
        <v>79</v>
      </c>
      <c r="C209" s="3">
        <v>10</v>
      </c>
      <c r="D209" s="52" t="s">
        <v>87</v>
      </c>
      <c r="E209" s="52" t="s">
        <v>33</v>
      </c>
      <c r="F209" s="52" t="s">
        <v>99</v>
      </c>
      <c r="G209" s="52" t="s">
        <v>82</v>
      </c>
      <c r="H209" s="4">
        <v>2</v>
      </c>
      <c r="I209" s="2">
        <v>96</v>
      </c>
    </row>
    <row r="210" spans="1:9" x14ac:dyDescent="0.35">
      <c r="A210" s="52" t="s">
        <v>78</v>
      </c>
      <c r="B210" s="52" t="s">
        <v>79</v>
      </c>
      <c r="C210" s="3">
        <v>10</v>
      </c>
      <c r="D210" s="52" t="s">
        <v>87</v>
      </c>
      <c r="E210" s="52" t="s">
        <v>40</v>
      </c>
      <c r="F210" s="52" t="s">
        <v>96</v>
      </c>
      <c r="G210" s="52" t="s">
        <v>82</v>
      </c>
      <c r="H210" s="4">
        <v>1</v>
      </c>
      <c r="I210" s="2">
        <v>25</v>
      </c>
    </row>
    <row r="211" spans="1:9" hidden="1" x14ac:dyDescent="0.35">
      <c r="A211" s="52" t="s">
        <v>78</v>
      </c>
      <c r="B211" s="52" t="s">
        <v>79</v>
      </c>
      <c r="C211" s="3">
        <v>10</v>
      </c>
      <c r="D211" s="52" t="s">
        <v>87</v>
      </c>
      <c r="E211" s="52" t="s">
        <v>111</v>
      </c>
      <c r="F211" s="52" t="s">
        <v>103</v>
      </c>
      <c r="G211" s="52" t="s">
        <v>82</v>
      </c>
      <c r="H211" s="4">
        <v>13</v>
      </c>
      <c r="I211" s="2">
        <v>0</v>
      </c>
    </row>
    <row r="212" spans="1:9" hidden="1" x14ac:dyDescent="0.35">
      <c r="A212" s="52" t="s">
        <v>78</v>
      </c>
      <c r="B212" s="52" t="s">
        <v>79</v>
      </c>
      <c r="C212" s="3">
        <v>10</v>
      </c>
      <c r="D212" s="52" t="s">
        <v>87</v>
      </c>
      <c r="E212" s="52" t="s">
        <v>111</v>
      </c>
      <c r="F212" s="52" t="s">
        <v>105</v>
      </c>
      <c r="G212" s="52" t="s">
        <v>82</v>
      </c>
      <c r="H212" s="4">
        <v>150</v>
      </c>
      <c r="I212" s="2">
        <v>0</v>
      </c>
    </row>
    <row r="213" spans="1:9" hidden="1" x14ac:dyDescent="0.35">
      <c r="A213" s="52" t="s">
        <v>78</v>
      </c>
      <c r="B213" s="52" t="s">
        <v>79</v>
      </c>
      <c r="C213" s="3">
        <v>10</v>
      </c>
      <c r="D213" s="52" t="s">
        <v>87</v>
      </c>
      <c r="E213" s="52" t="s">
        <v>102</v>
      </c>
      <c r="F213" s="52" t="s">
        <v>103</v>
      </c>
      <c r="G213" s="52" t="s">
        <v>82</v>
      </c>
      <c r="H213" s="4">
        <v>501</v>
      </c>
      <c r="I213" s="2">
        <v>0</v>
      </c>
    </row>
    <row r="214" spans="1:9" hidden="1" x14ac:dyDescent="0.35">
      <c r="A214" s="52" t="s">
        <v>78</v>
      </c>
      <c r="B214" s="52" t="s">
        <v>79</v>
      </c>
      <c r="C214" s="3">
        <v>10</v>
      </c>
      <c r="D214" s="52" t="s">
        <v>87</v>
      </c>
      <c r="E214" s="52" t="s">
        <v>111</v>
      </c>
      <c r="F214" s="52" t="s">
        <v>95</v>
      </c>
      <c r="G214" s="52" t="s">
        <v>82</v>
      </c>
      <c r="H214" s="4">
        <v>18</v>
      </c>
      <c r="I214" s="2">
        <v>0</v>
      </c>
    </row>
    <row r="215" spans="1:9" hidden="1" x14ac:dyDescent="0.35">
      <c r="A215" s="52" t="s">
        <v>78</v>
      </c>
      <c r="B215" s="52" t="s">
        <v>79</v>
      </c>
      <c r="C215" s="3">
        <v>10</v>
      </c>
      <c r="D215" s="52" t="s">
        <v>87</v>
      </c>
      <c r="E215" s="52" t="s">
        <v>106</v>
      </c>
      <c r="F215" s="52" t="s">
        <v>130</v>
      </c>
      <c r="G215" s="52" t="s">
        <v>108</v>
      </c>
      <c r="H215" s="4">
        <v>4</v>
      </c>
      <c r="I215" s="2">
        <v>0</v>
      </c>
    </row>
    <row r="216" spans="1:9" x14ac:dyDescent="0.35">
      <c r="A216" s="52" t="s">
        <v>78</v>
      </c>
      <c r="B216" s="52" t="s">
        <v>79</v>
      </c>
      <c r="C216" s="3">
        <v>10</v>
      </c>
      <c r="D216" s="52" t="s">
        <v>87</v>
      </c>
      <c r="E216" s="52" t="s">
        <v>111</v>
      </c>
      <c r="F216" s="52" t="s">
        <v>94</v>
      </c>
      <c r="G216" s="52" t="s">
        <v>82</v>
      </c>
      <c r="H216" s="4">
        <v>1</v>
      </c>
      <c r="I216" s="2">
        <v>0</v>
      </c>
    </row>
    <row r="217" spans="1:9" hidden="1" x14ac:dyDescent="0.35">
      <c r="A217" s="52" t="s">
        <v>78</v>
      </c>
      <c r="B217" s="52" t="s">
        <v>79</v>
      </c>
      <c r="C217" s="3">
        <v>10</v>
      </c>
      <c r="D217" s="52" t="s">
        <v>87</v>
      </c>
      <c r="E217" s="52" t="s">
        <v>113</v>
      </c>
      <c r="F217" s="52" t="s">
        <v>114</v>
      </c>
      <c r="G217" s="52" t="s">
        <v>115</v>
      </c>
      <c r="H217" s="4">
        <v>1249</v>
      </c>
      <c r="I217" s="2">
        <v>0</v>
      </c>
    </row>
    <row r="218" spans="1:9" hidden="1" x14ac:dyDescent="0.35">
      <c r="A218" s="52" t="s">
        <v>78</v>
      </c>
      <c r="B218" s="52" t="s">
        <v>79</v>
      </c>
      <c r="C218" s="3">
        <v>10</v>
      </c>
      <c r="D218" s="52" t="s">
        <v>87</v>
      </c>
      <c r="E218" s="52" t="s">
        <v>118</v>
      </c>
      <c r="F218" s="52" t="s">
        <v>119</v>
      </c>
      <c r="G218" s="52" t="s">
        <v>115</v>
      </c>
      <c r="H218" s="4">
        <v>540</v>
      </c>
      <c r="I218" s="2">
        <v>0</v>
      </c>
    </row>
    <row r="219" spans="1:9" hidden="1" x14ac:dyDescent="0.35">
      <c r="A219" s="52" t="s">
        <v>78</v>
      </c>
      <c r="B219" s="52" t="s">
        <v>79</v>
      </c>
      <c r="C219" s="3">
        <v>10</v>
      </c>
      <c r="D219" s="52" t="s">
        <v>87</v>
      </c>
      <c r="E219" s="52" t="s">
        <v>106</v>
      </c>
      <c r="F219" s="52" t="s">
        <v>107</v>
      </c>
      <c r="G219" s="52" t="s">
        <v>108</v>
      </c>
      <c r="H219" s="4">
        <v>6</v>
      </c>
      <c r="I219" s="2">
        <v>0</v>
      </c>
    </row>
    <row r="220" spans="1:9" hidden="1" x14ac:dyDescent="0.35">
      <c r="A220" s="52" t="s">
        <v>78</v>
      </c>
      <c r="B220" s="52" t="s">
        <v>79</v>
      </c>
      <c r="C220" s="3">
        <v>10</v>
      </c>
      <c r="D220" s="52" t="s">
        <v>87</v>
      </c>
      <c r="E220" s="52" t="s">
        <v>102</v>
      </c>
      <c r="F220" s="52" t="s">
        <v>130</v>
      </c>
      <c r="G220" s="52" t="s">
        <v>108</v>
      </c>
      <c r="H220" s="4">
        <v>21</v>
      </c>
      <c r="I220" s="2">
        <v>0</v>
      </c>
    </row>
    <row r="221" spans="1:9" hidden="1" x14ac:dyDescent="0.35">
      <c r="A221" s="52" t="s">
        <v>78</v>
      </c>
      <c r="B221" s="52" t="s">
        <v>79</v>
      </c>
      <c r="C221" s="3">
        <v>10</v>
      </c>
      <c r="D221" s="52" t="s">
        <v>87</v>
      </c>
      <c r="E221" s="52" t="s">
        <v>126</v>
      </c>
      <c r="F221" s="52" t="s">
        <v>103</v>
      </c>
      <c r="G221" s="52" t="s">
        <v>82</v>
      </c>
      <c r="H221" s="4">
        <v>5</v>
      </c>
      <c r="I221" s="2">
        <v>0</v>
      </c>
    </row>
    <row r="222" spans="1:9" hidden="1" x14ac:dyDescent="0.35">
      <c r="A222" s="52" t="s">
        <v>78</v>
      </c>
      <c r="B222" s="52" t="s">
        <v>79</v>
      </c>
      <c r="C222" s="3">
        <v>10</v>
      </c>
      <c r="D222" s="52" t="s">
        <v>87</v>
      </c>
      <c r="E222" s="52" t="s">
        <v>126</v>
      </c>
      <c r="F222" s="52" t="s">
        <v>101</v>
      </c>
      <c r="G222" s="52" t="s">
        <v>82</v>
      </c>
      <c r="H222" s="4">
        <v>30</v>
      </c>
      <c r="I222" s="2">
        <v>0</v>
      </c>
    </row>
    <row r="223" spans="1:9" hidden="1" x14ac:dyDescent="0.35">
      <c r="A223" s="52" t="s">
        <v>78</v>
      </c>
      <c r="B223" s="52" t="s">
        <v>79</v>
      </c>
      <c r="C223" s="3">
        <v>10</v>
      </c>
      <c r="D223" s="52" t="s">
        <v>87</v>
      </c>
      <c r="E223" s="52" t="s">
        <v>120</v>
      </c>
      <c r="F223" s="52" t="s">
        <v>116</v>
      </c>
      <c r="G223" s="52" t="s">
        <v>115</v>
      </c>
      <c r="H223" s="4">
        <v>540</v>
      </c>
      <c r="I223" s="2">
        <v>0</v>
      </c>
    </row>
    <row r="224" spans="1:9" hidden="1" x14ac:dyDescent="0.35">
      <c r="A224" s="52" t="s">
        <v>78</v>
      </c>
      <c r="B224" s="52" t="s">
        <v>79</v>
      </c>
      <c r="C224" s="3">
        <v>10</v>
      </c>
      <c r="D224" s="52" t="s">
        <v>87</v>
      </c>
      <c r="E224" s="52" t="s">
        <v>134</v>
      </c>
      <c r="F224" s="52" t="s">
        <v>123</v>
      </c>
      <c r="G224" s="52" t="s">
        <v>82</v>
      </c>
      <c r="H224" s="4">
        <v>1825</v>
      </c>
      <c r="I224" s="2">
        <v>0</v>
      </c>
    </row>
    <row r="225" spans="1:9" hidden="1" x14ac:dyDescent="0.35">
      <c r="A225" s="52" t="s">
        <v>78</v>
      </c>
      <c r="B225" s="52" t="s">
        <v>79</v>
      </c>
      <c r="C225" s="3">
        <v>10</v>
      </c>
      <c r="D225" s="52" t="s">
        <v>87</v>
      </c>
      <c r="E225" s="52" t="s">
        <v>111</v>
      </c>
      <c r="F225" s="52" t="s">
        <v>81</v>
      </c>
      <c r="G225" s="52" t="s">
        <v>82</v>
      </c>
      <c r="H225" s="4">
        <v>4</v>
      </c>
      <c r="I225" s="2">
        <v>0</v>
      </c>
    </row>
    <row r="226" spans="1:9" hidden="1" x14ac:dyDescent="0.35">
      <c r="A226" s="52" t="s">
        <v>78</v>
      </c>
      <c r="B226" s="52" t="s">
        <v>79</v>
      </c>
      <c r="C226" s="3">
        <v>10</v>
      </c>
      <c r="D226" s="52" t="s">
        <v>87</v>
      </c>
      <c r="E226" s="52" t="s">
        <v>135</v>
      </c>
      <c r="F226" s="52" t="s">
        <v>112</v>
      </c>
      <c r="G226" s="52" t="s">
        <v>82</v>
      </c>
      <c r="H226" s="4">
        <v>7670</v>
      </c>
      <c r="I226" s="2">
        <v>0</v>
      </c>
    </row>
    <row r="227" spans="1:9" hidden="1" x14ac:dyDescent="0.35">
      <c r="A227" s="52" t="s">
        <v>78</v>
      </c>
      <c r="B227" s="52" t="s">
        <v>79</v>
      </c>
      <c r="C227" s="3">
        <v>10</v>
      </c>
      <c r="D227" s="52" t="s">
        <v>87</v>
      </c>
      <c r="E227" s="52" t="s">
        <v>121</v>
      </c>
      <c r="F227" s="52" t="s">
        <v>112</v>
      </c>
      <c r="G227" s="52" t="s">
        <v>108</v>
      </c>
      <c r="H227" s="4">
        <v>127</v>
      </c>
      <c r="I227" s="2">
        <v>0</v>
      </c>
    </row>
    <row r="228" spans="1:9" x14ac:dyDescent="0.35">
      <c r="A228" s="52" t="s">
        <v>78</v>
      </c>
      <c r="B228" s="52" t="s">
        <v>79</v>
      </c>
      <c r="C228" s="3">
        <v>10</v>
      </c>
      <c r="D228" s="52" t="s">
        <v>87</v>
      </c>
      <c r="E228" s="52" t="s">
        <v>106</v>
      </c>
      <c r="F228" s="52" t="s">
        <v>103</v>
      </c>
      <c r="G228" s="52" t="s">
        <v>82</v>
      </c>
      <c r="H228" s="4">
        <v>1</v>
      </c>
      <c r="I228" s="2">
        <v>0</v>
      </c>
    </row>
    <row r="229" spans="1:9" hidden="1" x14ac:dyDescent="0.35">
      <c r="A229" s="52" t="s">
        <v>78</v>
      </c>
      <c r="B229" s="52" t="s">
        <v>79</v>
      </c>
      <c r="C229" s="3">
        <v>10</v>
      </c>
      <c r="D229" s="52" t="s">
        <v>87</v>
      </c>
      <c r="E229" s="52" t="s">
        <v>111</v>
      </c>
      <c r="F229" s="52" t="s">
        <v>107</v>
      </c>
      <c r="G229" s="52" t="s">
        <v>108</v>
      </c>
      <c r="H229" s="4">
        <v>20</v>
      </c>
      <c r="I229" s="2">
        <v>0</v>
      </c>
    </row>
    <row r="230" spans="1:9" hidden="1" x14ac:dyDescent="0.35">
      <c r="A230" s="52" t="s">
        <v>78</v>
      </c>
      <c r="B230" s="52" t="s">
        <v>79</v>
      </c>
      <c r="C230" s="3">
        <v>10</v>
      </c>
      <c r="D230" s="52" t="s">
        <v>87</v>
      </c>
      <c r="E230" s="52" t="s">
        <v>102</v>
      </c>
      <c r="F230" s="52" t="s">
        <v>136</v>
      </c>
      <c r="G230" s="52" t="s">
        <v>108</v>
      </c>
      <c r="H230" s="4">
        <v>21</v>
      </c>
      <c r="I230" s="2">
        <v>0</v>
      </c>
    </row>
    <row r="231" spans="1:9" hidden="1" x14ac:dyDescent="0.35">
      <c r="A231" s="52" t="s">
        <v>78</v>
      </c>
      <c r="B231" s="52" t="s">
        <v>79</v>
      </c>
      <c r="C231" s="3">
        <v>10</v>
      </c>
      <c r="D231" s="52" t="s">
        <v>87</v>
      </c>
      <c r="E231" s="52" t="s">
        <v>122</v>
      </c>
      <c r="F231" s="52" t="s">
        <v>123</v>
      </c>
      <c r="G231" s="52" t="s">
        <v>108</v>
      </c>
      <c r="H231" s="4">
        <v>577</v>
      </c>
      <c r="I231" s="2">
        <v>0</v>
      </c>
    </row>
    <row r="232" spans="1:9" hidden="1" x14ac:dyDescent="0.35">
      <c r="A232" s="52" t="s">
        <v>78</v>
      </c>
      <c r="B232" s="52" t="s">
        <v>79</v>
      </c>
      <c r="C232" s="3">
        <v>10</v>
      </c>
      <c r="D232" s="52" t="s">
        <v>87</v>
      </c>
      <c r="E232" s="52" t="s">
        <v>102</v>
      </c>
      <c r="F232" s="52" t="s">
        <v>125</v>
      </c>
      <c r="G232" s="52" t="s">
        <v>108</v>
      </c>
      <c r="H232" s="4">
        <v>2</v>
      </c>
      <c r="I232" s="2">
        <v>0</v>
      </c>
    </row>
    <row r="233" spans="1:9" hidden="1" x14ac:dyDescent="0.35">
      <c r="A233" s="52" t="s">
        <v>78</v>
      </c>
      <c r="B233" s="52" t="s">
        <v>79</v>
      </c>
      <c r="C233" s="3">
        <v>10</v>
      </c>
      <c r="D233" s="52" t="s">
        <v>87</v>
      </c>
      <c r="E233" s="52" t="s">
        <v>102</v>
      </c>
      <c r="F233" s="52" t="s">
        <v>107</v>
      </c>
      <c r="G233" s="52" t="s">
        <v>108</v>
      </c>
      <c r="H233" s="4">
        <v>105</v>
      </c>
      <c r="I233" s="2">
        <v>0</v>
      </c>
    </row>
    <row r="234" spans="1:9" hidden="1" x14ac:dyDescent="0.35">
      <c r="A234" s="52" t="s">
        <v>78</v>
      </c>
      <c r="B234" s="52" t="s">
        <v>79</v>
      </c>
      <c r="C234" s="3">
        <v>10</v>
      </c>
      <c r="D234" s="52" t="s">
        <v>87</v>
      </c>
      <c r="E234" s="52" t="s">
        <v>106</v>
      </c>
      <c r="F234" s="52" t="s">
        <v>101</v>
      </c>
      <c r="G234" s="52" t="s">
        <v>108</v>
      </c>
      <c r="H234" s="4">
        <v>2</v>
      </c>
      <c r="I234" s="2">
        <v>0</v>
      </c>
    </row>
    <row r="235" spans="1:9" hidden="1" x14ac:dyDescent="0.35">
      <c r="A235" s="52" t="s">
        <v>78</v>
      </c>
      <c r="B235" s="52" t="s">
        <v>79</v>
      </c>
      <c r="C235" s="3">
        <v>10</v>
      </c>
      <c r="D235" s="52" t="s">
        <v>87</v>
      </c>
      <c r="E235" s="52" t="s">
        <v>102</v>
      </c>
      <c r="F235" s="52" t="s">
        <v>116</v>
      </c>
      <c r="G235" s="52" t="s">
        <v>115</v>
      </c>
      <c r="H235" s="4">
        <v>479</v>
      </c>
      <c r="I235" s="2">
        <v>0</v>
      </c>
    </row>
    <row r="236" spans="1:9" hidden="1" x14ac:dyDescent="0.35">
      <c r="A236" s="52" t="s">
        <v>78</v>
      </c>
      <c r="B236" s="52" t="s">
        <v>79</v>
      </c>
      <c r="C236" s="3">
        <v>10</v>
      </c>
      <c r="D236" s="52" t="s">
        <v>87</v>
      </c>
      <c r="E236" s="52" t="s">
        <v>111</v>
      </c>
      <c r="F236" s="52" t="s">
        <v>101</v>
      </c>
      <c r="G236" s="52" t="s">
        <v>82</v>
      </c>
      <c r="H236" s="4">
        <v>240</v>
      </c>
      <c r="I236" s="2">
        <v>0</v>
      </c>
    </row>
    <row r="237" spans="1:9" hidden="1" x14ac:dyDescent="0.35">
      <c r="A237" s="52" t="s">
        <v>78</v>
      </c>
      <c r="B237" s="52" t="s">
        <v>79</v>
      </c>
      <c r="C237" s="3">
        <v>10</v>
      </c>
      <c r="D237" s="52" t="s">
        <v>87</v>
      </c>
      <c r="E237" s="52" t="s">
        <v>128</v>
      </c>
      <c r="F237" s="52" t="s">
        <v>129</v>
      </c>
      <c r="G237" s="52" t="s">
        <v>82</v>
      </c>
      <c r="H237" s="4">
        <v>3</v>
      </c>
      <c r="I237" s="2">
        <v>0</v>
      </c>
    </row>
    <row r="238" spans="1:9" hidden="1" x14ac:dyDescent="0.35">
      <c r="A238" s="52" t="s">
        <v>78</v>
      </c>
      <c r="B238" s="52" t="s">
        <v>79</v>
      </c>
      <c r="C238" s="3">
        <v>10</v>
      </c>
      <c r="D238" s="52" t="s">
        <v>87</v>
      </c>
      <c r="E238" s="52" t="s">
        <v>102</v>
      </c>
      <c r="F238" s="52" t="s">
        <v>138</v>
      </c>
      <c r="G238" s="52" t="s">
        <v>108</v>
      </c>
      <c r="H238" s="4">
        <v>2</v>
      </c>
      <c r="I238" s="2">
        <v>0</v>
      </c>
    </row>
    <row r="239" spans="1:9" hidden="1" x14ac:dyDescent="0.35">
      <c r="A239" s="52" t="s">
        <v>78</v>
      </c>
      <c r="B239" s="52" t="s">
        <v>79</v>
      </c>
      <c r="C239" s="3">
        <v>10</v>
      </c>
      <c r="D239" s="52" t="s">
        <v>87</v>
      </c>
      <c r="E239" s="52" t="s">
        <v>111</v>
      </c>
      <c r="F239" s="52" t="s">
        <v>93</v>
      </c>
      <c r="G239" s="52" t="s">
        <v>82</v>
      </c>
      <c r="H239" s="4">
        <v>10</v>
      </c>
      <c r="I239" s="2">
        <v>0</v>
      </c>
    </row>
    <row r="240" spans="1:9" hidden="1" x14ac:dyDescent="0.35">
      <c r="A240" s="52" t="s">
        <v>78</v>
      </c>
      <c r="B240" s="52" t="s">
        <v>79</v>
      </c>
      <c r="C240" s="3">
        <v>10</v>
      </c>
      <c r="D240" s="52" t="s">
        <v>87</v>
      </c>
      <c r="E240" s="52" t="s">
        <v>131</v>
      </c>
      <c r="F240" s="52" t="s">
        <v>129</v>
      </c>
      <c r="G240" s="52" t="s">
        <v>108</v>
      </c>
      <c r="H240" s="4">
        <v>2</v>
      </c>
      <c r="I240" s="2">
        <v>0</v>
      </c>
    </row>
    <row r="241" spans="1:9" hidden="1" x14ac:dyDescent="0.35">
      <c r="A241" s="52" t="s">
        <v>78</v>
      </c>
      <c r="B241" s="52" t="s">
        <v>79</v>
      </c>
      <c r="C241" s="3">
        <v>10</v>
      </c>
      <c r="D241" s="52" t="s">
        <v>87</v>
      </c>
      <c r="E241" s="52" t="s">
        <v>102</v>
      </c>
      <c r="F241" s="52" t="s">
        <v>141</v>
      </c>
      <c r="G241" s="52" t="s">
        <v>108</v>
      </c>
      <c r="H241" s="4">
        <v>4</v>
      </c>
      <c r="I241" s="2">
        <v>0</v>
      </c>
    </row>
    <row r="242" spans="1:9" hidden="1" x14ac:dyDescent="0.35">
      <c r="A242" s="52" t="s">
        <v>78</v>
      </c>
      <c r="B242" s="52" t="s">
        <v>79</v>
      </c>
      <c r="C242" s="3">
        <v>10</v>
      </c>
      <c r="D242" s="52" t="s">
        <v>87</v>
      </c>
      <c r="E242" s="52" t="s">
        <v>109</v>
      </c>
      <c r="F242" s="52" t="s">
        <v>110</v>
      </c>
      <c r="G242" s="52" t="s">
        <v>108</v>
      </c>
      <c r="H242" s="4">
        <v>6</v>
      </c>
      <c r="I242" s="2">
        <v>0</v>
      </c>
    </row>
    <row r="243" spans="1:9" x14ac:dyDescent="0.35">
      <c r="A243" s="52" t="s">
        <v>78</v>
      </c>
      <c r="B243" s="52" t="s">
        <v>79</v>
      </c>
      <c r="C243" s="3">
        <v>10</v>
      </c>
      <c r="D243" s="52" t="s">
        <v>87</v>
      </c>
      <c r="E243" s="52" t="s">
        <v>102</v>
      </c>
      <c r="F243" s="52" t="s">
        <v>112</v>
      </c>
      <c r="G243" s="52" t="s">
        <v>108</v>
      </c>
      <c r="H243" s="4">
        <v>1</v>
      </c>
      <c r="I243" s="2">
        <v>0</v>
      </c>
    </row>
    <row r="244" spans="1:9" hidden="1" x14ac:dyDescent="0.35">
      <c r="A244" s="52" t="s">
        <v>78</v>
      </c>
      <c r="B244" s="52" t="s">
        <v>79</v>
      </c>
      <c r="C244" s="3">
        <v>10</v>
      </c>
      <c r="D244" s="52" t="s">
        <v>87</v>
      </c>
      <c r="E244" s="52" t="s">
        <v>139</v>
      </c>
      <c r="F244" s="52" t="s">
        <v>140</v>
      </c>
      <c r="G244" s="52" t="s">
        <v>82</v>
      </c>
      <c r="H244" s="4">
        <v>124</v>
      </c>
      <c r="I244" s="2">
        <v>0</v>
      </c>
    </row>
    <row r="245" spans="1:9" x14ac:dyDescent="0.35">
      <c r="A245" s="52" t="s">
        <v>78</v>
      </c>
      <c r="B245" s="52" t="s">
        <v>79</v>
      </c>
      <c r="C245" s="3">
        <v>10</v>
      </c>
      <c r="D245" s="52" t="s">
        <v>87</v>
      </c>
      <c r="E245" s="52" t="s">
        <v>106</v>
      </c>
      <c r="F245" s="52" t="s">
        <v>136</v>
      </c>
      <c r="G245" s="52" t="s">
        <v>108</v>
      </c>
      <c r="H245" s="4">
        <v>1</v>
      </c>
      <c r="I245" s="2">
        <v>0</v>
      </c>
    </row>
    <row r="246" spans="1:9" hidden="1" x14ac:dyDescent="0.35">
      <c r="A246" s="52" t="s">
        <v>78</v>
      </c>
      <c r="B246" s="52" t="s">
        <v>79</v>
      </c>
      <c r="C246" s="3">
        <v>10</v>
      </c>
      <c r="D246" s="52" t="s">
        <v>87</v>
      </c>
      <c r="E246" s="52" t="s">
        <v>102</v>
      </c>
      <c r="F246" s="52" t="s">
        <v>101</v>
      </c>
      <c r="G246" s="52" t="s">
        <v>108</v>
      </c>
      <c r="H246" s="4">
        <v>4</v>
      </c>
      <c r="I246" s="2">
        <v>0</v>
      </c>
    </row>
    <row r="247" spans="1:9" hidden="1" x14ac:dyDescent="0.35">
      <c r="A247" s="52" t="s">
        <v>78</v>
      </c>
      <c r="B247" s="52" t="s">
        <v>79</v>
      </c>
      <c r="C247" s="3">
        <v>10</v>
      </c>
      <c r="D247" s="52" t="s">
        <v>87</v>
      </c>
      <c r="E247" s="52" t="s">
        <v>117</v>
      </c>
      <c r="F247" s="52" t="s">
        <v>116</v>
      </c>
      <c r="G247" s="52" t="s">
        <v>82</v>
      </c>
      <c r="H247" s="4">
        <v>1047</v>
      </c>
      <c r="I247" s="2">
        <v>0</v>
      </c>
    </row>
    <row r="248" spans="1:9" x14ac:dyDescent="0.35">
      <c r="A248" s="52" t="s">
        <v>78</v>
      </c>
      <c r="B248" s="52" t="s">
        <v>79</v>
      </c>
      <c r="C248" s="3">
        <v>10</v>
      </c>
      <c r="D248" s="52" t="s">
        <v>87</v>
      </c>
      <c r="E248" s="52" t="s">
        <v>111</v>
      </c>
      <c r="F248" s="52" t="s">
        <v>130</v>
      </c>
      <c r="G248" s="52" t="s">
        <v>108</v>
      </c>
      <c r="H248" s="4">
        <v>1</v>
      </c>
      <c r="I248" s="2">
        <v>0</v>
      </c>
    </row>
    <row r="249" spans="1:9" hidden="1" x14ac:dyDescent="0.35">
      <c r="A249" s="52" t="s">
        <v>78</v>
      </c>
      <c r="B249" s="52" t="s">
        <v>79</v>
      </c>
      <c r="C249" s="3">
        <v>20</v>
      </c>
      <c r="D249" s="52" t="s">
        <v>87</v>
      </c>
      <c r="E249" s="52" t="s">
        <v>90</v>
      </c>
      <c r="F249" s="52" t="s">
        <v>91</v>
      </c>
      <c r="G249" s="52" t="s">
        <v>82</v>
      </c>
      <c r="H249" s="4">
        <v>8470</v>
      </c>
      <c r="I249" s="2">
        <v>93035.89</v>
      </c>
    </row>
    <row r="250" spans="1:9" hidden="1" x14ac:dyDescent="0.35">
      <c r="A250" s="52" t="s">
        <v>78</v>
      </c>
      <c r="B250" s="52" t="s">
        <v>79</v>
      </c>
      <c r="C250" s="3">
        <v>20</v>
      </c>
      <c r="D250" s="52" t="s">
        <v>87</v>
      </c>
      <c r="E250" s="52" t="s">
        <v>26</v>
      </c>
      <c r="F250" s="52" t="s">
        <v>81</v>
      </c>
      <c r="G250" s="52" t="s">
        <v>82</v>
      </c>
      <c r="H250" s="4">
        <v>162</v>
      </c>
      <c r="I250" s="2">
        <v>2373.3000000000002</v>
      </c>
    </row>
    <row r="251" spans="1:9" hidden="1" x14ac:dyDescent="0.35">
      <c r="A251" s="52" t="s">
        <v>78</v>
      </c>
      <c r="B251" s="52" t="s">
        <v>79</v>
      </c>
      <c r="C251" s="3">
        <v>20</v>
      </c>
      <c r="D251" s="52" t="s">
        <v>87</v>
      </c>
      <c r="E251" s="52" t="s">
        <v>29</v>
      </c>
      <c r="F251" s="52" t="s">
        <v>94</v>
      </c>
      <c r="G251" s="52" t="s">
        <v>82</v>
      </c>
      <c r="H251" s="4">
        <v>10</v>
      </c>
      <c r="I251" s="2">
        <v>2334.84</v>
      </c>
    </row>
    <row r="252" spans="1:9" hidden="1" x14ac:dyDescent="0.35">
      <c r="A252" s="52" t="s">
        <v>78</v>
      </c>
      <c r="B252" s="52" t="s">
        <v>79</v>
      </c>
      <c r="C252" s="3">
        <v>20</v>
      </c>
      <c r="D252" s="52" t="s">
        <v>87</v>
      </c>
      <c r="E252" s="52" t="s">
        <v>36</v>
      </c>
      <c r="F252" s="52" t="s">
        <v>95</v>
      </c>
      <c r="G252" s="52" t="s">
        <v>82</v>
      </c>
      <c r="H252" s="4">
        <v>350</v>
      </c>
      <c r="I252" s="2">
        <v>1645</v>
      </c>
    </row>
    <row r="253" spans="1:9" hidden="1" x14ac:dyDescent="0.35">
      <c r="A253" s="52" t="s">
        <v>78</v>
      </c>
      <c r="B253" s="52" t="s">
        <v>79</v>
      </c>
      <c r="C253" s="3">
        <v>20</v>
      </c>
      <c r="D253" s="52" t="s">
        <v>87</v>
      </c>
      <c r="E253" s="52" t="s">
        <v>38</v>
      </c>
      <c r="F253" s="52" t="s">
        <v>97</v>
      </c>
      <c r="G253" s="52" t="s">
        <v>82</v>
      </c>
      <c r="H253" s="4">
        <v>94</v>
      </c>
      <c r="I253" s="2">
        <v>915.1</v>
      </c>
    </row>
    <row r="254" spans="1:9" hidden="1" x14ac:dyDescent="0.35">
      <c r="A254" s="52" t="s">
        <v>78</v>
      </c>
      <c r="B254" s="52" t="s">
        <v>79</v>
      </c>
      <c r="C254" s="3">
        <v>20</v>
      </c>
      <c r="D254" s="52" t="s">
        <v>87</v>
      </c>
      <c r="E254" s="52" t="s">
        <v>33</v>
      </c>
      <c r="F254" s="52" t="s">
        <v>99</v>
      </c>
      <c r="G254" s="52" t="s">
        <v>82</v>
      </c>
      <c r="H254" s="4">
        <v>6</v>
      </c>
      <c r="I254" s="2">
        <v>288</v>
      </c>
    </row>
    <row r="255" spans="1:9" hidden="1" x14ac:dyDescent="0.35">
      <c r="A255" s="52" t="s">
        <v>78</v>
      </c>
      <c r="B255" s="52" t="s">
        <v>79</v>
      </c>
      <c r="C255" s="3">
        <v>20</v>
      </c>
      <c r="D255" s="52" t="s">
        <v>87</v>
      </c>
      <c r="E255" s="52" t="s">
        <v>92</v>
      </c>
      <c r="F255" s="52" t="s">
        <v>93</v>
      </c>
      <c r="G255" s="52" t="s">
        <v>82</v>
      </c>
      <c r="H255" s="4">
        <v>20</v>
      </c>
      <c r="I255" s="2">
        <v>205.4</v>
      </c>
    </row>
    <row r="256" spans="1:9" hidden="1" x14ac:dyDescent="0.35">
      <c r="A256" s="52" t="s">
        <v>78</v>
      </c>
      <c r="B256" s="52" t="s">
        <v>79</v>
      </c>
      <c r="C256" s="3">
        <v>20</v>
      </c>
      <c r="D256" s="52" t="s">
        <v>87</v>
      </c>
      <c r="E256" s="52" t="s">
        <v>118</v>
      </c>
      <c r="F256" s="52" t="s">
        <v>119</v>
      </c>
      <c r="G256" s="52" t="s">
        <v>115</v>
      </c>
      <c r="H256" s="4">
        <v>995</v>
      </c>
      <c r="I256" s="2">
        <v>0</v>
      </c>
    </row>
    <row r="257" spans="1:9" hidden="1" x14ac:dyDescent="0.35">
      <c r="A257" s="52" t="s">
        <v>78</v>
      </c>
      <c r="B257" s="52" t="s">
        <v>79</v>
      </c>
      <c r="C257" s="3">
        <v>20</v>
      </c>
      <c r="D257" s="52" t="s">
        <v>87</v>
      </c>
      <c r="E257" s="52" t="s">
        <v>113</v>
      </c>
      <c r="F257" s="52" t="s">
        <v>114</v>
      </c>
      <c r="G257" s="52" t="s">
        <v>115</v>
      </c>
      <c r="H257" s="4">
        <v>2555</v>
      </c>
      <c r="I257" s="2">
        <v>0</v>
      </c>
    </row>
    <row r="258" spans="1:9" x14ac:dyDescent="0.35">
      <c r="A258" s="52" t="s">
        <v>78</v>
      </c>
      <c r="B258" s="52" t="s">
        <v>79</v>
      </c>
      <c r="C258" s="3">
        <v>20</v>
      </c>
      <c r="D258" s="52" t="s">
        <v>87</v>
      </c>
      <c r="E258" s="52" t="s">
        <v>106</v>
      </c>
      <c r="F258" s="52" t="s">
        <v>127</v>
      </c>
      <c r="G258" s="52" t="s">
        <v>108</v>
      </c>
      <c r="H258" s="4">
        <v>1</v>
      </c>
      <c r="I258" s="2">
        <v>0</v>
      </c>
    </row>
    <row r="259" spans="1:9" hidden="1" x14ac:dyDescent="0.35">
      <c r="A259" s="52" t="s">
        <v>78</v>
      </c>
      <c r="B259" s="52" t="s">
        <v>79</v>
      </c>
      <c r="C259" s="3">
        <v>20</v>
      </c>
      <c r="D259" s="52" t="s">
        <v>87</v>
      </c>
      <c r="E259" s="52" t="s">
        <v>122</v>
      </c>
      <c r="F259" s="52" t="s">
        <v>123</v>
      </c>
      <c r="G259" s="52" t="s">
        <v>108</v>
      </c>
      <c r="H259" s="4">
        <v>1288</v>
      </c>
      <c r="I259" s="2">
        <v>0</v>
      </c>
    </row>
    <row r="260" spans="1:9" hidden="1" x14ac:dyDescent="0.35">
      <c r="A260" s="52" t="s">
        <v>78</v>
      </c>
      <c r="B260" s="52" t="s">
        <v>79</v>
      </c>
      <c r="C260" s="3">
        <v>20</v>
      </c>
      <c r="D260" s="52" t="s">
        <v>87</v>
      </c>
      <c r="E260" s="52" t="s">
        <v>126</v>
      </c>
      <c r="F260" s="52" t="s">
        <v>101</v>
      </c>
      <c r="G260" s="52" t="s">
        <v>82</v>
      </c>
      <c r="H260" s="4">
        <v>62</v>
      </c>
      <c r="I260" s="2">
        <v>0</v>
      </c>
    </row>
    <row r="261" spans="1:9" hidden="1" x14ac:dyDescent="0.35">
      <c r="A261" s="52" t="s">
        <v>78</v>
      </c>
      <c r="B261" s="52" t="s">
        <v>79</v>
      </c>
      <c r="C261" s="3">
        <v>20</v>
      </c>
      <c r="D261" s="52" t="s">
        <v>87</v>
      </c>
      <c r="E261" s="52" t="s">
        <v>111</v>
      </c>
      <c r="F261" s="52" t="s">
        <v>101</v>
      </c>
      <c r="G261" s="52" t="s">
        <v>82</v>
      </c>
      <c r="H261" s="4">
        <v>596</v>
      </c>
      <c r="I261" s="2">
        <v>0</v>
      </c>
    </row>
    <row r="262" spans="1:9" hidden="1" x14ac:dyDescent="0.35">
      <c r="A262" s="52" t="s">
        <v>78</v>
      </c>
      <c r="B262" s="52" t="s">
        <v>79</v>
      </c>
      <c r="C262" s="3">
        <v>20</v>
      </c>
      <c r="D262" s="52" t="s">
        <v>87</v>
      </c>
      <c r="E262" s="52" t="s">
        <v>126</v>
      </c>
      <c r="F262" s="52" t="s">
        <v>103</v>
      </c>
      <c r="G262" s="52" t="s">
        <v>82</v>
      </c>
      <c r="H262" s="4">
        <v>14</v>
      </c>
      <c r="I262" s="2">
        <v>0</v>
      </c>
    </row>
    <row r="263" spans="1:9" x14ac:dyDescent="0.35">
      <c r="A263" s="52" t="s">
        <v>78</v>
      </c>
      <c r="B263" s="52" t="s">
        <v>79</v>
      </c>
      <c r="C263" s="3">
        <v>20</v>
      </c>
      <c r="D263" s="52" t="s">
        <v>87</v>
      </c>
      <c r="E263" s="52" t="s">
        <v>102</v>
      </c>
      <c r="F263" s="52" t="s">
        <v>105</v>
      </c>
      <c r="G263" s="52" t="s">
        <v>108</v>
      </c>
      <c r="H263" s="4">
        <v>1</v>
      </c>
      <c r="I263" s="2">
        <v>0</v>
      </c>
    </row>
    <row r="264" spans="1:9" hidden="1" x14ac:dyDescent="0.35">
      <c r="A264" s="52" t="s">
        <v>78</v>
      </c>
      <c r="B264" s="52" t="s">
        <v>79</v>
      </c>
      <c r="C264" s="3">
        <v>20</v>
      </c>
      <c r="D264" s="52" t="s">
        <v>87</v>
      </c>
      <c r="E264" s="52" t="s">
        <v>111</v>
      </c>
      <c r="F264" s="52" t="s">
        <v>107</v>
      </c>
      <c r="G264" s="52" t="s">
        <v>108</v>
      </c>
      <c r="H264" s="4">
        <v>45</v>
      </c>
      <c r="I264" s="2">
        <v>0</v>
      </c>
    </row>
    <row r="265" spans="1:9" x14ac:dyDescent="0.35">
      <c r="A265" s="52" t="s">
        <v>78</v>
      </c>
      <c r="B265" s="52" t="s">
        <v>79</v>
      </c>
      <c r="C265" s="3">
        <v>20</v>
      </c>
      <c r="D265" s="52" t="s">
        <v>87</v>
      </c>
      <c r="E265" s="52" t="s">
        <v>132</v>
      </c>
      <c r="F265" s="52" t="s">
        <v>133</v>
      </c>
      <c r="G265" s="52" t="s">
        <v>108</v>
      </c>
      <c r="H265" s="4">
        <v>1</v>
      </c>
      <c r="I265" s="2">
        <v>0</v>
      </c>
    </row>
    <row r="266" spans="1:9" hidden="1" x14ac:dyDescent="0.35">
      <c r="A266" s="52" t="s">
        <v>78</v>
      </c>
      <c r="B266" s="52" t="s">
        <v>79</v>
      </c>
      <c r="C266" s="3">
        <v>20</v>
      </c>
      <c r="D266" s="52" t="s">
        <v>87</v>
      </c>
      <c r="E266" s="52" t="s">
        <v>121</v>
      </c>
      <c r="F266" s="52" t="s">
        <v>112</v>
      </c>
      <c r="G266" s="52" t="s">
        <v>108</v>
      </c>
      <c r="H266" s="4">
        <v>504</v>
      </c>
      <c r="I266" s="2">
        <v>0</v>
      </c>
    </row>
    <row r="267" spans="1:9" hidden="1" x14ac:dyDescent="0.35">
      <c r="A267" s="52" t="s">
        <v>78</v>
      </c>
      <c r="B267" s="52" t="s">
        <v>79</v>
      </c>
      <c r="C267" s="3">
        <v>20</v>
      </c>
      <c r="D267" s="52" t="s">
        <v>87</v>
      </c>
      <c r="E267" s="52" t="s">
        <v>106</v>
      </c>
      <c r="F267" s="52" t="s">
        <v>130</v>
      </c>
      <c r="G267" s="52" t="s">
        <v>108</v>
      </c>
      <c r="H267" s="4">
        <v>5</v>
      </c>
      <c r="I267" s="2">
        <v>0</v>
      </c>
    </row>
    <row r="268" spans="1:9" x14ac:dyDescent="0.35">
      <c r="A268" s="52" t="s">
        <v>78</v>
      </c>
      <c r="B268" s="52" t="s">
        <v>79</v>
      </c>
      <c r="C268" s="3">
        <v>20</v>
      </c>
      <c r="D268" s="52" t="s">
        <v>87</v>
      </c>
      <c r="E268" s="52" t="s">
        <v>102</v>
      </c>
      <c r="F268" s="52" t="s">
        <v>125</v>
      </c>
      <c r="G268" s="52" t="s">
        <v>108</v>
      </c>
      <c r="H268" s="4">
        <v>1</v>
      </c>
      <c r="I268" s="2">
        <v>0</v>
      </c>
    </row>
    <row r="269" spans="1:9" hidden="1" x14ac:dyDescent="0.35">
      <c r="A269" s="52" t="s">
        <v>78</v>
      </c>
      <c r="B269" s="52" t="s">
        <v>79</v>
      </c>
      <c r="C269" s="3">
        <v>20</v>
      </c>
      <c r="D269" s="52" t="s">
        <v>87</v>
      </c>
      <c r="E269" s="52" t="s">
        <v>102</v>
      </c>
      <c r="F269" s="52" t="s">
        <v>138</v>
      </c>
      <c r="G269" s="52" t="s">
        <v>108</v>
      </c>
      <c r="H269" s="4">
        <v>3</v>
      </c>
      <c r="I269" s="2">
        <v>0</v>
      </c>
    </row>
    <row r="270" spans="1:9" hidden="1" x14ac:dyDescent="0.35">
      <c r="A270" s="52" t="s">
        <v>78</v>
      </c>
      <c r="B270" s="52" t="s">
        <v>79</v>
      </c>
      <c r="C270" s="3">
        <v>20</v>
      </c>
      <c r="D270" s="52" t="s">
        <v>87</v>
      </c>
      <c r="E270" s="52" t="s">
        <v>111</v>
      </c>
      <c r="F270" s="52" t="s">
        <v>95</v>
      </c>
      <c r="G270" s="52" t="s">
        <v>82</v>
      </c>
      <c r="H270" s="4">
        <v>84</v>
      </c>
      <c r="I270" s="2">
        <v>0</v>
      </c>
    </row>
    <row r="271" spans="1:9" hidden="1" x14ac:dyDescent="0.35">
      <c r="A271" s="52" t="s">
        <v>78</v>
      </c>
      <c r="B271" s="52" t="s">
        <v>79</v>
      </c>
      <c r="C271" s="3">
        <v>20</v>
      </c>
      <c r="D271" s="52" t="s">
        <v>87</v>
      </c>
      <c r="E271" s="52" t="s">
        <v>102</v>
      </c>
      <c r="F271" s="52" t="s">
        <v>103</v>
      </c>
      <c r="G271" s="52" t="s">
        <v>82</v>
      </c>
      <c r="H271" s="4">
        <v>642</v>
      </c>
      <c r="I271" s="2">
        <v>0</v>
      </c>
    </row>
    <row r="272" spans="1:9" hidden="1" x14ac:dyDescent="0.35">
      <c r="A272" s="52" t="s">
        <v>78</v>
      </c>
      <c r="B272" s="52" t="s">
        <v>79</v>
      </c>
      <c r="C272" s="3">
        <v>20</v>
      </c>
      <c r="D272" s="52" t="s">
        <v>87</v>
      </c>
      <c r="E272" s="52" t="s">
        <v>111</v>
      </c>
      <c r="F272" s="52" t="s">
        <v>103</v>
      </c>
      <c r="G272" s="52" t="s">
        <v>82</v>
      </c>
      <c r="H272" s="4">
        <v>25</v>
      </c>
      <c r="I272" s="2">
        <v>0</v>
      </c>
    </row>
    <row r="273" spans="1:9" hidden="1" x14ac:dyDescent="0.35">
      <c r="A273" s="52" t="s">
        <v>78</v>
      </c>
      <c r="B273" s="52" t="s">
        <v>79</v>
      </c>
      <c r="C273" s="3">
        <v>20</v>
      </c>
      <c r="D273" s="52" t="s">
        <v>87</v>
      </c>
      <c r="E273" s="52" t="s">
        <v>102</v>
      </c>
      <c r="F273" s="52" t="s">
        <v>136</v>
      </c>
      <c r="G273" s="52" t="s">
        <v>108</v>
      </c>
      <c r="H273" s="4">
        <v>57</v>
      </c>
      <c r="I273" s="2">
        <v>0</v>
      </c>
    </row>
    <row r="274" spans="1:9" hidden="1" x14ac:dyDescent="0.35">
      <c r="A274" s="52" t="s">
        <v>78</v>
      </c>
      <c r="B274" s="52" t="s">
        <v>79</v>
      </c>
      <c r="C274" s="3">
        <v>20</v>
      </c>
      <c r="D274" s="52" t="s">
        <v>87</v>
      </c>
      <c r="E274" s="52" t="s">
        <v>102</v>
      </c>
      <c r="F274" s="52" t="s">
        <v>116</v>
      </c>
      <c r="G274" s="52" t="s">
        <v>115</v>
      </c>
      <c r="H274" s="4">
        <v>863</v>
      </c>
      <c r="I274" s="2">
        <v>0</v>
      </c>
    </row>
    <row r="275" spans="1:9" hidden="1" x14ac:dyDescent="0.35">
      <c r="A275" s="52" t="s">
        <v>78</v>
      </c>
      <c r="B275" s="52" t="s">
        <v>79</v>
      </c>
      <c r="C275" s="3">
        <v>20</v>
      </c>
      <c r="D275" s="52" t="s">
        <v>87</v>
      </c>
      <c r="E275" s="52" t="s">
        <v>111</v>
      </c>
      <c r="F275" s="52" t="s">
        <v>94</v>
      </c>
      <c r="G275" s="52" t="s">
        <v>82</v>
      </c>
      <c r="H275" s="4">
        <v>4</v>
      </c>
      <c r="I275" s="2">
        <v>0</v>
      </c>
    </row>
    <row r="276" spans="1:9" x14ac:dyDescent="0.35">
      <c r="A276" s="52" t="s">
        <v>78</v>
      </c>
      <c r="B276" s="52" t="s">
        <v>79</v>
      </c>
      <c r="C276" s="3">
        <v>20</v>
      </c>
      <c r="D276" s="52" t="s">
        <v>87</v>
      </c>
      <c r="E276" s="52" t="s">
        <v>106</v>
      </c>
      <c r="F276" s="52" t="s">
        <v>136</v>
      </c>
      <c r="G276" s="52" t="s">
        <v>108</v>
      </c>
      <c r="H276" s="4">
        <v>1</v>
      </c>
      <c r="I276" s="2">
        <v>0</v>
      </c>
    </row>
    <row r="277" spans="1:9" hidden="1" x14ac:dyDescent="0.35">
      <c r="A277" s="52" t="s">
        <v>78</v>
      </c>
      <c r="B277" s="52" t="s">
        <v>79</v>
      </c>
      <c r="C277" s="3">
        <v>20</v>
      </c>
      <c r="D277" s="52" t="s">
        <v>87</v>
      </c>
      <c r="E277" s="52" t="s">
        <v>120</v>
      </c>
      <c r="F277" s="52" t="s">
        <v>116</v>
      </c>
      <c r="G277" s="52" t="s">
        <v>115</v>
      </c>
      <c r="H277" s="4">
        <v>995</v>
      </c>
      <c r="I277" s="2">
        <v>0</v>
      </c>
    </row>
    <row r="278" spans="1:9" hidden="1" x14ac:dyDescent="0.35">
      <c r="A278" s="52" t="s">
        <v>78</v>
      </c>
      <c r="B278" s="52" t="s">
        <v>79</v>
      </c>
      <c r="C278" s="3">
        <v>20</v>
      </c>
      <c r="D278" s="52" t="s">
        <v>87</v>
      </c>
      <c r="E278" s="52" t="s">
        <v>128</v>
      </c>
      <c r="F278" s="52" t="s">
        <v>129</v>
      </c>
      <c r="G278" s="52" t="s">
        <v>82</v>
      </c>
      <c r="H278" s="4">
        <v>3</v>
      </c>
      <c r="I278" s="2">
        <v>0</v>
      </c>
    </row>
    <row r="279" spans="1:9" hidden="1" x14ac:dyDescent="0.35">
      <c r="A279" s="52" t="s">
        <v>78</v>
      </c>
      <c r="B279" s="52" t="s">
        <v>79</v>
      </c>
      <c r="C279" s="3">
        <v>20</v>
      </c>
      <c r="D279" s="52" t="s">
        <v>87</v>
      </c>
      <c r="E279" s="52" t="s">
        <v>111</v>
      </c>
      <c r="F279" s="52" t="s">
        <v>97</v>
      </c>
      <c r="G279" s="52" t="s">
        <v>82</v>
      </c>
      <c r="H279" s="4">
        <v>6</v>
      </c>
      <c r="I279" s="2">
        <v>0</v>
      </c>
    </row>
    <row r="280" spans="1:9" hidden="1" x14ac:dyDescent="0.35">
      <c r="A280" s="52" t="s">
        <v>78</v>
      </c>
      <c r="B280" s="52" t="s">
        <v>79</v>
      </c>
      <c r="C280" s="3">
        <v>20</v>
      </c>
      <c r="D280" s="52" t="s">
        <v>87</v>
      </c>
      <c r="E280" s="52" t="s">
        <v>102</v>
      </c>
      <c r="F280" s="52" t="s">
        <v>130</v>
      </c>
      <c r="G280" s="52" t="s">
        <v>108</v>
      </c>
      <c r="H280" s="4">
        <v>71</v>
      </c>
      <c r="I280" s="2">
        <v>0</v>
      </c>
    </row>
    <row r="281" spans="1:9" x14ac:dyDescent="0.35">
      <c r="A281" s="52" t="s">
        <v>78</v>
      </c>
      <c r="B281" s="52" t="s">
        <v>79</v>
      </c>
      <c r="C281" s="3">
        <v>20</v>
      </c>
      <c r="D281" s="52" t="s">
        <v>87</v>
      </c>
      <c r="E281" s="52" t="s">
        <v>102</v>
      </c>
      <c r="F281" s="52" t="s">
        <v>112</v>
      </c>
      <c r="G281" s="52" t="s">
        <v>108</v>
      </c>
      <c r="H281" s="4">
        <v>1</v>
      </c>
      <c r="I281" s="2">
        <v>0</v>
      </c>
    </row>
    <row r="282" spans="1:9" hidden="1" x14ac:dyDescent="0.35">
      <c r="A282" s="52" t="s">
        <v>78</v>
      </c>
      <c r="B282" s="52" t="s">
        <v>79</v>
      </c>
      <c r="C282" s="3">
        <v>20</v>
      </c>
      <c r="D282" s="52" t="s">
        <v>87</v>
      </c>
      <c r="E282" s="52" t="s">
        <v>106</v>
      </c>
      <c r="F282" s="52" t="s">
        <v>107</v>
      </c>
      <c r="G282" s="52" t="s">
        <v>108</v>
      </c>
      <c r="H282" s="4">
        <v>22</v>
      </c>
      <c r="I282" s="2">
        <v>0</v>
      </c>
    </row>
    <row r="283" spans="1:9" x14ac:dyDescent="0.35">
      <c r="A283" s="52" t="s">
        <v>78</v>
      </c>
      <c r="B283" s="52" t="s">
        <v>79</v>
      </c>
      <c r="C283" s="3">
        <v>20</v>
      </c>
      <c r="D283" s="52" t="s">
        <v>87</v>
      </c>
      <c r="E283" s="52" t="s">
        <v>111</v>
      </c>
      <c r="F283" s="52" t="s">
        <v>141</v>
      </c>
      <c r="G283" s="52" t="s">
        <v>108</v>
      </c>
      <c r="H283" s="4">
        <v>1</v>
      </c>
      <c r="I283" s="2">
        <v>0</v>
      </c>
    </row>
    <row r="284" spans="1:9" x14ac:dyDescent="0.35">
      <c r="A284" s="52" t="s">
        <v>78</v>
      </c>
      <c r="B284" s="52" t="s">
        <v>79</v>
      </c>
      <c r="C284" s="3">
        <v>20</v>
      </c>
      <c r="D284" s="52" t="s">
        <v>87</v>
      </c>
      <c r="E284" s="52" t="s">
        <v>102</v>
      </c>
      <c r="F284" s="52" t="s">
        <v>95</v>
      </c>
      <c r="G284" s="52" t="s">
        <v>108</v>
      </c>
      <c r="H284" s="4">
        <v>1</v>
      </c>
      <c r="I284" s="2">
        <v>0</v>
      </c>
    </row>
    <row r="285" spans="1:9" hidden="1" x14ac:dyDescent="0.35">
      <c r="A285" s="52" t="s">
        <v>78</v>
      </c>
      <c r="B285" s="52" t="s">
        <v>79</v>
      </c>
      <c r="C285" s="3">
        <v>20</v>
      </c>
      <c r="D285" s="52" t="s">
        <v>87</v>
      </c>
      <c r="E285" s="52" t="s">
        <v>102</v>
      </c>
      <c r="F285" s="52" t="s">
        <v>141</v>
      </c>
      <c r="G285" s="52" t="s">
        <v>108</v>
      </c>
      <c r="H285" s="4">
        <v>8</v>
      </c>
      <c r="I285" s="2">
        <v>0</v>
      </c>
    </row>
    <row r="286" spans="1:9" hidden="1" x14ac:dyDescent="0.35">
      <c r="A286" s="52" t="s">
        <v>78</v>
      </c>
      <c r="B286" s="52" t="s">
        <v>79</v>
      </c>
      <c r="C286" s="3">
        <v>20</v>
      </c>
      <c r="D286" s="52" t="s">
        <v>87</v>
      </c>
      <c r="E286" s="52" t="s">
        <v>135</v>
      </c>
      <c r="F286" s="52" t="s">
        <v>112</v>
      </c>
      <c r="G286" s="52" t="s">
        <v>82</v>
      </c>
      <c r="H286" s="4">
        <v>15825</v>
      </c>
      <c r="I286" s="2">
        <v>0</v>
      </c>
    </row>
    <row r="287" spans="1:9" hidden="1" x14ac:dyDescent="0.35">
      <c r="A287" s="52" t="s">
        <v>78</v>
      </c>
      <c r="B287" s="52" t="s">
        <v>79</v>
      </c>
      <c r="C287" s="3">
        <v>20</v>
      </c>
      <c r="D287" s="52" t="s">
        <v>87</v>
      </c>
      <c r="E287" s="52" t="s">
        <v>111</v>
      </c>
      <c r="F287" s="52" t="s">
        <v>81</v>
      </c>
      <c r="G287" s="52" t="s">
        <v>82</v>
      </c>
      <c r="H287" s="4">
        <v>15</v>
      </c>
      <c r="I287" s="2">
        <v>0</v>
      </c>
    </row>
    <row r="288" spans="1:9" hidden="1" x14ac:dyDescent="0.35">
      <c r="A288" s="52" t="s">
        <v>78</v>
      </c>
      <c r="B288" s="52" t="s">
        <v>79</v>
      </c>
      <c r="C288" s="3">
        <v>20</v>
      </c>
      <c r="D288" s="52" t="s">
        <v>87</v>
      </c>
      <c r="E288" s="52" t="s">
        <v>106</v>
      </c>
      <c r="F288" s="52" t="s">
        <v>101</v>
      </c>
      <c r="G288" s="52" t="s">
        <v>108</v>
      </c>
      <c r="H288" s="4">
        <v>3</v>
      </c>
      <c r="I288" s="2">
        <v>0</v>
      </c>
    </row>
    <row r="289" spans="1:9" hidden="1" x14ac:dyDescent="0.35">
      <c r="A289" s="52" t="s">
        <v>78</v>
      </c>
      <c r="B289" s="52" t="s">
        <v>79</v>
      </c>
      <c r="C289" s="3">
        <v>20</v>
      </c>
      <c r="D289" s="52" t="s">
        <v>87</v>
      </c>
      <c r="E289" s="52" t="s">
        <v>139</v>
      </c>
      <c r="F289" s="52" t="s">
        <v>140</v>
      </c>
      <c r="G289" s="52" t="s">
        <v>82</v>
      </c>
      <c r="H289" s="4">
        <v>212</v>
      </c>
      <c r="I289" s="2">
        <v>0</v>
      </c>
    </row>
    <row r="290" spans="1:9" hidden="1" x14ac:dyDescent="0.35">
      <c r="A290" s="52" t="s">
        <v>78</v>
      </c>
      <c r="B290" s="52" t="s">
        <v>79</v>
      </c>
      <c r="C290" s="3">
        <v>20</v>
      </c>
      <c r="D290" s="52" t="s">
        <v>87</v>
      </c>
      <c r="E290" s="52" t="s">
        <v>111</v>
      </c>
      <c r="F290" s="52" t="s">
        <v>93</v>
      </c>
      <c r="G290" s="52" t="s">
        <v>82</v>
      </c>
      <c r="H290" s="4">
        <v>40</v>
      </c>
      <c r="I290" s="2">
        <v>0</v>
      </c>
    </row>
    <row r="291" spans="1:9" hidden="1" x14ac:dyDescent="0.35">
      <c r="A291" s="52" t="s">
        <v>78</v>
      </c>
      <c r="B291" s="52" t="s">
        <v>79</v>
      </c>
      <c r="C291" s="3">
        <v>20</v>
      </c>
      <c r="D291" s="52" t="s">
        <v>87</v>
      </c>
      <c r="E291" s="52" t="s">
        <v>111</v>
      </c>
      <c r="F291" s="52" t="s">
        <v>105</v>
      </c>
      <c r="G291" s="52" t="s">
        <v>82</v>
      </c>
      <c r="H291" s="4">
        <v>214</v>
      </c>
      <c r="I291" s="2">
        <v>0</v>
      </c>
    </row>
    <row r="292" spans="1:9" hidden="1" x14ac:dyDescent="0.35">
      <c r="A292" s="52" t="s">
        <v>78</v>
      </c>
      <c r="B292" s="52" t="s">
        <v>79</v>
      </c>
      <c r="C292" s="3">
        <v>20</v>
      </c>
      <c r="D292" s="52" t="s">
        <v>87</v>
      </c>
      <c r="E292" s="52" t="s">
        <v>117</v>
      </c>
      <c r="F292" s="52" t="s">
        <v>116</v>
      </c>
      <c r="G292" s="52" t="s">
        <v>82</v>
      </c>
      <c r="H292" s="4">
        <v>1944</v>
      </c>
      <c r="I292" s="2">
        <v>0</v>
      </c>
    </row>
    <row r="293" spans="1:9" hidden="1" x14ac:dyDescent="0.35">
      <c r="A293" s="52" t="s">
        <v>78</v>
      </c>
      <c r="B293" s="52" t="s">
        <v>79</v>
      </c>
      <c r="C293" s="3">
        <v>20</v>
      </c>
      <c r="D293" s="52" t="s">
        <v>87</v>
      </c>
      <c r="E293" s="52" t="s">
        <v>102</v>
      </c>
      <c r="F293" s="52" t="s">
        <v>101</v>
      </c>
      <c r="G293" s="52" t="s">
        <v>108</v>
      </c>
      <c r="H293" s="4">
        <v>13</v>
      </c>
      <c r="I293" s="2">
        <v>0</v>
      </c>
    </row>
    <row r="294" spans="1:9" x14ac:dyDescent="0.35">
      <c r="A294" s="52" t="s">
        <v>78</v>
      </c>
      <c r="B294" s="52" t="s">
        <v>79</v>
      </c>
      <c r="C294" s="3">
        <v>20</v>
      </c>
      <c r="D294" s="52" t="s">
        <v>87</v>
      </c>
      <c r="E294" s="52" t="s">
        <v>131</v>
      </c>
      <c r="F294" s="52" t="s">
        <v>129</v>
      </c>
      <c r="G294" s="52" t="s">
        <v>108</v>
      </c>
      <c r="H294" s="4">
        <v>1</v>
      </c>
      <c r="I294" s="2">
        <v>0</v>
      </c>
    </row>
    <row r="295" spans="1:9" hidden="1" x14ac:dyDescent="0.35">
      <c r="A295" s="52" t="s">
        <v>78</v>
      </c>
      <c r="B295" s="52" t="s">
        <v>79</v>
      </c>
      <c r="C295" s="3">
        <v>20</v>
      </c>
      <c r="D295" s="52" t="s">
        <v>87</v>
      </c>
      <c r="E295" s="52" t="s">
        <v>134</v>
      </c>
      <c r="F295" s="52" t="s">
        <v>123</v>
      </c>
      <c r="G295" s="52" t="s">
        <v>82</v>
      </c>
      <c r="H295" s="4">
        <v>3908</v>
      </c>
      <c r="I295" s="2">
        <v>0</v>
      </c>
    </row>
    <row r="296" spans="1:9" hidden="1" x14ac:dyDescent="0.35">
      <c r="A296" s="52" t="s">
        <v>78</v>
      </c>
      <c r="B296" s="52" t="s">
        <v>79</v>
      </c>
      <c r="C296" s="3">
        <v>20</v>
      </c>
      <c r="D296" s="52" t="s">
        <v>87</v>
      </c>
      <c r="E296" s="52" t="s">
        <v>109</v>
      </c>
      <c r="F296" s="52" t="s">
        <v>110</v>
      </c>
      <c r="G296" s="52" t="s">
        <v>108</v>
      </c>
      <c r="H296" s="4">
        <v>18</v>
      </c>
      <c r="I296" s="2">
        <v>0</v>
      </c>
    </row>
    <row r="297" spans="1:9" hidden="1" x14ac:dyDescent="0.35">
      <c r="A297" s="52" t="s">
        <v>78</v>
      </c>
      <c r="B297" s="52" t="s">
        <v>79</v>
      </c>
      <c r="C297" s="3">
        <v>20</v>
      </c>
      <c r="D297" s="52" t="s">
        <v>87</v>
      </c>
      <c r="E297" s="52" t="s">
        <v>102</v>
      </c>
      <c r="F297" s="52" t="s">
        <v>107</v>
      </c>
      <c r="G297" s="52" t="s">
        <v>108</v>
      </c>
      <c r="H297" s="4">
        <v>190</v>
      </c>
      <c r="I297" s="2">
        <v>0</v>
      </c>
    </row>
    <row r="298" spans="1:9" x14ac:dyDescent="0.35">
      <c r="A298" s="52" t="s">
        <v>78</v>
      </c>
      <c r="B298" s="52" t="s">
        <v>79</v>
      </c>
      <c r="C298" s="3">
        <v>20</v>
      </c>
      <c r="D298" s="52" t="s">
        <v>87</v>
      </c>
      <c r="E298" s="52" t="s">
        <v>102</v>
      </c>
      <c r="F298" s="52" t="s">
        <v>81</v>
      </c>
      <c r="G298" s="52" t="s">
        <v>108</v>
      </c>
      <c r="H298" s="4">
        <v>1</v>
      </c>
      <c r="I298" s="2">
        <v>0</v>
      </c>
    </row>
    <row r="299" spans="1:9" x14ac:dyDescent="0.35">
      <c r="A299" s="52" t="s">
        <v>78</v>
      </c>
      <c r="B299" s="52" t="s">
        <v>79</v>
      </c>
      <c r="C299" s="3">
        <v>20</v>
      </c>
      <c r="D299" s="52" t="s">
        <v>87</v>
      </c>
      <c r="E299" s="52" t="s">
        <v>102</v>
      </c>
      <c r="F299" s="52" t="s">
        <v>93</v>
      </c>
      <c r="G299" s="52" t="s">
        <v>108</v>
      </c>
      <c r="H299" s="4">
        <v>1</v>
      </c>
      <c r="I299" s="2">
        <v>0</v>
      </c>
    </row>
    <row r="300" spans="1:9" hidden="1" x14ac:dyDescent="0.35">
      <c r="A300" s="52" t="s">
        <v>78</v>
      </c>
      <c r="B300" s="52" t="s">
        <v>79</v>
      </c>
      <c r="C300" s="3">
        <v>211</v>
      </c>
      <c r="D300" s="52" t="s">
        <v>87</v>
      </c>
      <c r="E300" s="52" t="s">
        <v>92</v>
      </c>
      <c r="F300" s="52" t="s">
        <v>93</v>
      </c>
      <c r="G300" s="52" t="s">
        <v>82</v>
      </c>
      <c r="H300" s="4">
        <v>3551</v>
      </c>
      <c r="I300" s="2">
        <v>45943.98</v>
      </c>
    </row>
    <row r="301" spans="1:9" hidden="1" x14ac:dyDescent="0.35">
      <c r="A301" s="52" t="s">
        <v>78</v>
      </c>
      <c r="B301" s="52" t="s">
        <v>79</v>
      </c>
      <c r="C301" s="3">
        <v>211</v>
      </c>
      <c r="D301" s="52" t="s">
        <v>87</v>
      </c>
      <c r="E301" s="52" t="s">
        <v>26</v>
      </c>
      <c r="F301" s="52" t="s">
        <v>81</v>
      </c>
      <c r="G301" s="52" t="s">
        <v>82</v>
      </c>
      <c r="H301" s="4">
        <v>42</v>
      </c>
      <c r="I301" s="2">
        <v>615.29999999999995</v>
      </c>
    </row>
    <row r="302" spans="1:9" hidden="1" x14ac:dyDescent="0.35">
      <c r="A302" s="52" t="s">
        <v>78</v>
      </c>
      <c r="B302" s="52" t="s">
        <v>79</v>
      </c>
      <c r="C302" s="3">
        <v>211</v>
      </c>
      <c r="D302" s="52" t="s">
        <v>87</v>
      </c>
      <c r="E302" s="52" t="s">
        <v>40</v>
      </c>
      <c r="F302" s="52" t="s">
        <v>96</v>
      </c>
      <c r="G302" s="52" t="s">
        <v>82</v>
      </c>
      <c r="H302" s="4">
        <v>23</v>
      </c>
      <c r="I302" s="2">
        <v>575</v>
      </c>
    </row>
    <row r="303" spans="1:9" hidden="1" x14ac:dyDescent="0.35">
      <c r="A303" s="52" t="s">
        <v>78</v>
      </c>
      <c r="B303" s="52" t="s">
        <v>79</v>
      </c>
      <c r="C303" s="3">
        <v>211</v>
      </c>
      <c r="D303" s="52" t="s">
        <v>87</v>
      </c>
      <c r="E303" s="52" t="s">
        <v>36</v>
      </c>
      <c r="F303" s="52" t="s">
        <v>95</v>
      </c>
      <c r="G303" s="52" t="s">
        <v>82</v>
      </c>
      <c r="H303" s="4">
        <v>93</v>
      </c>
      <c r="I303" s="2">
        <v>437.1</v>
      </c>
    </row>
    <row r="304" spans="1:9" hidden="1" x14ac:dyDescent="0.35">
      <c r="A304" s="52" t="s">
        <v>78</v>
      </c>
      <c r="B304" s="52" t="s">
        <v>79</v>
      </c>
      <c r="C304" s="3">
        <v>211</v>
      </c>
      <c r="D304" s="52" t="s">
        <v>87</v>
      </c>
      <c r="E304" s="52" t="s">
        <v>38</v>
      </c>
      <c r="F304" s="52" t="s">
        <v>97</v>
      </c>
      <c r="G304" s="52" t="s">
        <v>82</v>
      </c>
      <c r="H304" s="4">
        <v>14</v>
      </c>
      <c r="I304" s="2">
        <v>271.7</v>
      </c>
    </row>
    <row r="305" spans="1:9" x14ac:dyDescent="0.35">
      <c r="A305" s="52" t="s">
        <v>78</v>
      </c>
      <c r="B305" s="52" t="s">
        <v>79</v>
      </c>
      <c r="C305" s="3">
        <v>211</v>
      </c>
      <c r="D305" s="52" t="s">
        <v>87</v>
      </c>
      <c r="E305" s="52" t="s">
        <v>88</v>
      </c>
      <c r="F305" s="52" t="s">
        <v>89</v>
      </c>
      <c r="G305" s="52" t="s">
        <v>82</v>
      </c>
      <c r="H305" s="4">
        <v>1</v>
      </c>
      <c r="I305" s="2">
        <v>120.52</v>
      </c>
    </row>
    <row r="306" spans="1:9" hidden="1" x14ac:dyDescent="0.35">
      <c r="A306" s="52" t="s">
        <v>78</v>
      </c>
      <c r="B306" s="52" t="s">
        <v>79</v>
      </c>
      <c r="C306" s="3">
        <v>211</v>
      </c>
      <c r="D306" s="52" t="s">
        <v>87</v>
      </c>
      <c r="E306" s="52" t="s">
        <v>90</v>
      </c>
      <c r="F306" s="52" t="s">
        <v>91</v>
      </c>
      <c r="G306" s="52" t="s">
        <v>82</v>
      </c>
      <c r="H306" s="4">
        <v>11</v>
      </c>
      <c r="I306" s="2">
        <v>68.87</v>
      </c>
    </row>
    <row r="307" spans="1:9" hidden="1" x14ac:dyDescent="0.35">
      <c r="A307" s="52" t="s">
        <v>78</v>
      </c>
      <c r="B307" s="52" t="s">
        <v>79</v>
      </c>
      <c r="C307" s="3">
        <v>211</v>
      </c>
      <c r="D307" s="52" t="s">
        <v>87</v>
      </c>
      <c r="E307" s="52" t="s">
        <v>135</v>
      </c>
      <c r="F307" s="52" t="s">
        <v>112</v>
      </c>
      <c r="G307" s="52" t="s">
        <v>82</v>
      </c>
      <c r="H307" s="4">
        <v>294</v>
      </c>
      <c r="I307" s="2">
        <v>0</v>
      </c>
    </row>
    <row r="308" spans="1:9" hidden="1" x14ac:dyDescent="0.35">
      <c r="A308" s="52" t="s">
        <v>78</v>
      </c>
      <c r="B308" s="52" t="s">
        <v>79</v>
      </c>
      <c r="C308" s="3">
        <v>211</v>
      </c>
      <c r="D308" s="52" t="s">
        <v>87</v>
      </c>
      <c r="E308" s="52" t="s">
        <v>104</v>
      </c>
      <c r="F308" s="52" t="s">
        <v>105</v>
      </c>
      <c r="G308" s="52" t="s">
        <v>82</v>
      </c>
      <c r="H308" s="4">
        <v>26</v>
      </c>
      <c r="I308" s="2">
        <v>0</v>
      </c>
    </row>
    <row r="309" spans="1:9" hidden="1" x14ac:dyDescent="0.35">
      <c r="A309" s="52" t="s">
        <v>78</v>
      </c>
      <c r="B309" s="52" t="s">
        <v>79</v>
      </c>
      <c r="C309" s="3">
        <v>211</v>
      </c>
      <c r="D309" s="52" t="s">
        <v>87</v>
      </c>
      <c r="E309" s="52" t="s">
        <v>118</v>
      </c>
      <c r="F309" s="52" t="s">
        <v>119</v>
      </c>
      <c r="G309" s="52" t="s">
        <v>115</v>
      </c>
      <c r="H309" s="4">
        <v>148</v>
      </c>
      <c r="I309" s="2">
        <v>0</v>
      </c>
    </row>
    <row r="310" spans="1:9" hidden="1" x14ac:dyDescent="0.35">
      <c r="A310" s="52" t="s">
        <v>78</v>
      </c>
      <c r="B310" s="52" t="s">
        <v>79</v>
      </c>
      <c r="C310" s="3">
        <v>211</v>
      </c>
      <c r="D310" s="52" t="s">
        <v>87</v>
      </c>
      <c r="E310" s="52" t="s">
        <v>109</v>
      </c>
      <c r="F310" s="52" t="s">
        <v>110</v>
      </c>
      <c r="G310" s="52" t="s">
        <v>108</v>
      </c>
      <c r="H310" s="4">
        <v>5</v>
      </c>
      <c r="I310" s="2">
        <v>0</v>
      </c>
    </row>
    <row r="311" spans="1:9" hidden="1" x14ac:dyDescent="0.35">
      <c r="A311" s="52" t="s">
        <v>78</v>
      </c>
      <c r="B311" s="52" t="s">
        <v>79</v>
      </c>
      <c r="C311" s="3">
        <v>211</v>
      </c>
      <c r="D311" s="52" t="s">
        <v>87</v>
      </c>
      <c r="E311" s="52" t="s">
        <v>111</v>
      </c>
      <c r="F311" s="52" t="s">
        <v>101</v>
      </c>
      <c r="G311" s="52" t="s">
        <v>82</v>
      </c>
      <c r="H311" s="4">
        <v>22</v>
      </c>
      <c r="I311" s="2">
        <v>0</v>
      </c>
    </row>
    <row r="312" spans="1:9" hidden="1" x14ac:dyDescent="0.35">
      <c r="A312" s="52" t="s">
        <v>78</v>
      </c>
      <c r="B312" s="52" t="s">
        <v>79</v>
      </c>
      <c r="C312" s="3">
        <v>211</v>
      </c>
      <c r="D312" s="52" t="s">
        <v>87</v>
      </c>
      <c r="E312" s="52" t="s">
        <v>120</v>
      </c>
      <c r="F312" s="52" t="s">
        <v>116</v>
      </c>
      <c r="G312" s="52" t="s">
        <v>115</v>
      </c>
      <c r="H312" s="4">
        <v>148</v>
      </c>
      <c r="I312" s="2">
        <v>0</v>
      </c>
    </row>
    <row r="313" spans="1:9" hidden="1" x14ac:dyDescent="0.35">
      <c r="A313" s="52" t="s">
        <v>78</v>
      </c>
      <c r="B313" s="52" t="s">
        <v>79</v>
      </c>
      <c r="C313" s="3">
        <v>211</v>
      </c>
      <c r="D313" s="52" t="s">
        <v>87</v>
      </c>
      <c r="E313" s="52" t="s">
        <v>134</v>
      </c>
      <c r="F313" s="52" t="s">
        <v>123</v>
      </c>
      <c r="G313" s="52" t="s">
        <v>82</v>
      </c>
      <c r="H313" s="4">
        <v>29</v>
      </c>
      <c r="I313" s="2">
        <v>0</v>
      </c>
    </row>
    <row r="314" spans="1:9" x14ac:dyDescent="0.35">
      <c r="A314" s="52" t="s">
        <v>78</v>
      </c>
      <c r="B314" s="52" t="s">
        <v>79</v>
      </c>
      <c r="C314" s="3">
        <v>211</v>
      </c>
      <c r="D314" s="52" t="s">
        <v>87</v>
      </c>
      <c r="E314" s="52" t="s">
        <v>111</v>
      </c>
      <c r="F314" s="52" t="s">
        <v>94</v>
      </c>
      <c r="G314" s="52" t="s">
        <v>82</v>
      </c>
      <c r="H314" s="4">
        <v>1</v>
      </c>
      <c r="I314" s="2">
        <v>0</v>
      </c>
    </row>
    <row r="315" spans="1:9" hidden="1" x14ac:dyDescent="0.35">
      <c r="A315" s="52" t="s">
        <v>78</v>
      </c>
      <c r="B315" s="52" t="s">
        <v>79</v>
      </c>
      <c r="C315" s="3">
        <v>211</v>
      </c>
      <c r="D315" s="52" t="s">
        <v>87</v>
      </c>
      <c r="E315" s="52" t="s">
        <v>139</v>
      </c>
      <c r="F315" s="52" t="s">
        <v>140</v>
      </c>
      <c r="G315" s="52" t="s">
        <v>82</v>
      </c>
      <c r="H315" s="4">
        <v>24</v>
      </c>
      <c r="I315" s="2">
        <v>0</v>
      </c>
    </row>
    <row r="316" spans="1:9" hidden="1" x14ac:dyDescent="0.35">
      <c r="A316" s="52" t="s">
        <v>78</v>
      </c>
      <c r="B316" s="52" t="s">
        <v>79</v>
      </c>
      <c r="C316" s="3">
        <v>211</v>
      </c>
      <c r="D316" s="52" t="s">
        <v>87</v>
      </c>
      <c r="E316" s="52" t="s">
        <v>111</v>
      </c>
      <c r="F316" s="52" t="s">
        <v>107</v>
      </c>
      <c r="G316" s="52" t="s">
        <v>108</v>
      </c>
      <c r="H316" s="4">
        <v>6</v>
      </c>
      <c r="I316" s="2">
        <v>0</v>
      </c>
    </row>
    <row r="317" spans="1:9" hidden="1" x14ac:dyDescent="0.35">
      <c r="A317" s="52" t="s">
        <v>78</v>
      </c>
      <c r="B317" s="52" t="s">
        <v>79</v>
      </c>
      <c r="C317" s="3">
        <v>211</v>
      </c>
      <c r="D317" s="52" t="s">
        <v>87</v>
      </c>
      <c r="E317" s="52" t="s">
        <v>111</v>
      </c>
      <c r="F317" s="52" t="s">
        <v>95</v>
      </c>
      <c r="G317" s="52" t="s">
        <v>82</v>
      </c>
      <c r="H317" s="4">
        <v>2</v>
      </c>
      <c r="I317" s="2">
        <v>0</v>
      </c>
    </row>
    <row r="318" spans="1:9" hidden="1" x14ac:dyDescent="0.35">
      <c r="A318" s="52" t="s">
        <v>78</v>
      </c>
      <c r="B318" s="52" t="s">
        <v>79</v>
      </c>
      <c r="C318" s="3">
        <v>211</v>
      </c>
      <c r="D318" s="52" t="s">
        <v>87</v>
      </c>
      <c r="E318" s="52" t="s">
        <v>104</v>
      </c>
      <c r="F318" s="52" t="s">
        <v>101</v>
      </c>
      <c r="G318" s="52" t="s">
        <v>82</v>
      </c>
      <c r="H318" s="4">
        <v>34</v>
      </c>
      <c r="I318" s="2">
        <v>0</v>
      </c>
    </row>
    <row r="319" spans="1:9" x14ac:dyDescent="0.35">
      <c r="A319" s="52" t="s">
        <v>78</v>
      </c>
      <c r="B319" s="52" t="s">
        <v>79</v>
      </c>
      <c r="C319" s="3">
        <v>211</v>
      </c>
      <c r="D319" s="52" t="s">
        <v>87</v>
      </c>
      <c r="E319" s="52" t="s">
        <v>102</v>
      </c>
      <c r="F319" s="52" t="s">
        <v>101</v>
      </c>
      <c r="G319" s="52" t="s">
        <v>108</v>
      </c>
      <c r="H319" s="4">
        <v>1</v>
      </c>
      <c r="I319" s="2">
        <v>0</v>
      </c>
    </row>
    <row r="320" spans="1:9" hidden="1" x14ac:dyDescent="0.35">
      <c r="A320" s="52" t="s">
        <v>78</v>
      </c>
      <c r="B320" s="52" t="s">
        <v>79</v>
      </c>
      <c r="C320" s="3">
        <v>211</v>
      </c>
      <c r="D320" s="52" t="s">
        <v>87</v>
      </c>
      <c r="E320" s="52" t="s">
        <v>122</v>
      </c>
      <c r="F320" s="52" t="s">
        <v>123</v>
      </c>
      <c r="G320" s="52" t="s">
        <v>108</v>
      </c>
      <c r="H320" s="4">
        <v>7</v>
      </c>
      <c r="I320" s="2">
        <v>0</v>
      </c>
    </row>
    <row r="321" spans="1:9" hidden="1" x14ac:dyDescent="0.35">
      <c r="A321" s="52" t="s">
        <v>78</v>
      </c>
      <c r="B321" s="52" t="s">
        <v>79</v>
      </c>
      <c r="C321" s="3">
        <v>211</v>
      </c>
      <c r="D321" s="52" t="s">
        <v>87</v>
      </c>
      <c r="E321" s="52" t="s">
        <v>121</v>
      </c>
      <c r="F321" s="52" t="s">
        <v>112</v>
      </c>
      <c r="G321" s="52" t="s">
        <v>108</v>
      </c>
      <c r="H321" s="4">
        <v>8</v>
      </c>
      <c r="I321" s="2">
        <v>0</v>
      </c>
    </row>
    <row r="322" spans="1:9" hidden="1" x14ac:dyDescent="0.35">
      <c r="A322" s="52" t="s">
        <v>78</v>
      </c>
      <c r="B322" s="52" t="s">
        <v>79</v>
      </c>
      <c r="C322" s="3">
        <v>211</v>
      </c>
      <c r="D322" s="52" t="s">
        <v>87</v>
      </c>
      <c r="E322" s="52" t="s">
        <v>111</v>
      </c>
      <c r="F322" s="52" t="s">
        <v>103</v>
      </c>
      <c r="G322" s="52" t="s">
        <v>82</v>
      </c>
      <c r="H322" s="4">
        <v>2</v>
      </c>
      <c r="I322" s="2">
        <v>0</v>
      </c>
    </row>
    <row r="323" spans="1:9" hidden="1" x14ac:dyDescent="0.35">
      <c r="A323" s="52" t="s">
        <v>78</v>
      </c>
      <c r="B323" s="52" t="s">
        <v>79</v>
      </c>
      <c r="C323" s="3">
        <v>211</v>
      </c>
      <c r="D323" s="52" t="s">
        <v>87</v>
      </c>
      <c r="E323" s="52" t="s">
        <v>102</v>
      </c>
      <c r="F323" s="52" t="s">
        <v>107</v>
      </c>
      <c r="G323" s="52" t="s">
        <v>108</v>
      </c>
      <c r="H323" s="4">
        <v>30</v>
      </c>
      <c r="I323" s="2">
        <v>0</v>
      </c>
    </row>
    <row r="324" spans="1:9" hidden="1" x14ac:dyDescent="0.35">
      <c r="A324" s="52" t="s">
        <v>78</v>
      </c>
      <c r="B324" s="52" t="s">
        <v>79</v>
      </c>
      <c r="C324" s="3">
        <v>211</v>
      </c>
      <c r="D324" s="52" t="s">
        <v>87</v>
      </c>
      <c r="E324" s="52" t="s">
        <v>102</v>
      </c>
      <c r="F324" s="52" t="s">
        <v>103</v>
      </c>
      <c r="G324" s="52" t="s">
        <v>82</v>
      </c>
      <c r="H324" s="4">
        <v>170</v>
      </c>
      <c r="I324" s="2">
        <v>0</v>
      </c>
    </row>
    <row r="325" spans="1:9" hidden="1" x14ac:dyDescent="0.35">
      <c r="A325" s="52" t="s">
        <v>78</v>
      </c>
      <c r="B325" s="52" t="s">
        <v>79</v>
      </c>
      <c r="C325" s="3">
        <v>211</v>
      </c>
      <c r="D325" s="52" t="s">
        <v>87</v>
      </c>
      <c r="E325" s="52" t="s">
        <v>102</v>
      </c>
      <c r="F325" s="52" t="s">
        <v>116</v>
      </c>
      <c r="G325" s="52" t="s">
        <v>115</v>
      </c>
      <c r="H325" s="4">
        <v>147</v>
      </c>
      <c r="I325" s="2">
        <v>0</v>
      </c>
    </row>
    <row r="326" spans="1:9" hidden="1" x14ac:dyDescent="0.35">
      <c r="A326" s="52" t="s">
        <v>78</v>
      </c>
      <c r="B326" s="52" t="s">
        <v>79</v>
      </c>
      <c r="C326" s="3">
        <v>211</v>
      </c>
      <c r="D326" s="52" t="s">
        <v>87</v>
      </c>
      <c r="E326" s="52" t="s">
        <v>117</v>
      </c>
      <c r="F326" s="52" t="s">
        <v>116</v>
      </c>
      <c r="G326" s="52" t="s">
        <v>82</v>
      </c>
      <c r="H326" s="4">
        <v>227</v>
      </c>
      <c r="I326" s="2">
        <v>0</v>
      </c>
    </row>
    <row r="327" spans="1:9" hidden="1" x14ac:dyDescent="0.35">
      <c r="A327" s="52" t="s">
        <v>78</v>
      </c>
      <c r="B327" s="52" t="s">
        <v>79</v>
      </c>
      <c r="C327" s="3">
        <v>211</v>
      </c>
      <c r="D327" s="52" t="s">
        <v>87</v>
      </c>
      <c r="E327" s="52" t="s">
        <v>102</v>
      </c>
      <c r="F327" s="52" t="s">
        <v>130</v>
      </c>
      <c r="G327" s="52" t="s">
        <v>108</v>
      </c>
      <c r="H327" s="4">
        <v>3</v>
      </c>
      <c r="I327" s="2">
        <v>0</v>
      </c>
    </row>
    <row r="328" spans="1:9" hidden="1" x14ac:dyDescent="0.35">
      <c r="A328" s="52" t="s">
        <v>78</v>
      </c>
      <c r="B328" s="52" t="s">
        <v>79</v>
      </c>
      <c r="C328" s="3">
        <v>211</v>
      </c>
      <c r="D328" s="52" t="s">
        <v>87</v>
      </c>
      <c r="E328" s="52" t="s">
        <v>111</v>
      </c>
      <c r="F328" s="52" t="s">
        <v>93</v>
      </c>
      <c r="G328" s="52" t="s">
        <v>82</v>
      </c>
      <c r="H328" s="4">
        <v>22</v>
      </c>
      <c r="I328" s="2">
        <v>0</v>
      </c>
    </row>
    <row r="329" spans="1:9" hidden="1" x14ac:dyDescent="0.35">
      <c r="A329" s="52" t="s">
        <v>78</v>
      </c>
      <c r="B329" s="52" t="s">
        <v>79</v>
      </c>
      <c r="C329" s="3">
        <v>211</v>
      </c>
      <c r="D329" s="52" t="s">
        <v>87</v>
      </c>
      <c r="E329" s="52" t="s">
        <v>111</v>
      </c>
      <c r="F329" s="52" t="s">
        <v>105</v>
      </c>
      <c r="G329" s="52" t="s">
        <v>82</v>
      </c>
      <c r="H329" s="4">
        <v>19</v>
      </c>
      <c r="I329" s="2">
        <v>0</v>
      </c>
    </row>
    <row r="330" spans="1:9" hidden="1" x14ac:dyDescent="0.35">
      <c r="A330" s="52" t="s">
        <v>78</v>
      </c>
      <c r="B330" s="52" t="s">
        <v>79</v>
      </c>
      <c r="C330" s="3">
        <v>211</v>
      </c>
      <c r="D330" s="52" t="s">
        <v>87</v>
      </c>
      <c r="E330" s="52" t="s">
        <v>113</v>
      </c>
      <c r="F330" s="52" t="s">
        <v>114</v>
      </c>
      <c r="G330" s="52" t="s">
        <v>115</v>
      </c>
      <c r="H330" s="4">
        <v>237</v>
      </c>
      <c r="I330" s="2">
        <v>0</v>
      </c>
    </row>
    <row r="331" spans="1:9" hidden="1" x14ac:dyDescent="0.35">
      <c r="A331" s="52" t="s">
        <v>78</v>
      </c>
      <c r="B331" s="52" t="s">
        <v>79</v>
      </c>
      <c r="C331" s="3">
        <v>211</v>
      </c>
      <c r="D331" s="52" t="s">
        <v>87</v>
      </c>
      <c r="E331" s="52" t="s">
        <v>106</v>
      </c>
      <c r="F331" s="52" t="s">
        <v>107</v>
      </c>
      <c r="G331" s="52" t="s">
        <v>108</v>
      </c>
      <c r="H331" s="4">
        <v>3</v>
      </c>
      <c r="I331" s="2">
        <v>0</v>
      </c>
    </row>
    <row r="332" spans="1:9" x14ac:dyDescent="0.35">
      <c r="A332" s="52" t="s">
        <v>78</v>
      </c>
      <c r="B332" s="52" t="s">
        <v>79</v>
      </c>
      <c r="C332" s="3">
        <v>211</v>
      </c>
      <c r="D332" s="52" t="s">
        <v>87</v>
      </c>
      <c r="E332" s="52" t="s">
        <v>102</v>
      </c>
      <c r="F332" s="52" t="s">
        <v>136</v>
      </c>
      <c r="G332" s="52" t="s">
        <v>108</v>
      </c>
      <c r="H332" s="4">
        <v>1</v>
      </c>
      <c r="I332" s="2">
        <v>0</v>
      </c>
    </row>
    <row r="333" spans="1:9" hidden="1" x14ac:dyDescent="0.35">
      <c r="A333" s="52" t="s">
        <v>78</v>
      </c>
      <c r="B333" s="52" t="s">
        <v>79</v>
      </c>
      <c r="C333" s="3">
        <v>212</v>
      </c>
      <c r="D333" s="52" t="s">
        <v>87</v>
      </c>
      <c r="E333" s="52" t="s">
        <v>92</v>
      </c>
      <c r="F333" s="52" t="s">
        <v>93</v>
      </c>
      <c r="G333" s="52" t="s">
        <v>82</v>
      </c>
      <c r="H333" s="4">
        <v>835</v>
      </c>
      <c r="I333" s="2">
        <v>19453.89</v>
      </c>
    </row>
    <row r="334" spans="1:9" hidden="1" x14ac:dyDescent="0.35">
      <c r="A334" s="52" t="s">
        <v>78</v>
      </c>
      <c r="B334" s="52" t="s">
        <v>79</v>
      </c>
      <c r="C334" s="3">
        <v>212</v>
      </c>
      <c r="D334" s="52" t="s">
        <v>87</v>
      </c>
      <c r="E334" s="52" t="s">
        <v>36</v>
      </c>
      <c r="F334" s="52" t="s">
        <v>95</v>
      </c>
      <c r="G334" s="52" t="s">
        <v>82</v>
      </c>
      <c r="H334" s="4">
        <v>30</v>
      </c>
      <c r="I334" s="2">
        <v>141</v>
      </c>
    </row>
    <row r="335" spans="1:9" hidden="1" x14ac:dyDescent="0.35">
      <c r="A335" s="52" t="s">
        <v>78</v>
      </c>
      <c r="B335" s="52" t="s">
        <v>79</v>
      </c>
      <c r="C335" s="3">
        <v>212</v>
      </c>
      <c r="D335" s="52" t="s">
        <v>87</v>
      </c>
      <c r="E335" s="52" t="s">
        <v>26</v>
      </c>
      <c r="F335" s="52" t="s">
        <v>81</v>
      </c>
      <c r="G335" s="52" t="s">
        <v>82</v>
      </c>
      <c r="H335" s="4">
        <v>5</v>
      </c>
      <c r="I335" s="2">
        <v>73.25</v>
      </c>
    </row>
    <row r="336" spans="1:9" hidden="1" x14ac:dyDescent="0.35">
      <c r="A336" s="52" t="s">
        <v>78</v>
      </c>
      <c r="B336" s="52" t="s">
        <v>79</v>
      </c>
      <c r="C336" s="3">
        <v>212</v>
      </c>
      <c r="D336" s="52" t="s">
        <v>87</v>
      </c>
      <c r="E336" s="52" t="s">
        <v>38</v>
      </c>
      <c r="F336" s="52" t="s">
        <v>97</v>
      </c>
      <c r="G336" s="52" t="s">
        <v>82</v>
      </c>
      <c r="H336" s="4">
        <v>3</v>
      </c>
      <c r="I336" s="2">
        <v>14.1</v>
      </c>
    </row>
    <row r="337" spans="1:9" x14ac:dyDescent="0.35">
      <c r="A337" s="52" t="s">
        <v>78</v>
      </c>
      <c r="B337" s="52" t="s">
        <v>79</v>
      </c>
      <c r="C337" s="3">
        <v>212</v>
      </c>
      <c r="D337" s="52" t="s">
        <v>87</v>
      </c>
      <c r="E337" s="52" t="s">
        <v>90</v>
      </c>
      <c r="F337" s="52" t="s">
        <v>91</v>
      </c>
      <c r="G337" s="52" t="s">
        <v>82</v>
      </c>
      <c r="H337" s="4">
        <v>1</v>
      </c>
      <c r="I337" s="2">
        <v>6.99</v>
      </c>
    </row>
    <row r="338" spans="1:9" hidden="1" x14ac:dyDescent="0.35">
      <c r="A338" s="52" t="s">
        <v>78</v>
      </c>
      <c r="B338" s="52" t="s">
        <v>79</v>
      </c>
      <c r="C338" s="3">
        <v>212</v>
      </c>
      <c r="D338" s="52" t="s">
        <v>87</v>
      </c>
      <c r="E338" s="52" t="s">
        <v>121</v>
      </c>
      <c r="F338" s="52" t="s">
        <v>112</v>
      </c>
      <c r="G338" s="52" t="s">
        <v>108</v>
      </c>
      <c r="H338" s="4">
        <v>6</v>
      </c>
      <c r="I338" s="2">
        <v>0</v>
      </c>
    </row>
    <row r="339" spans="1:9" hidden="1" x14ac:dyDescent="0.35">
      <c r="A339" s="52" t="s">
        <v>78</v>
      </c>
      <c r="B339" s="52" t="s">
        <v>79</v>
      </c>
      <c r="C339" s="3">
        <v>212</v>
      </c>
      <c r="D339" s="52" t="s">
        <v>87</v>
      </c>
      <c r="E339" s="52" t="s">
        <v>102</v>
      </c>
      <c r="F339" s="52" t="s">
        <v>107</v>
      </c>
      <c r="G339" s="52" t="s">
        <v>108</v>
      </c>
      <c r="H339" s="4">
        <v>9</v>
      </c>
      <c r="I339" s="2">
        <v>0</v>
      </c>
    </row>
    <row r="340" spans="1:9" x14ac:dyDescent="0.35">
      <c r="A340" s="52" t="s">
        <v>78</v>
      </c>
      <c r="B340" s="52" t="s">
        <v>79</v>
      </c>
      <c r="C340" s="3">
        <v>212</v>
      </c>
      <c r="D340" s="52" t="s">
        <v>87</v>
      </c>
      <c r="E340" s="52" t="s">
        <v>109</v>
      </c>
      <c r="F340" s="52" t="s">
        <v>110</v>
      </c>
      <c r="G340" s="52" t="s">
        <v>108</v>
      </c>
      <c r="H340" s="4">
        <v>1</v>
      </c>
      <c r="I340" s="2">
        <v>0</v>
      </c>
    </row>
    <row r="341" spans="1:9" hidden="1" x14ac:dyDescent="0.35">
      <c r="A341" s="52" t="s">
        <v>78</v>
      </c>
      <c r="B341" s="52" t="s">
        <v>79</v>
      </c>
      <c r="C341" s="3">
        <v>212</v>
      </c>
      <c r="D341" s="52" t="s">
        <v>87</v>
      </c>
      <c r="E341" s="52" t="s">
        <v>113</v>
      </c>
      <c r="F341" s="52" t="s">
        <v>114</v>
      </c>
      <c r="G341" s="52" t="s">
        <v>115</v>
      </c>
      <c r="H341" s="4">
        <v>53</v>
      </c>
      <c r="I341" s="2">
        <v>0</v>
      </c>
    </row>
    <row r="342" spans="1:9" hidden="1" x14ac:dyDescent="0.35">
      <c r="A342" s="52" t="s">
        <v>78</v>
      </c>
      <c r="B342" s="52" t="s">
        <v>79</v>
      </c>
      <c r="C342" s="3">
        <v>212</v>
      </c>
      <c r="D342" s="52" t="s">
        <v>87</v>
      </c>
      <c r="E342" s="52" t="s">
        <v>139</v>
      </c>
      <c r="F342" s="52" t="s">
        <v>140</v>
      </c>
      <c r="G342" s="52" t="s">
        <v>82</v>
      </c>
      <c r="H342" s="4">
        <v>3</v>
      </c>
      <c r="I342" s="2">
        <v>0</v>
      </c>
    </row>
    <row r="343" spans="1:9" hidden="1" x14ac:dyDescent="0.35">
      <c r="A343" s="52" t="s">
        <v>78</v>
      </c>
      <c r="B343" s="52" t="s">
        <v>79</v>
      </c>
      <c r="C343" s="3">
        <v>212</v>
      </c>
      <c r="D343" s="52" t="s">
        <v>87</v>
      </c>
      <c r="E343" s="52" t="s">
        <v>102</v>
      </c>
      <c r="F343" s="52" t="s">
        <v>116</v>
      </c>
      <c r="G343" s="52" t="s">
        <v>115</v>
      </c>
      <c r="H343" s="4">
        <v>37</v>
      </c>
      <c r="I343" s="2">
        <v>0</v>
      </c>
    </row>
    <row r="344" spans="1:9" hidden="1" x14ac:dyDescent="0.35">
      <c r="A344" s="52" t="s">
        <v>78</v>
      </c>
      <c r="B344" s="52" t="s">
        <v>79</v>
      </c>
      <c r="C344" s="3">
        <v>212</v>
      </c>
      <c r="D344" s="52" t="s">
        <v>87</v>
      </c>
      <c r="E344" s="52" t="s">
        <v>118</v>
      </c>
      <c r="F344" s="52" t="s">
        <v>119</v>
      </c>
      <c r="G344" s="52" t="s">
        <v>115</v>
      </c>
      <c r="H344" s="4">
        <v>37</v>
      </c>
      <c r="I344" s="2">
        <v>0</v>
      </c>
    </row>
    <row r="345" spans="1:9" x14ac:dyDescent="0.35">
      <c r="A345" s="52" t="s">
        <v>78</v>
      </c>
      <c r="B345" s="52" t="s">
        <v>79</v>
      </c>
      <c r="C345" s="3">
        <v>212</v>
      </c>
      <c r="D345" s="52" t="s">
        <v>87</v>
      </c>
      <c r="E345" s="52" t="s">
        <v>106</v>
      </c>
      <c r="F345" s="52" t="s">
        <v>107</v>
      </c>
      <c r="G345" s="52" t="s">
        <v>108</v>
      </c>
      <c r="H345" s="4">
        <v>1</v>
      </c>
      <c r="I345" s="2">
        <v>0</v>
      </c>
    </row>
    <row r="346" spans="1:9" hidden="1" x14ac:dyDescent="0.35">
      <c r="A346" s="52" t="s">
        <v>78</v>
      </c>
      <c r="B346" s="52" t="s">
        <v>79</v>
      </c>
      <c r="C346" s="3">
        <v>212</v>
      </c>
      <c r="D346" s="52" t="s">
        <v>87</v>
      </c>
      <c r="E346" s="52" t="s">
        <v>111</v>
      </c>
      <c r="F346" s="52" t="s">
        <v>103</v>
      </c>
      <c r="G346" s="52" t="s">
        <v>82</v>
      </c>
      <c r="H346" s="4">
        <v>2</v>
      </c>
      <c r="I346" s="2">
        <v>0</v>
      </c>
    </row>
    <row r="347" spans="1:9" hidden="1" x14ac:dyDescent="0.35">
      <c r="A347" s="52" t="s">
        <v>78</v>
      </c>
      <c r="B347" s="52" t="s">
        <v>79</v>
      </c>
      <c r="C347" s="3">
        <v>212</v>
      </c>
      <c r="D347" s="52" t="s">
        <v>87</v>
      </c>
      <c r="E347" s="52" t="s">
        <v>122</v>
      </c>
      <c r="F347" s="52" t="s">
        <v>123</v>
      </c>
      <c r="G347" s="52" t="s">
        <v>108</v>
      </c>
      <c r="H347" s="4">
        <v>2</v>
      </c>
      <c r="I347" s="2">
        <v>0</v>
      </c>
    </row>
    <row r="348" spans="1:9" hidden="1" x14ac:dyDescent="0.35">
      <c r="A348" s="52" t="s">
        <v>78</v>
      </c>
      <c r="B348" s="52" t="s">
        <v>79</v>
      </c>
      <c r="C348" s="3">
        <v>212</v>
      </c>
      <c r="D348" s="52" t="s">
        <v>87</v>
      </c>
      <c r="E348" s="52" t="s">
        <v>134</v>
      </c>
      <c r="F348" s="52" t="s">
        <v>123</v>
      </c>
      <c r="G348" s="52" t="s">
        <v>82</v>
      </c>
      <c r="H348" s="4">
        <v>2</v>
      </c>
      <c r="I348" s="2">
        <v>0</v>
      </c>
    </row>
    <row r="349" spans="1:9" hidden="1" x14ac:dyDescent="0.35">
      <c r="A349" s="52" t="s">
        <v>78</v>
      </c>
      <c r="B349" s="52" t="s">
        <v>79</v>
      </c>
      <c r="C349" s="3">
        <v>212</v>
      </c>
      <c r="D349" s="52" t="s">
        <v>87</v>
      </c>
      <c r="E349" s="52" t="s">
        <v>102</v>
      </c>
      <c r="F349" s="52" t="s">
        <v>103</v>
      </c>
      <c r="G349" s="52" t="s">
        <v>82</v>
      </c>
      <c r="H349" s="4">
        <v>34</v>
      </c>
      <c r="I349" s="2">
        <v>0</v>
      </c>
    </row>
    <row r="350" spans="1:9" hidden="1" x14ac:dyDescent="0.35">
      <c r="A350" s="52" t="s">
        <v>78</v>
      </c>
      <c r="B350" s="52" t="s">
        <v>79</v>
      </c>
      <c r="C350" s="3">
        <v>212</v>
      </c>
      <c r="D350" s="52" t="s">
        <v>87</v>
      </c>
      <c r="E350" s="52" t="s">
        <v>111</v>
      </c>
      <c r="F350" s="52" t="s">
        <v>93</v>
      </c>
      <c r="G350" s="52" t="s">
        <v>82</v>
      </c>
      <c r="H350" s="4">
        <v>3</v>
      </c>
      <c r="I350" s="2">
        <v>0</v>
      </c>
    </row>
    <row r="351" spans="1:9" x14ac:dyDescent="0.35">
      <c r="A351" s="52" t="s">
        <v>78</v>
      </c>
      <c r="B351" s="52" t="s">
        <v>79</v>
      </c>
      <c r="C351" s="3">
        <v>212</v>
      </c>
      <c r="D351" s="52" t="s">
        <v>87</v>
      </c>
      <c r="E351" s="52" t="s">
        <v>111</v>
      </c>
      <c r="F351" s="52" t="s">
        <v>105</v>
      </c>
      <c r="G351" s="52" t="s">
        <v>82</v>
      </c>
      <c r="H351" s="4">
        <v>1</v>
      </c>
      <c r="I351" s="2">
        <v>0</v>
      </c>
    </row>
    <row r="352" spans="1:9" hidden="1" x14ac:dyDescent="0.35">
      <c r="A352" s="52" t="s">
        <v>78</v>
      </c>
      <c r="B352" s="52" t="s">
        <v>79</v>
      </c>
      <c r="C352" s="3">
        <v>212</v>
      </c>
      <c r="D352" s="52" t="s">
        <v>87</v>
      </c>
      <c r="E352" s="52" t="s">
        <v>117</v>
      </c>
      <c r="F352" s="52" t="s">
        <v>116</v>
      </c>
      <c r="G352" s="52" t="s">
        <v>82</v>
      </c>
      <c r="H352" s="4">
        <v>61</v>
      </c>
      <c r="I352" s="2">
        <v>0</v>
      </c>
    </row>
    <row r="353" spans="1:9" hidden="1" x14ac:dyDescent="0.35">
      <c r="A353" s="52" t="s">
        <v>78</v>
      </c>
      <c r="B353" s="52" t="s">
        <v>79</v>
      </c>
      <c r="C353" s="3">
        <v>212</v>
      </c>
      <c r="D353" s="52" t="s">
        <v>87</v>
      </c>
      <c r="E353" s="52" t="s">
        <v>135</v>
      </c>
      <c r="F353" s="52" t="s">
        <v>112</v>
      </c>
      <c r="G353" s="52" t="s">
        <v>82</v>
      </c>
      <c r="H353" s="4">
        <v>82</v>
      </c>
      <c r="I353" s="2">
        <v>0</v>
      </c>
    </row>
    <row r="354" spans="1:9" hidden="1" x14ac:dyDescent="0.35">
      <c r="A354" s="52" t="s">
        <v>78</v>
      </c>
      <c r="B354" s="52" t="s">
        <v>79</v>
      </c>
      <c r="C354" s="3">
        <v>212</v>
      </c>
      <c r="D354" s="52" t="s">
        <v>87</v>
      </c>
      <c r="E354" s="52" t="s">
        <v>111</v>
      </c>
      <c r="F354" s="52" t="s">
        <v>101</v>
      </c>
      <c r="G354" s="52" t="s">
        <v>82</v>
      </c>
      <c r="H354" s="4">
        <v>4</v>
      </c>
      <c r="I354" s="2">
        <v>0</v>
      </c>
    </row>
    <row r="355" spans="1:9" hidden="1" x14ac:dyDescent="0.35">
      <c r="A355" s="52" t="s">
        <v>78</v>
      </c>
      <c r="B355" s="52" t="s">
        <v>79</v>
      </c>
      <c r="C355" s="3">
        <v>212</v>
      </c>
      <c r="D355" s="52" t="s">
        <v>87</v>
      </c>
      <c r="E355" s="52" t="s">
        <v>120</v>
      </c>
      <c r="F355" s="52" t="s">
        <v>116</v>
      </c>
      <c r="G355" s="52" t="s">
        <v>115</v>
      </c>
      <c r="H355" s="4">
        <v>37</v>
      </c>
      <c r="I355" s="2">
        <v>0</v>
      </c>
    </row>
    <row r="356" spans="1:9" x14ac:dyDescent="0.35">
      <c r="A356" s="52" t="s">
        <v>78</v>
      </c>
      <c r="B356" s="52" t="s">
        <v>79</v>
      </c>
      <c r="C356" s="3">
        <v>213</v>
      </c>
      <c r="D356" s="52" t="s">
        <v>87</v>
      </c>
      <c r="E356" s="52" t="s">
        <v>92</v>
      </c>
      <c r="F356" s="52" t="s">
        <v>93</v>
      </c>
      <c r="G356" s="52" t="s">
        <v>82</v>
      </c>
      <c r="H356" s="4">
        <v>1</v>
      </c>
      <c r="I356" s="2">
        <v>1.53</v>
      </c>
    </row>
    <row r="357" spans="1:9" x14ac:dyDescent="0.35">
      <c r="A357" s="52" t="s">
        <v>78</v>
      </c>
      <c r="B357" s="52" t="s">
        <v>79</v>
      </c>
      <c r="C357" s="3">
        <v>213</v>
      </c>
      <c r="D357" s="52" t="s">
        <v>87</v>
      </c>
      <c r="E357" s="52" t="s">
        <v>102</v>
      </c>
      <c r="F357" s="52" t="s">
        <v>103</v>
      </c>
      <c r="G357" s="52" t="s">
        <v>82</v>
      </c>
      <c r="H357" s="4">
        <v>1</v>
      </c>
      <c r="I357" s="2">
        <v>0</v>
      </c>
    </row>
    <row r="358" spans="1:9" hidden="1" x14ac:dyDescent="0.35">
      <c r="A358" s="52" t="s">
        <v>78</v>
      </c>
      <c r="B358" s="52" t="s">
        <v>79</v>
      </c>
      <c r="C358" s="3">
        <v>216</v>
      </c>
      <c r="D358" s="52" t="s">
        <v>87</v>
      </c>
      <c r="E358" s="52" t="s">
        <v>92</v>
      </c>
      <c r="F358" s="52" t="s">
        <v>93</v>
      </c>
      <c r="G358" s="52" t="s">
        <v>82</v>
      </c>
      <c r="H358" s="4">
        <v>336</v>
      </c>
      <c r="I358" s="2">
        <v>7117.44</v>
      </c>
    </row>
    <row r="359" spans="1:9" hidden="1" x14ac:dyDescent="0.35">
      <c r="A359" s="52" t="s">
        <v>78</v>
      </c>
      <c r="B359" s="52" t="s">
        <v>79</v>
      </c>
      <c r="C359" s="3">
        <v>216</v>
      </c>
      <c r="D359" s="52" t="s">
        <v>87</v>
      </c>
      <c r="E359" s="52" t="s">
        <v>113</v>
      </c>
      <c r="F359" s="52" t="s">
        <v>114</v>
      </c>
      <c r="G359" s="52" t="s">
        <v>115</v>
      </c>
      <c r="H359" s="4">
        <v>2</v>
      </c>
      <c r="I359" s="2">
        <v>0</v>
      </c>
    </row>
    <row r="360" spans="1:9" hidden="1" x14ac:dyDescent="0.35">
      <c r="A360" s="52" t="s">
        <v>78</v>
      </c>
      <c r="B360" s="52" t="s">
        <v>79</v>
      </c>
      <c r="C360" s="3">
        <v>216</v>
      </c>
      <c r="D360" s="52" t="s">
        <v>87</v>
      </c>
      <c r="E360" s="52" t="s">
        <v>102</v>
      </c>
      <c r="F360" s="52" t="s">
        <v>103</v>
      </c>
      <c r="G360" s="52" t="s">
        <v>82</v>
      </c>
      <c r="H360" s="4">
        <v>16</v>
      </c>
      <c r="I360" s="2">
        <v>0</v>
      </c>
    </row>
    <row r="361" spans="1:9" hidden="1" x14ac:dyDescent="0.35">
      <c r="A361" s="52" t="s">
        <v>78</v>
      </c>
      <c r="B361" s="52" t="s">
        <v>79</v>
      </c>
      <c r="C361" s="3">
        <v>216</v>
      </c>
      <c r="D361" s="52" t="s">
        <v>87</v>
      </c>
      <c r="E361" s="52" t="s">
        <v>135</v>
      </c>
      <c r="F361" s="52" t="s">
        <v>112</v>
      </c>
      <c r="G361" s="52" t="s">
        <v>82</v>
      </c>
      <c r="H361" s="4">
        <v>2</v>
      </c>
      <c r="I361" s="2">
        <v>0</v>
      </c>
    </row>
    <row r="362" spans="1:9" hidden="1" x14ac:dyDescent="0.35">
      <c r="A362" s="52" t="s">
        <v>78</v>
      </c>
      <c r="B362" s="52" t="s">
        <v>79</v>
      </c>
      <c r="C362" s="3">
        <v>216</v>
      </c>
      <c r="D362" s="52" t="s">
        <v>87</v>
      </c>
      <c r="E362" s="52" t="s">
        <v>102</v>
      </c>
      <c r="F362" s="52" t="s">
        <v>107</v>
      </c>
      <c r="G362" s="52" t="s">
        <v>108</v>
      </c>
      <c r="H362" s="4">
        <v>2</v>
      </c>
      <c r="I362" s="2">
        <v>0</v>
      </c>
    </row>
    <row r="363" spans="1:9" x14ac:dyDescent="0.35">
      <c r="A363" s="52" t="s">
        <v>78</v>
      </c>
      <c r="B363" s="52" t="s">
        <v>79</v>
      </c>
      <c r="C363" s="3">
        <v>216</v>
      </c>
      <c r="D363" s="52" t="s">
        <v>87</v>
      </c>
      <c r="E363" s="52" t="s">
        <v>139</v>
      </c>
      <c r="F363" s="52" t="s">
        <v>140</v>
      </c>
      <c r="G363" s="52" t="s">
        <v>82</v>
      </c>
      <c r="H363" s="4">
        <v>1</v>
      </c>
      <c r="I363" s="2">
        <v>0</v>
      </c>
    </row>
    <row r="364" spans="1:9" hidden="1" x14ac:dyDescent="0.35">
      <c r="A364" s="52" t="s">
        <v>78</v>
      </c>
      <c r="B364" s="52" t="s">
        <v>79</v>
      </c>
      <c r="C364" s="3">
        <v>221</v>
      </c>
      <c r="D364" s="52" t="s">
        <v>87</v>
      </c>
      <c r="E364" s="52" t="s">
        <v>92</v>
      </c>
      <c r="F364" s="52" t="s">
        <v>93</v>
      </c>
      <c r="G364" s="52" t="s">
        <v>82</v>
      </c>
      <c r="H364" s="4">
        <v>55</v>
      </c>
      <c r="I364" s="2">
        <v>5241.78</v>
      </c>
    </row>
    <row r="365" spans="1:9" x14ac:dyDescent="0.35">
      <c r="A365" s="52" t="s">
        <v>78</v>
      </c>
      <c r="B365" s="52" t="s">
        <v>79</v>
      </c>
      <c r="C365" s="3">
        <v>221</v>
      </c>
      <c r="D365" s="52" t="s">
        <v>87</v>
      </c>
      <c r="E365" s="52" t="s">
        <v>26</v>
      </c>
      <c r="F365" s="52" t="s">
        <v>81</v>
      </c>
      <c r="G365" s="52" t="s">
        <v>82</v>
      </c>
      <c r="H365" s="4">
        <v>1</v>
      </c>
      <c r="I365" s="2">
        <v>14.65</v>
      </c>
    </row>
    <row r="366" spans="1:9" hidden="1" x14ac:dyDescent="0.35">
      <c r="A366" s="52" t="s">
        <v>78</v>
      </c>
      <c r="B366" s="52" t="s">
        <v>79</v>
      </c>
      <c r="C366" s="3">
        <v>221</v>
      </c>
      <c r="D366" s="52" t="s">
        <v>87</v>
      </c>
      <c r="E366" s="52" t="s">
        <v>102</v>
      </c>
      <c r="F366" s="52" t="s">
        <v>116</v>
      </c>
      <c r="G366" s="52" t="s">
        <v>115</v>
      </c>
      <c r="H366" s="4">
        <v>3</v>
      </c>
      <c r="I366" s="2">
        <v>0</v>
      </c>
    </row>
    <row r="367" spans="1:9" x14ac:dyDescent="0.35">
      <c r="A367" s="52" t="s">
        <v>78</v>
      </c>
      <c r="B367" s="52" t="s">
        <v>79</v>
      </c>
      <c r="C367" s="3">
        <v>221</v>
      </c>
      <c r="D367" s="52" t="s">
        <v>87</v>
      </c>
      <c r="E367" s="52" t="s">
        <v>135</v>
      </c>
      <c r="F367" s="52" t="s">
        <v>112</v>
      </c>
      <c r="G367" s="52" t="s">
        <v>82</v>
      </c>
      <c r="H367" s="4">
        <v>1</v>
      </c>
      <c r="I367" s="2">
        <v>0</v>
      </c>
    </row>
    <row r="368" spans="1:9" hidden="1" x14ac:dyDescent="0.35">
      <c r="A368" s="52" t="s">
        <v>78</v>
      </c>
      <c r="B368" s="52" t="s">
        <v>79</v>
      </c>
      <c r="C368" s="3">
        <v>221</v>
      </c>
      <c r="D368" s="52" t="s">
        <v>87</v>
      </c>
      <c r="E368" s="52" t="s">
        <v>113</v>
      </c>
      <c r="F368" s="52" t="s">
        <v>114</v>
      </c>
      <c r="G368" s="52" t="s">
        <v>115</v>
      </c>
      <c r="H368" s="4">
        <v>8</v>
      </c>
      <c r="I368" s="2">
        <v>0</v>
      </c>
    </row>
    <row r="369" spans="1:9" hidden="1" x14ac:dyDescent="0.35">
      <c r="A369" s="52" t="s">
        <v>78</v>
      </c>
      <c r="B369" s="52" t="s">
        <v>79</v>
      </c>
      <c r="C369" s="3">
        <v>221</v>
      </c>
      <c r="D369" s="52" t="s">
        <v>87</v>
      </c>
      <c r="E369" s="52" t="s">
        <v>102</v>
      </c>
      <c r="F369" s="52" t="s">
        <v>103</v>
      </c>
      <c r="G369" s="52" t="s">
        <v>82</v>
      </c>
      <c r="H369" s="4">
        <v>3</v>
      </c>
      <c r="I369" s="2">
        <v>0</v>
      </c>
    </row>
    <row r="370" spans="1:9" hidden="1" x14ac:dyDescent="0.35">
      <c r="A370" s="52" t="s">
        <v>78</v>
      </c>
      <c r="B370" s="52" t="s">
        <v>79</v>
      </c>
      <c r="C370" s="3">
        <v>221</v>
      </c>
      <c r="D370" s="52" t="s">
        <v>87</v>
      </c>
      <c r="E370" s="52" t="s">
        <v>118</v>
      </c>
      <c r="F370" s="52" t="s">
        <v>119</v>
      </c>
      <c r="G370" s="52" t="s">
        <v>115</v>
      </c>
      <c r="H370" s="4">
        <v>3</v>
      </c>
      <c r="I370" s="2">
        <v>0</v>
      </c>
    </row>
    <row r="371" spans="1:9" hidden="1" x14ac:dyDescent="0.35">
      <c r="A371" s="52" t="s">
        <v>78</v>
      </c>
      <c r="B371" s="52" t="s">
        <v>79</v>
      </c>
      <c r="C371" s="3">
        <v>221</v>
      </c>
      <c r="D371" s="52" t="s">
        <v>87</v>
      </c>
      <c r="E371" s="52" t="s">
        <v>120</v>
      </c>
      <c r="F371" s="52" t="s">
        <v>116</v>
      </c>
      <c r="G371" s="52" t="s">
        <v>115</v>
      </c>
      <c r="H371" s="4">
        <v>3</v>
      </c>
      <c r="I371" s="2">
        <v>0</v>
      </c>
    </row>
    <row r="372" spans="1:9" hidden="1" x14ac:dyDescent="0.35">
      <c r="A372" s="52" t="s">
        <v>78</v>
      </c>
      <c r="B372" s="52" t="s">
        <v>79</v>
      </c>
      <c r="C372" s="3">
        <v>221</v>
      </c>
      <c r="D372" s="52" t="s">
        <v>87</v>
      </c>
      <c r="E372" s="52" t="s">
        <v>117</v>
      </c>
      <c r="F372" s="52" t="s">
        <v>116</v>
      </c>
      <c r="G372" s="52" t="s">
        <v>82</v>
      </c>
      <c r="H372" s="4">
        <v>3</v>
      </c>
      <c r="I372" s="2">
        <v>0</v>
      </c>
    </row>
    <row r="373" spans="1:9" hidden="1" x14ac:dyDescent="0.35">
      <c r="A373" s="52" t="s">
        <v>78</v>
      </c>
      <c r="B373" s="52" t="s">
        <v>79</v>
      </c>
      <c r="C373" s="3">
        <v>222</v>
      </c>
      <c r="D373" s="52" t="s">
        <v>87</v>
      </c>
      <c r="E373" s="52" t="s">
        <v>92</v>
      </c>
      <c r="F373" s="52" t="s">
        <v>93</v>
      </c>
      <c r="G373" s="52" t="s">
        <v>82</v>
      </c>
      <c r="H373" s="4">
        <v>8</v>
      </c>
      <c r="I373" s="2">
        <v>421.05</v>
      </c>
    </row>
    <row r="374" spans="1:9" x14ac:dyDescent="0.35">
      <c r="A374" s="52" t="s">
        <v>78</v>
      </c>
      <c r="B374" s="52" t="s">
        <v>79</v>
      </c>
      <c r="C374" s="3">
        <v>222</v>
      </c>
      <c r="D374" s="52" t="s">
        <v>87</v>
      </c>
      <c r="E374" s="52" t="s">
        <v>36</v>
      </c>
      <c r="F374" s="52" t="s">
        <v>95</v>
      </c>
      <c r="G374" s="52" t="s">
        <v>82</v>
      </c>
      <c r="H374" s="4">
        <v>1</v>
      </c>
      <c r="I374" s="2">
        <v>4.7</v>
      </c>
    </row>
    <row r="375" spans="1:9" x14ac:dyDescent="0.35">
      <c r="A375" s="52" t="s">
        <v>78</v>
      </c>
      <c r="B375" s="52" t="s">
        <v>79</v>
      </c>
      <c r="C375" s="3">
        <v>222</v>
      </c>
      <c r="D375" s="52" t="s">
        <v>87</v>
      </c>
      <c r="E375" s="52" t="s">
        <v>117</v>
      </c>
      <c r="F375" s="52" t="s">
        <v>116</v>
      </c>
      <c r="G375" s="52" t="s">
        <v>82</v>
      </c>
      <c r="H375" s="4">
        <v>1</v>
      </c>
      <c r="I375" s="2">
        <v>0</v>
      </c>
    </row>
    <row r="376" spans="1:9" hidden="1" x14ac:dyDescent="0.35">
      <c r="A376" s="52" t="s">
        <v>78</v>
      </c>
      <c r="B376" s="52" t="s">
        <v>79</v>
      </c>
      <c r="C376" s="3">
        <v>230</v>
      </c>
      <c r="D376" s="52" t="s">
        <v>87</v>
      </c>
      <c r="E376" s="52" t="s">
        <v>92</v>
      </c>
      <c r="F376" s="52" t="s">
        <v>93</v>
      </c>
      <c r="G376" s="52" t="s">
        <v>82</v>
      </c>
      <c r="H376" s="4">
        <v>26</v>
      </c>
      <c r="I376" s="2">
        <v>19779.11</v>
      </c>
    </row>
    <row r="377" spans="1:9" hidden="1" x14ac:dyDescent="0.35">
      <c r="A377" s="52" t="s">
        <v>78</v>
      </c>
      <c r="B377" s="52" t="s">
        <v>79</v>
      </c>
      <c r="C377" s="3">
        <v>230</v>
      </c>
      <c r="D377" s="52" t="s">
        <v>87</v>
      </c>
      <c r="E377" s="52" t="s">
        <v>26</v>
      </c>
      <c r="F377" s="52" t="s">
        <v>81</v>
      </c>
      <c r="G377" s="52" t="s">
        <v>82</v>
      </c>
      <c r="H377" s="4">
        <v>2</v>
      </c>
      <c r="I377" s="2">
        <v>29.3</v>
      </c>
    </row>
    <row r="378" spans="1:9" x14ac:dyDescent="0.35">
      <c r="A378" s="52" t="s">
        <v>78</v>
      </c>
      <c r="B378" s="52" t="s">
        <v>79</v>
      </c>
      <c r="C378" s="3">
        <v>230</v>
      </c>
      <c r="D378" s="52" t="s">
        <v>87</v>
      </c>
      <c r="E378" s="52" t="s">
        <v>36</v>
      </c>
      <c r="F378" s="52" t="s">
        <v>95</v>
      </c>
      <c r="G378" s="52" t="s">
        <v>82</v>
      </c>
      <c r="H378" s="4">
        <v>1</v>
      </c>
      <c r="I378" s="2">
        <v>4.7</v>
      </c>
    </row>
    <row r="379" spans="1:9" x14ac:dyDescent="0.35">
      <c r="A379" s="52" t="s">
        <v>78</v>
      </c>
      <c r="B379" s="52" t="s">
        <v>79</v>
      </c>
      <c r="C379" s="3">
        <v>230</v>
      </c>
      <c r="D379" s="52" t="s">
        <v>87</v>
      </c>
      <c r="E379" s="52" t="s">
        <v>38</v>
      </c>
      <c r="F379" s="52" t="s">
        <v>97</v>
      </c>
      <c r="G379" s="52" t="s">
        <v>82</v>
      </c>
      <c r="H379" s="4">
        <v>1</v>
      </c>
      <c r="I379" s="2">
        <v>4.7</v>
      </c>
    </row>
    <row r="380" spans="1:9" hidden="1" x14ac:dyDescent="0.35">
      <c r="A380" s="52" t="s">
        <v>78</v>
      </c>
      <c r="B380" s="52" t="s">
        <v>79</v>
      </c>
      <c r="C380" s="3">
        <v>230</v>
      </c>
      <c r="D380" s="52" t="s">
        <v>87</v>
      </c>
      <c r="E380" s="52" t="s">
        <v>113</v>
      </c>
      <c r="F380" s="52" t="s">
        <v>114</v>
      </c>
      <c r="G380" s="52" t="s">
        <v>115</v>
      </c>
      <c r="H380" s="4">
        <v>9</v>
      </c>
      <c r="I380" s="2">
        <v>0</v>
      </c>
    </row>
    <row r="381" spans="1:9" x14ac:dyDescent="0.35">
      <c r="A381" s="52" t="s">
        <v>78</v>
      </c>
      <c r="B381" s="52" t="s">
        <v>79</v>
      </c>
      <c r="C381" s="3">
        <v>230</v>
      </c>
      <c r="D381" s="52" t="s">
        <v>87</v>
      </c>
      <c r="E381" s="52" t="s">
        <v>118</v>
      </c>
      <c r="F381" s="52" t="s">
        <v>119</v>
      </c>
      <c r="G381" s="52" t="s">
        <v>115</v>
      </c>
      <c r="H381" s="4">
        <v>1</v>
      </c>
      <c r="I381" s="2">
        <v>0</v>
      </c>
    </row>
    <row r="382" spans="1:9" x14ac:dyDescent="0.35">
      <c r="A382" s="52" t="s">
        <v>78</v>
      </c>
      <c r="B382" s="52" t="s">
        <v>79</v>
      </c>
      <c r="C382" s="3">
        <v>230</v>
      </c>
      <c r="D382" s="52" t="s">
        <v>87</v>
      </c>
      <c r="E382" s="52" t="s">
        <v>102</v>
      </c>
      <c r="F382" s="52" t="s">
        <v>116</v>
      </c>
      <c r="G382" s="52" t="s">
        <v>115</v>
      </c>
      <c r="H382" s="4">
        <v>1</v>
      </c>
      <c r="I382" s="2">
        <v>0</v>
      </c>
    </row>
    <row r="383" spans="1:9" x14ac:dyDescent="0.35">
      <c r="A383" s="52" t="s">
        <v>78</v>
      </c>
      <c r="B383" s="52" t="s">
        <v>79</v>
      </c>
      <c r="C383" s="3">
        <v>230</v>
      </c>
      <c r="D383" s="52" t="s">
        <v>87</v>
      </c>
      <c r="E383" s="52" t="s">
        <v>120</v>
      </c>
      <c r="F383" s="52" t="s">
        <v>116</v>
      </c>
      <c r="G383" s="52" t="s">
        <v>115</v>
      </c>
      <c r="H383" s="4">
        <v>1</v>
      </c>
      <c r="I383" s="2">
        <v>0</v>
      </c>
    </row>
    <row r="384" spans="1:9" hidden="1" x14ac:dyDescent="0.35">
      <c r="A384" s="52" t="s">
        <v>78</v>
      </c>
      <c r="B384" s="52" t="s">
        <v>79</v>
      </c>
      <c r="C384" s="3">
        <v>230</v>
      </c>
      <c r="D384" s="52" t="s">
        <v>87</v>
      </c>
      <c r="E384" s="52" t="s">
        <v>117</v>
      </c>
      <c r="F384" s="52" t="s">
        <v>116</v>
      </c>
      <c r="G384" s="52" t="s">
        <v>82</v>
      </c>
      <c r="H384" s="4">
        <v>2</v>
      </c>
      <c r="I384" s="2">
        <v>0</v>
      </c>
    </row>
    <row r="385" spans="1:9" hidden="1" x14ac:dyDescent="0.35">
      <c r="A385" s="52" t="s">
        <v>78</v>
      </c>
      <c r="B385" s="52" t="s">
        <v>79</v>
      </c>
      <c r="C385" s="3">
        <v>230</v>
      </c>
      <c r="D385" s="52" t="s">
        <v>87</v>
      </c>
      <c r="E385" s="52" t="s">
        <v>102</v>
      </c>
      <c r="F385" s="52" t="s">
        <v>107</v>
      </c>
      <c r="G385" s="52" t="s">
        <v>108</v>
      </c>
      <c r="H385" s="4">
        <v>3</v>
      </c>
      <c r="I385" s="2">
        <v>0</v>
      </c>
    </row>
    <row r="386" spans="1:9" hidden="1" x14ac:dyDescent="0.35">
      <c r="A386" s="52" t="s">
        <v>78</v>
      </c>
      <c r="B386" s="52" t="s">
        <v>79</v>
      </c>
      <c r="C386" s="3">
        <v>400</v>
      </c>
      <c r="D386" s="52" t="s">
        <v>87</v>
      </c>
      <c r="E386" s="52" t="s">
        <v>92</v>
      </c>
      <c r="F386" s="52" t="s">
        <v>93</v>
      </c>
      <c r="G386" s="52" t="s">
        <v>82</v>
      </c>
      <c r="H386" s="4">
        <v>6</v>
      </c>
      <c r="I386" s="2">
        <v>15.7</v>
      </c>
    </row>
    <row r="387" spans="1:9" hidden="1" x14ac:dyDescent="0.35">
      <c r="A387" s="52" t="s">
        <v>78</v>
      </c>
      <c r="B387" s="52" t="s">
        <v>79</v>
      </c>
      <c r="C387" s="3">
        <v>0</v>
      </c>
      <c r="D387" s="52" t="s">
        <v>86</v>
      </c>
      <c r="E387" s="52" t="s">
        <v>92</v>
      </c>
      <c r="F387" s="52" t="s">
        <v>93</v>
      </c>
      <c r="G387" s="52" t="s">
        <v>82</v>
      </c>
      <c r="H387" s="4">
        <v>436</v>
      </c>
      <c r="I387" s="2">
        <v>7528.17</v>
      </c>
    </row>
    <row r="388" spans="1:9" hidden="1" x14ac:dyDescent="0.35">
      <c r="A388" s="52" t="s">
        <v>78</v>
      </c>
      <c r="B388" s="52" t="s">
        <v>79</v>
      </c>
      <c r="C388" s="3">
        <v>0</v>
      </c>
      <c r="D388" s="52" t="s">
        <v>86</v>
      </c>
      <c r="E388" s="52" t="s">
        <v>104</v>
      </c>
      <c r="F388" s="52" t="s">
        <v>105</v>
      </c>
      <c r="G388" s="52" t="s">
        <v>82</v>
      </c>
      <c r="H388" s="4">
        <v>1002</v>
      </c>
      <c r="I388" s="2">
        <v>0</v>
      </c>
    </row>
    <row r="389" spans="1:9" x14ac:dyDescent="0.35">
      <c r="A389" s="52" t="s">
        <v>78</v>
      </c>
      <c r="B389" s="52" t="s">
        <v>79</v>
      </c>
      <c r="C389" s="3">
        <v>0</v>
      </c>
      <c r="D389" s="52" t="s">
        <v>86</v>
      </c>
      <c r="E389" s="52" t="s">
        <v>104</v>
      </c>
      <c r="F389" s="52" t="s">
        <v>107</v>
      </c>
      <c r="G389" s="52" t="s">
        <v>108</v>
      </c>
      <c r="H389" s="4">
        <v>1</v>
      </c>
      <c r="I389" s="2">
        <v>0</v>
      </c>
    </row>
    <row r="390" spans="1:9" hidden="1" x14ac:dyDescent="0.35">
      <c r="A390" s="52" t="s">
        <v>78</v>
      </c>
      <c r="B390" s="52" t="s">
        <v>79</v>
      </c>
      <c r="C390" s="3">
        <v>0</v>
      </c>
      <c r="D390" s="52" t="s">
        <v>86</v>
      </c>
      <c r="E390" s="52" t="s">
        <v>104</v>
      </c>
      <c r="F390" s="52" t="s">
        <v>101</v>
      </c>
      <c r="G390" s="52" t="s">
        <v>82</v>
      </c>
      <c r="H390" s="4">
        <v>3115</v>
      </c>
      <c r="I390" s="2">
        <v>0</v>
      </c>
    </row>
    <row r="391" spans="1:9" x14ac:dyDescent="0.35">
      <c r="A391" s="52" t="s">
        <v>78</v>
      </c>
      <c r="B391" s="52" t="s">
        <v>79</v>
      </c>
      <c r="C391" s="3">
        <v>0</v>
      </c>
      <c r="D391" s="52" t="s">
        <v>86</v>
      </c>
      <c r="E391" s="52" t="s">
        <v>102</v>
      </c>
      <c r="F391" s="52" t="s">
        <v>103</v>
      </c>
      <c r="G391" s="52" t="s">
        <v>82</v>
      </c>
      <c r="H391" s="4">
        <v>1</v>
      </c>
      <c r="I391" s="2">
        <v>0</v>
      </c>
    </row>
    <row r="392" spans="1:9" hidden="1" x14ac:dyDescent="0.35">
      <c r="A392" s="52" t="s">
        <v>78</v>
      </c>
      <c r="B392" s="52" t="s">
        <v>79</v>
      </c>
      <c r="C392" s="3">
        <v>0</v>
      </c>
      <c r="D392" s="52" t="s">
        <v>86</v>
      </c>
      <c r="E392" s="52" t="s">
        <v>104</v>
      </c>
      <c r="F392" s="52" t="s">
        <v>112</v>
      </c>
      <c r="G392" s="52" t="s">
        <v>82</v>
      </c>
      <c r="H392" s="4">
        <v>17</v>
      </c>
      <c r="I392" s="2">
        <v>0</v>
      </c>
    </row>
    <row r="393" spans="1:9" x14ac:dyDescent="0.35">
      <c r="A393" s="52" t="s">
        <v>78</v>
      </c>
      <c r="B393" s="52" t="s">
        <v>79</v>
      </c>
      <c r="C393" s="3">
        <v>0</v>
      </c>
      <c r="D393" s="52" t="s">
        <v>86</v>
      </c>
      <c r="E393" s="52" t="s">
        <v>104</v>
      </c>
      <c r="F393" s="52" t="s">
        <v>93</v>
      </c>
      <c r="G393" s="52" t="s">
        <v>82</v>
      </c>
      <c r="H393" s="4">
        <v>1</v>
      </c>
      <c r="I393" s="2">
        <v>0</v>
      </c>
    </row>
    <row r="394" spans="1:9" x14ac:dyDescent="0.35">
      <c r="A394" s="52" t="s">
        <v>78</v>
      </c>
      <c r="B394" s="52" t="s">
        <v>79</v>
      </c>
      <c r="C394" s="3">
        <v>0</v>
      </c>
      <c r="D394" s="52" t="s">
        <v>86</v>
      </c>
      <c r="E394" s="52" t="s">
        <v>109</v>
      </c>
      <c r="F394" s="52" t="s">
        <v>110</v>
      </c>
      <c r="G394" s="52" t="s">
        <v>108</v>
      </c>
      <c r="H394" s="4">
        <v>1</v>
      </c>
      <c r="I394" s="2">
        <v>0</v>
      </c>
    </row>
    <row r="395" spans="1:9" hidden="1" x14ac:dyDescent="0.35">
      <c r="A395" s="52" t="s">
        <v>78</v>
      </c>
      <c r="B395" s="52" t="s">
        <v>79</v>
      </c>
      <c r="C395" s="3">
        <v>10</v>
      </c>
      <c r="D395" s="52" t="s">
        <v>86</v>
      </c>
      <c r="E395" s="52" t="s">
        <v>90</v>
      </c>
      <c r="F395" s="52" t="s">
        <v>91</v>
      </c>
      <c r="G395" s="52" t="s">
        <v>82</v>
      </c>
      <c r="H395" s="4">
        <v>5129</v>
      </c>
      <c r="I395" s="2">
        <v>57193.29</v>
      </c>
    </row>
    <row r="396" spans="1:9" hidden="1" x14ac:dyDescent="0.35">
      <c r="A396" s="52" t="s">
        <v>78</v>
      </c>
      <c r="B396" s="52" t="s">
        <v>79</v>
      </c>
      <c r="C396" s="3">
        <v>10</v>
      </c>
      <c r="D396" s="52" t="s">
        <v>86</v>
      </c>
      <c r="E396" s="52" t="s">
        <v>36</v>
      </c>
      <c r="F396" s="52" t="s">
        <v>95</v>
      </c>
      <c r="G396" s="52" t="s">
        <v>82</v>
      </c>
      <c r="H396" s="4">
        <v>364</v>
      </c>
      <c r="I396" s="2">
        <v>1710.8</v>
      </c>
    </row>
    <row r="397" spans="1:9" hidden="1" x14ac:dyDescent="0.35">
      <c r="A397" s="52" t="s">
        <v>78</v>
      </c>
      <c r="B397" s="52" t="s">
        <v>79</v>
      </c>
      <c r="C397" s="3">
        <v>10</v>
      </c>
      <c r="D397" s="52" t="s">
        <v>86</v>
      </c>
      <c r="E397" s="52" t="s">
        <v>26</v>
      </c>
      <c r="F397" s="52" t="s">
        <v>81</v>
      </c>
      <c r="G397" s="52" t="s">
        <v>82</v>
      </c>
      <c r="H397" s="4">
        <v>102</v>
      </c>
      <c r="I397" s="2">
        <v>1494.3</v>
      </c>
    </row>
    <row r="398" spans="1:9" hidden="1" x14ac:dyDescent="0.35">
      <c r="A398" s="52" t="s">
        <v>78</v>
      </c>
      <c r="B398" s="52" t="s">
        <v>79</v>
      </c>
      <c r="C398" s="3">
        <v>10</v>
      </c>
      <c r="D398" s="52" t="s">
        <v>86</v>
      </c>
      <c r="E398" s="52" t="s">
        <v>29</v>
      </c>
      <c r="F398" s="52" t="s">
        <v>94</v>
      </c>
      <c r="G398" s="52" t="s">
        <v>82</v>
      </c>
      <c r="H398" s="4">
        <v>3</v>
      </c>
      <c r="I398" s="2">
        <v>1287.1500000000001</v>
      </c>
    </row>
    <row r="399" spans="1:9" hidden="1" x14ac:dyDescent="0.35">
      <c r="A399" s="52" t="s">
        <v>78</v>
      </c>
      <c r="B399" s="52" t="s">
        <v>79</v>
      </c>
      <c r="C399" s="3">
        <v>10</v>
      </c>
      <c r="D399" s="52" t="s">
        <v>86</v>
      </c>
      <c r="E399" s="52" t="s">
        <v>38</v>
      </c>
      <c r="F399" s="52" t="s">
        <v>97</v>
      </c>
      <c r="G399" s="52" t="s">
        <v>82</v>
      </c>
      <c r="H399" s="4">
        <v>65</v>
      </c>
      <c r="I399" s="2">
        <v>767.9</v>
      </c>
    </row>
    <row r="400" spans="1:9" hidden="1" x14ac:dyDescent="0.35">
      <c r="A400" s="52" t="s">
        <v>78</v>
      </c>
      <c r="B400" s="52" t="s">
        <v>79</v>
      </c>
      <c r="C400" s="3">
        <v>10</v>
      </c>
      <c r="D400" s="52" t="s">
        <v>86</v>
      </c>
      <c r="E400" s="52" t="s">
        <v>92</v>
      </c>
      <c r="F400" s="52" t="s">
        <v>93</v>
      </c>
      <c r="G400" s="52" t="s">
        <v>82</v>
      </c>
      <c r="H400" s="4">
        <v>16</v>
      </c>
      <c r="I400" s="2">
        <v>145.02000000000001</v>
      </c>
    </row>
    <row r="401" spans="1:9" hidden="1" x14ac:dyDescent="0.35">
      <c r="A401" s="52" t="s">
        <v>78</v>
      </c>
      <c r="B401" s="52" t="s">
        <v>79</v>
      </c>
      <c r="C401" s="3">
        <v>10</v>
      </c>
      <c r="D401" s="52" t="s">
        <v>86</v>
      </c>
      <c r="E401" s="52" t="s">
        <v>33</v>
      </c>
      <c r="F401" s="52" t="s">
        <v>99</v>
      </c>
      <c r="G401" s="52" t="s">
        <v>82</v>
      </c>
      <c r="H401" s="4">
        <v>2</v>
      </c>
      <c r="I401" s="2">
        <v>96</v>
      </c>
    </row>
    <row r="402" spans="1:9" hidden="1" x14ac:dyDescent="0.35">
      <c r="A402" s="52" t="s">
        <v>78</v>
      </c>
      <c r="B402" s="52" t="s">
        <v>79</v>
      </c>
      <c r="C402" s="3">
        <v>10</v>
      </c>
      <c r="D402" s="52" t="s">
        <v>86</v>
      </c>
      <c r="E402" s="52" t="s">
        <v>111</v>
      </c>
      <c r="F402" s="52" t="s">
        <v>101</v>
      </c>
      <c r="G402" s="52" t="s">
        <v>82</v>
      </c>
      <c r="H402" s="4">
        <v>263</v>
      </c>
      <c r="I402" s="2">
        <v>0</v>
      </c>
    </row>
    <row r="403" spans="1:9" hidden="1" x14ac:dyDescent="0.35">
      <c r="A403" s="52" t="s">
        <v>78</v>
      </c>
      <c r="B403" s="52" t="s">
        <v>79</v>
      </c>
      <c r="C403" s="3">
        <v>10</v>
      </c>
      <c r="D403" s="52" t="s">
        <v>86</v>
      </c>
      <c r="E403" s="52" t="s">
        <v>102</v>
      </c>
      <c r="F403" s="52" t="s">
        <v>107</v>
      </c>
      <c r="G403" s="52" t="s">
        <v>108</v>
      </c>
      <c r="H403" s="4">
        <v>53</v>
      </c>
      <c r="I403" s="2">
        <v>0</v>
      </c>
    </row>
    <row r="404" spans="1:9" x14ac:dyDescent="0.35">
      <c r="A404" s="52" t="s">
        <v>78</v>
      </c>
      <c r="B404" s="52" t="s">
        <v>79</v>
      </c>
      <c r="C404" s="3">
        <v>10</v>
      </c>
      <c r="D404" s="52" t="s">
        <v>86</v>
      </c>
      <c r="E404" s="52" t="s">
        <v>102</v>
      </c>
      <c r="F404" s="52" t="s">
        <v>105</v>
      </c>
      <c r="G404" s="52" t="s">
        <v>108</v>
      </c>
      <c r="H404" s="4">
        <v>1</v>
      </c>
      <c r="I404" s="2">
        <v>0</v>
      </c>
    </row>
    <row r="405" spans="1:9" hidden="1" x14ac:dyDescent="0.35">
      <c r="A405" s="52" t="s">
        <v>78</v>
      </c>
      <c r="B405" s="52" t="s">
        <v>79</v>
      </c>
      <c r="C405" s="3">
        <v>10</v>
      </c>
      <c r="D405" s="52" t="s">
        <v>86</v>
      </c>
      <c r="E405" s="52" t="s">
        <v>117</v>
      </c>
      <c r="F405" s="52" t="s">
        <v>116</v>
      </c>
      <c r="G405" s="52" t="s">
        <v>82</v>
      </c>
      <c r="H405" s="4">
        <v>1130</v>
      </c>
      <c r="I405" s="2">
        <v>0</v>
      </c>
    </row>
    <row r="406" spans="1:9" hidden="1" x14ac:dyDescent="0.35">
      <c r="A406" s="52" t="s">
        <v>78</v>
      </c>
      <c r="B406" s="52" t="s">
        <v>79</v>
      </c>
      <c r="C406" s="3">
        <v>10</v>
      </c>
      <c r="D406" s="52" t="s">
        <v>86</v>
      </c>
      <c r="E406" s="52" t="s">
        <v>121</v>
      </c>
      <c r="F406" s="52" t="s">
        <v>112</v>
      </c>
      <c r="G406" s="52" t="s">
        <v>108</v>
      </c>
      <c r="H406" s="4">
        <v>111</v>
      </c>
      <c r="I406" s="2">
        <v>0</v>
      </c>
    </row>
    <row r="407" spans="1:9" x14ac:dyDescent="0.35">
      <c r="A407" s="52" t="s">
        <v>78</v>
      </c>
      <c r="B407" s="52" t="s">
        <v>79</v>
      </c>
      <c r="C407" s="3">
        <v>10</v>
      </c>
      <c r="D407" s="52" t="s">
        <v>86</v>
      </c>
      <c r="E407" s="52" t="s">
        <v>106</v>
      </c>
      <c r="F407" s="52" t="s">
        <v>101</v>
      </c>
      <c r="G407" s="52" t="s">
        <v>108</v>
      </c>
      <c r="H407" s="4">
        <v>1</v>
      </c>
      <c r="I407" s="2">
        <v>0</v>
      </c>
    </row>
    <row r="408" spans="1:9" hidden="1" x14ac:dyDescent="0.35">
      <c r="A408" s="52" t="s">
        <v>78</v>
      </c>
      <c r="B408" s="52" t="s">
        <v>79</v>
      </c>
      <c r="C408" s="3">
        <v>10</v>
      </c>
      <c r="D408" s="52" t="s">
        <v>86</v>
      </c>
      <c r="E408" s="52" t="s">
        <v>102</v>
      </c>
      <c r="F408" s="52" t="s">
        <v>141</v>
      </c>
      <c r="G408" s="52" t="s">
        <v>108</v>
      </c>
      <c r="H408" s="4">
        <v>3</v>
      </c>
      <c r="I408" s="2">
        <v>0</v>
      </c>
    </row>
    <row r="409" spans="1:9" x14ac:dyDescent="0.35">
      <c r="A409" s="52" t="s">
        <v>78</v>
      </c>
      <c r="B409" s="52" t="s">
        <v>79</v>
      </c>
      <c r="C409" s="3">
        <v>10</v>
      </c>
      <c r="D409" s="52" t="s">
        <v>86</v>
      </c>
      <c r="E409" s="52" t="s">
        <v>106</v>
      </c>
      <c r="F409" s="52" t="s">
        <v>130</v>
      </c>
      <c r="G409" s="52" t="s">
        <v>108</v>
      </c>
      <c r="H409" s="4">
        <v>1</v>
      </c>
      <c r="I409" s="2">
        <v>0</v>
      </c>
    </row>
    <row r="410" spans="1:9" x14ac:dyDescent="0.35">
      <c r="A410" s="52" t="s">
        <v>78</v>
      </c>
      <c r="B410" s="52" t="s">
        <v>79</v>
      </c>
      <c r="C410" s="3">
        <v>10</v>
      </c>
      <c r="D410" s="52" t="s">
        <v>86</v>
      </c>
      <c r="E410" s="52" t="s">
        <v>102</v>
      </c>
      <c r="F410" s="52" t="s">
        <v>93</v>
      </c>
      <c r="G410" s="52" t="s">
        <v>108</v>
      </c>
      <c r="H410" s="4">
        <v>1</v>
      </c>
      <c r="I410" s="2">
        <v>0</v>
      </c>
    </row>
    <row r="411" spans="1:9" x14ac:dyDescent="0.35">
      <c r="A411" s="52" t="s">
        <v>78</v>
      </c>
      <c r="B411" s="52" t="s">
        <v>79</v>
      </c>
      <c r="C411" s="3">
        <v>10</v>
      </c>
      <c r="D411" s="52" t="s">
        <v>86</v>
      </c>
      <c r="E411" s="52" t="s">
        <v>132</v>
      </c>
      <c r="F411" s="52" t="s">
        <v>133</v>
      </c>
      <c r="G411" s="52" t="s">
        <v>108</v>
      </c>
      <c r="H411" s="4">
        <v>1</v>
      </c>
      <c r="I411" s="2">
        <v>0</v>
      </c>
    </row>
    <row r="412" spans="1:9" hidden="1" x14ac:dyDescent="0.35">
      <c r="A412" s="52" t="s">
        <v>78</v>
      </c>
      <c r="B412" s="52" t="s">
        <v>79</v>
      </c>
      <c r="C412" s="3">
        <v>10</v>
      </c>
      <c r="D412" s="52" t="s">
        <v>86</v>
      </c>
      <c r="E412" s="52" t="s">
        <v>111</v>
      </c>
      <c r="F412" s="52" t="s">
        <v>107</v>
      </c>
      <c r="G412" s="52" t="s">
        <v>108</v>
      </c>
      <c r="H412" s="4">
        <v>25</v>
      </c>
      <c r="I412" s="2">
        <v>0</v>
      </c>
    </row>
    <row r="413" spans="1:9" hidden="1" x14ac:dyDescent="0.35">
      <c r="A413" s="52" t="s">
        <v>78</v>
      </c>
      <c r="B413" s="52" t="s">
        <v>79</v>
      </c>
      <c r="C413" s="3">
        <v>10</v>
      </c>
      <c r="D413" s="52" t="s">
        <v>86</v>
      </c>
      <c r="E413" s="52" t="s">
        <v>111</v>
      </c>
      <c r="F413" s="52" t="s">
        <v>81</v>
      </c>
      <c r="G413" s="52" t="s">
        <v>82</v>
      </c>
      <c r="H413" s="4">
        <v>8</v>
      </c>
      <c r="I413" s="2">
        <v>0</v>
      </c>
    </row>
    <row r="414" spans="1:9" x14ac:dyDescent="0.35">
      <c r="A414" s="52" t="s">
        <v>78</v>
      </c>
      <c r="B414" s="52" t="s">
        <v>79</v>
      </c>
      <c r="C414" s="3">
        <v>10</v>
      </c>
      <c r="D414" s="52" t="s">
        <v>86</v>
      </c>
      <c r="E414" s="52" t="s">
        <v>111</v>
      </c>
      <c r="F414" s="52" t="s">
        <v>94</v>
      </c>
      <c r="G414" s="52" t="s">
        <v>82</v>
      </c>
      <c r="H414" s="4">
        <v>1</v>
      </c>
      <c r="I414" s="2">
        <v>0</v>
      </c>
    </row>
    <row r="415" spans="1:9" hidden="1" x14ac:dyDescent="0.35">
      <c r="A415" s="52" t="s">
        <v>78</v>
      </c>
      <c r="B415" s="52" t="s">
        <v>79</v>
      </c>
      <c r="C415" s="3">
        <v>10</v>
      </c>
      <c r="D415" s="52" t="s">
        <v>86</v>
      </c>
      <c r="E415" s="52" t="s">
        <v>111</v>
      </c>
      <c r="F415" s="52" t="s">
        <v>93</v>
      </c>
      <c r="G415" s="52" t="s">
        <v>82</v>
      </c>
      <c r="H415" s="4">
        <v>9</v>
      </c>
      <c r="I415" s="2">
        <v>0</v>
      </c>
    </row>
    <row r="416" spans="1:9" x14ac:dyDescent="0.35">
      <c r="A416" s="52" t="s">
        <v>78</v>
      </c>
      <c r="B416" s="52" t="s">
        <v>79</v>
      </c>
      <c r="C416" s="3">
        <v>10</v>
      </c>
      <c r="D416" s="52" t="s">
        <v>86</v>
      </c>
      <c r="E416" s="52" t="s">
        <v>128</v>
      </c>
      <c r="F416" s="52" t="s">
        <v>129</v>
      </c>
      <c r="G416" s="52" t="s">
        <v>82</v>
      </c>
      <c r="H416" s="4">
        <v>1</v>
      </c>
      <c r="I416" s="2">
        <v>0</v>
      </c>
    </row>
    <row r="417" spans="1:9" hidden="1" x14ac:dyDescent="0.35">
      <c r="A417" s="52" t="s">
        <v>78</v>
      </c>
      <c r="B417" s="52" t="s">
        <v>79</v>
      </c>
      <c r="C417" s="3">
        <v>10</v>
      </c>
      <c r="D417" s="52" t="s">
        <v>86</v>
      </c>
      <c r="E417" s="52" t="s">
        <v>122</v>
      </c>
      <c r="F417" s="52" t="s">
        <v>123</v>
      </c>
      <c r="G417" s="52" t="s">
        <v>108</v>
      </c>
      <c r="H417" s="4">
        <v>653</v>
      </c>
      <c r="I417" s="2">
        <v>0</v>
      </c>
    </row>
    <row r="418" spans="1:9" hidden="1" x14ac:dyDescent="0.35">
      <c r="A418" s="52" t="s">
        <v>78</v>
      </c>
      <c r="B418" s="52" t="s">
        <v>79</v>
      </c>
      <c r="C418" s="3">
        <v>10</v>
      </c>
      <c r="D418" s="52" t="s">
        <v>86</v>
      </c>
      <c r="E418" s="52" t="s">
        <v>111</v>
      </c>
      <c r="F418" s="52" t="s">
        <v>95</v>
      </c>
      <c r="G418" s="52" t="s">
        <v>82</v>
      </c>
      <c r="H418" s="4">
        <v>17</v>
      </c>
      <c r="I418" s="2">
        <v>0</v>
      </c>
    </row>
    <row r="419" spans="1:9" hidden="1" x14ac:dyDescent="0.35">
      <c r="A419" s="52" t="s">
        <v>78</v>
      </c>
      <c r="B419" s="52" t="s">
        <v>79</v>
      </c>
      <c r="C419" s="3">
        <v>10</v>
      </c>
      <c r="D419" s="52" t="s">
        <v>86</v>
      </c>
      <c r="E419" s="52" t="s">
        <v>118</v>
      </c>
      <c r="F419" s="52" t="s">
        <v>119</v>
      </c>
      <c r="G419" s="52" t="s">
        <v>115</v>
      </c>
      <c r="H419" s="4">
        <v>593</v>
      </c>
      <c r="I419" s="2">
        <v>0</v>
      </c>
    </row>
    <row r="420" spans="1:9" hidden="1" x14ac:dyDescent="0.35">
      <c r="A420" s="52" t="s">
        <v>78</v>
      </c>
      <c r="B420" s="52" t="s">
        <v>79</v>
      </c>
      <c r="C420" s="3">
        <v>10</v>
      </c>
      <c r="D420" s="52" t="s">
        <v>86</v>
      </c>
      <c r="E420" s="52" t="s">
        <v>113</v>
      </c>
      <c r="F420" s="52" t="s">
        <v>114</v>
      </c>
      <c r="G420" s="52" t="s">
        <v>115</v>
      </c>
      <c r="H420" s="4">
        <v>1515</v>
      </c>
      <c r="I420" s="2">
        <v>0</v>
      </c>
    </row>
    <row r="421" spans="1:9" x14ac:dyDescent="0.35">
      <c r="A421" s="52" t="s">
        <v>78</v>
      </c>
      <c r="B421" s="52" t="s">
        <v>79</v>
      </c>
      <c r="C421" s="3">
        <v>10</v>
      </c>
      <c r="D421" s="52" t="s">
        <v>86</v>
      </c>
      <c r="E421" s="52" t="s">
        <v>102</v>
      </c>
      <c r="F421" s="52" t="s">
        <v>125</v>
      </c>
      <c r="G421" s="52" t="s">
        <v>108</v>
      </c>
      <c r="H421" s="4">
        <v>1</v>
      </c>
      <c r="I421" s="2">
        <v>0</v>
      </c>
    </row>
    <row r="422" spans="1:9" hidden="1" x14ac:dyDescent="0.35">
      <c r="A422" s="52" t="s">
        <v>78</v>
      </c>
      <c r="B422" s="52" t="s">
        <v>79</v>
      </c>
      <c r="C422" s="3">
        <v>10</v>
      </c>
      <c r="D422" s="52" t="s">
        <v>86</v>
      </c>
      <c r="E422" s="52" t="s">
        <v>106</v>
      </c>
      <c r="F422" s="52" t="s">
        <v>103</v>
      </c>
      <c r="G422" s="52" t="s">
        <v>82</v>
      </c>
      <c r="H422" s="4">
        <v>2</v>
      </c>
      <c r="I422" s="2">
        <v>0</v>
      </c>
    </row>
    <row r="423" spans="1:9" hidden="1" x14ac:dyDescent="0.35">
      <c r="A423" s="52" t="s">
        <v>78</v>
      </c>
      <c r="B423" s="52" t="s">
        <v>79</v>
      </c>
      <c r="C423" s="3">
        <v>10</v>
      </c>
      <c r="D423" s="52" t="s">
        <v>86</v>
      </c>
      <c r="E423" s="52" t="s">
        <v>120</v>
      </c>
      <c r="F423" s="52" t="s">
        <v>116</v>
      </c>
      <c r="G423" s="52" t="s">
        <v>115</v>
      </c>
      <c r="H423" s="4">
        <v>593</v>
      </c>
      <c r="I423" s="2">
        <v>0</v>
      </c>
    </row>
    <row r="424" spans="1:9" x14ac:dyDescent="0.35">
      <c r="A424" s="52" t="s">
        <v>78</v>
      </c>
      <c r="B424" s="52" t="s">
        <v>79</v>
      </c>
      <c r="C424" s="3">
        <v>10</v>
      </c>
      <c r="D424" s="52" t="s">
        <v>86</v>
      </c>
      <c r="E424" s="52" t="s">
        <v>111</v>
      </c>
      <c r="F424" s="52" t="s">
        <v>97</v>
      </c>
      <c r="G424" s="52" t="s">
        <v>82</v>
      </c>
      <c r="H424" s="4">
        <v>1</v>
      </c>
      <c r="I424" s="2">
        <v>0</v>
      </c>
    </row>
    <row r="425" spans="1:9" hidden="1" x14ac:dyDescent="0.35">
      <c r="A425" s="52" t="s">
        <v>78</v>
      </c>
      <c r="B425" s="52" t="s">
        <v>79</v>
      </c>
      <c r="C425" s="3">
        <v>10</v>
      </c>
      <c r="D425" s="52" t="s">
        <v>86</v>
      </c>
      <c r="E425" s="52" t="s">
        <v>139</v>
      </c>
      <c r="F425" s="52" t="s">
        <v>140</v>
      </c>
      <c r="G425" s="52" t="s">
        <v>82</v>
      </c>
      <c r="H425" s="4">
        <v>105</v>
      </c>
      <c r="I425" s="2">
        <v>0</v>
      </c>
    </row>
    <row r="426" spans="1:9" hidden="1" x14ac:dyDescent="0.35">
      <c r="A426" s="52" t="s">
        <v>78</v>
      </c>
      <c r="B426" s="52" t="s">
        <v>79</v>
      </c>
      <c r="C426" s="3">
        <v>10</v>
      </c>
      <c r="D426" s="52" t="s">
        <v>86</v>
      </c>
      <c r="E426" s="52" t="s">
        <v>109</v>
      </c>
      <c r="F426" s="52" t="s">
        <v>110</v>
      </c>
      <c r="G426" s="52" t="s">
        <v>108</v>
      </c>
      <c r="H426" s="4">
        <v>11</v>
      </c>
      <c r="I426" s="2">
        <v>0</v>
      </c>
    </row>
    <row r="427" spans="1:9" hidden="1" x14ac:dyDescent="0.35">
      <c r="A427" s="52" t="s">
        <v>78</v>
      </c>
      <c r="B427" s="52" t="s">
        <v>79</v>
      </c>
      <c r="C427" s="3">
        <v>10</v>
      </c>
      <c r="D427" s="52" t="s">
        <v>86</v>
      </c>
      <c r="E427" s="52" t="s">
        <v>126</v>
      </c>
      <c r="F427" s="52" t="s">
        <v>101</v>
      </c>
      <c r="G427" s="52" t="s">
        <v>82</v>
      </c>
      <c r="H427" s="4">
        <v>47</v>
      </c>
      <c r="I427" s="2">
        <v>0</v>
      </c>
    </row>
    <row r="428" spans="1:9" hidden="1" x14ac:dyDescent="0.35">
      <c r="A428" s="52" t="s">
        <v>78</v>
      </c>
      <c r="B428" s="52" t="s">
        <v>79</v>
      </c>
      <c r="C428" s="3">
        <v>10</v>
      </c>
      <c r="D428" s="52" t="s">
        <v>86</v>
      </c>
      <c r="E428" s="52" t="s">
        <v>135</v>
      </c>
      <c r="F428" s="52" t="s">
        <v>112</v>
      </c>
      <c r="G428" s="52" t="s">
        <v>82</v>
      </c>
      <c r="H428" s="4">
        <v>7707</v>
      </c>
      <c r="I428" s="2">
        <v>0</v>
      </c>
    </row>
    <row r="429" spans="1:9" hidden="1" x14ac:dyDescent="0.35">
      <c r="A429" s="52" t="s">
        <v>78</v>
      </c>
      <c r="B429" s="52" t="s">
        <v>79</v>
      </c>
      <c r="C429" s="3">
        <v>10</v>
      </c>
      <c r="D429" s="52" t="s">
        <v>86</v>
      </c>
      <c r="E429" s="52" t="s">
        <v>106</v>
      </c>
      <c r="F429" s="52" t="s">
        <v>107</v>
      </c>
      <c r="G429" s="52" t="s">
        <v>108</v>
      </c>
      <c r="H429" s="4">
        <v>12</v>
      </c>
      <c r="I429" s="2">
        <v>0</v>
      </c>
    </row>
    <row r="430" spans="1:9" hidden="1" x14ac:dyDescent="0.35">
      <c r="A430" s="52" t="s">
        <v>78</v>
      </c>
      <c r="B430" s="52" t="s">
        <v>79</v>
      </c>
      <c r="C430" s="3">
        <v>10</v>
      </c>
      <c r="D430" s="52" t="s">
        <v>86</v>
      </c>
      <c r="E430" s="52" t="s">
        <v>102</v>
      </c>
      <c r="F430" s="52" t="s">
        <v>130</v>
      </c>
      <c r="G430" s="52" t="s">
        <v>108</v>
      </c>
      <c r="H430" s="4">
        <v>32</v>
      </c>
      <c r="I430" s="2">
        <v>0</v>
      </c>
    </row>
    <row r="431" spans="1:9" hidden="1" x14ac:dyDescent="0.35">
      <c r="A431" s="52" t="s">
        <v>78</v>
      </c>
      <c r="B431" s="52" t="s">
        <v>79</v>
      </c>
      <c r="C431" s="3">
        <v>10</v>
      </c>
      <c r="D431" s="52" t="s">
        <v>86</v>
      </c>
      <c r="E431" s="52" t="s">
        <v>102</v>
      </c>
      <c r="F431" s="52" t="s">
        <v>136</v>
      </c>
      <c r="G431" s="52" t="s">
        <v>108</v>
      </c>
      <c r="H431" s="4">
        <v>16</v>
      </c>
      <c r="I431" s="2">
        <v>0</v>
      </c>
    </row>
    <row r="432" spans="1:9" hidden="1" x14ac:dyDescent="0.35">
      <c r="A432" s="52" t="s">
        <v>78</v>
      </c>
      <c r="B432" s="52" t="s">
        <v>79</v>
      </c>
      <c r="C432" s="3">
        <v>10</v>
      </c>
      <c r="D432" s="52" t="s">
        <v>86</v>
      </c>
      <c r="E432" s="52" t="s">
        <v>102</v>
      </c>
      <c r="F432" s="52" t="s">
        <v>103</v>
      </c>
      <c r="G432" s="52" t="s">
        <v>82</v>
      </c>
      <c r="H432" s="4">
        <v>274</v>
      </c>
      <c r="I432" s="2">
        <v>0</v>
      </c>
    </row>
    <row r="433" spans="1:9" hidden="1" x14ac:dyDescent="0.35">
      <c r="A433" s="52" t="s">
        <v>78</v>
      </c>
      <c r="B433" s="52" t="s">
        <v>79</v>
      </c>
      <c r="C433" s="3">
        <v>10</v>
      </c>
      <c r="D433" s="52" t="s">
        <v>86</v>
      </c>
      <c r="E433" s="52" t="s">
        <v>134</v>
      </c>
      <c r="F433" s="52" t="s">
        <v>123</v>
      </c>
      <c r="G433" s="52" t="s">
        <v>82</v>
      </c>
      <c r="H433" s="4">
        <v>1899</v>
      </c>
      <c r="I433" s="2">
        <v>0</v>
      </c>
    </row>
    <row r="434" spans="1:9" hidden="1" x14ac:dyDescent="0.35">
      <c r="A434" s="52" t="s">
        <v>78</v>
      </c>
      <c r="B434" s="52" t="s">
        <v>79</v>
      </c>
      <c r="C434" s="3">
        <v>10</v>
      </c>
      <c r="D434" s="52" t="s">
        <v>86</v>
      </c>
      <c r="E434" s="52" t="s">
        <v>102</v>
      </c>
      <c r="F434" s="52" t="s">
        <v>116</v>
      </c>
      <c r="G434" s="52" t="s">
        <v>115</v>
      </c>
      <c r="H434" s="4">
        <v>531</v>
      </c>
      <c r="I434" s="2">
        <v>0</v>
      </c>
    </row>
    <row r="435" spans="1:9" hidden="1" x14ac:dyDescent="0.35">
      <c r="A435" s="52" t="s">
        <v>78</v>
      </c>
      <c r="B435" s="52" t="s">
        <v>79</v>
      </c>
      <c r="C435" s="3">
        <v>10</v>
      </c>
      <c r="D435" s="52" t="s">
        <v>86</v>
      </c>
      <c r="E435" s="52" t="s">
        <v>111</v>
      </c>
      <c r="F435" s="52" t="s">
        <v>103</v>
      </c>
      <c r="G435" s="52" t="s">
        <v>82</v>
      </c>
      <c r="H435" s="4">
        <v>12</v>
      </c>
      <c r="I435" s="2">
        <v>0</v>
      </c>
    </row>
    <row r="436" spans="1:9" hidden="1" x14ac:dyDescent="0.35">
      <c r="A436" s="52" t="s">
        <v>78</v>
      </c>
      <c r="B436" s="52" t="s">
        <v>79</v>
      </c>
      <c r="C436" s="3">
        <v>10</v>
      </c>
      <c r="D436" s="52" t="s">
        <v>86</v>
      </c>
      <c r="E436" s="52" t="s">
        <v>102</v>
      </c>
      <c r="F436" s="52" t="s">
        <v>101</v>
      </c>
      <c r="G436" s="52" t="s">
        <v>108</v>
      </c>
      <c r="H436" s="4">
        <v>8</v>
      </c>
      <c r="I436" s="2">
        <v>0</v>
      </c>
    </row>
    <row r="437" spans="1:9" hidden="1" x14ac:dyDescent="0.35">
      <c r="A437" s="52" t="s">
        <v>78</v>
      </c>
      <c r="B437" s="52" t="s">
        <v>79</v>
      </c>
      <c r="C437" s="3">
        <v>10</v>
      </c>
      <c r="D437" s="52" t="s">
        <v>86</v>
      </c>
      <c r="E437" s="52" t="s">
        <v>126</v>
      </c>
      <c r="F437" s="52" t="s">
        <v>103</v>
      </c>
      <c r="G437" s="52" t="s">
        <v>82</v>
      </c>
      <c r="H437" s="4">
        <v>6</v>
      </c>
      <c r="I437" s="2">
        <v>0</v>
      </c>
    </row>
    <row r="438" spans="1:9" hidden="1" x14ac:dyDescent="0.35">
      <c r="A438" s="52" t="s">
        <v>78</v>
      </c>
      <c r="B438" s="52" t="s">
        <v>79</v>
      </c>
      <c r="C438" s="3">
        <v>10</v>
      </c>
      <c r="D438" s="52" t="s">
        <v>86</v>
      </c>
      <c r="E438" s="52" t="s">
        <v>111</v>
      </c>
      <c r="F438" s="52" t="s">
        <v>105</v>
      </c>
      <c r="G438" s="52" t="s">
        <v>82</v>
      </c>
      <c r="H438" s="4">
        <v>69</v>
      </c>
      <c r="I438" s="2">
        <v>0</v>
      </c>
    </row>
    <row r="439" spans="1:9" hidden="1" x14ac:dyDescent="0.35">
      <c r="A439" s="52" t="s">
        <v>78</v>
      </c>
      <c r="B439" s="52" t="s">
        <v>79</v>
      </c>
      <c r="C439" s="3">
        <v>20</v>
      </c>
      <c r="D439" s="52" t="s">
        <v>86</v>
      </c>
      <c r="E439" s="52" t="s">
        <v>90</v>
      </c>
      <c r="F439" s="52" t="s">
        <v>91</v>
      </c>
      <c r="G439" s="52" t="s">
        <v>82</v>
      </c>
      <c r="H439" s="4">
        <v>8019</v>
      </c>
      <c r="I439" s="2">
        <v>88476.66</v>
      </c>
    </row>
    <row r="440" spans="1:9" hidden="1" x14ac:dyDescent="0.35">
      <c r="A440" s="52" t="s">
        <v>78</v>
      </c>
      <c r="B440" s="52" t="s">
        <v>79</v>
      </c>
      <c r="C440" s="3">
        <v>20</v>
      </c>
      <c r="D440" s="52" t="s">
        <v>86</v>
      </c>
      <c r="E440" s="52" t="s">
        <v>36</v>
      </c>
      <c r="F440" s="52" t="s">
        <v>95</v>
      </c>
      <c r="G440" s="52" t="s">
        <v>82</v>
      </c>
      <c r="H440" s="4">
        <v>767</v>
      </c>
      <c r="I440" s="2">
        <v>3604.9</v>
      </c>
    </row>
    <row r="441" spans="1:9" hidden="1" x14ac:dyDescent="0.35">
      <c r="A441" s="52" t="s">
        <v>78</v>
      </c>
      <c r="B441" s="52" t="s">
        <v>79</v>
      </c>
      <c r="C441" s="3">
        <v>20</v>
      </c>
      <c r="D441" s="52" t="s">
        <v>86</v>
      </c>
      <c r="E441" s="52" t="s">
        <v>26</v>
      </c>
      <c r="F441" s="52" t="s">
        <v>81</v>
      </c>
      <c r="G441" s="52" t="s">
        <v>82</v>
      </c>
      <c r="H441" s="4">
        <v>170</v>
      </c>
      <c r="I441" s="2">
        <v>2490.5</v>
      </c>
    </row>
    <row r="442" spans="1:9" hidden="1" x14ac:dyDescent="0.35">
      <c r="A442" s="52" t="s">
        <v>78</v>
      </c>
      <c r="B442" s="52" t="s">
        <v>79</v>
      </c>
      <c r="C442" s="3">
        <v>20</v>
      </c>
      <c r="D442" s="52" t="s">
        <v>86</v>
      </c>
      <c r="E442" s="52" t="s">
        <v>38</v>
      </c>
      <c r="F442" s="52" t="s">
        <v>97</v>
      </c>
      <c r="G442" s="52" t="s">
        <v>82</v>
      </c>
      <c r="H442" s="4">
        <v>182</v>
      </c>
      <c r="I442" s="2">
        <v>2083.8000000000002</v>
      </c>
    </row>
    <row r="443" spans="1:9" hidden="1" x14ac:dyDescent="0.35">
      <c r="A443" s="52" t="s">
        <v>78</v>
      </c>
      <c r="B443" s="52" t="s">
        <v>79</v>
      </c>
      <c r="C443" s="3">
        <v>20</v>
      </c>
      <c r="D443" s="52" t="s">
        <v>86</v>
      </c>
      <c r="E443" s="52" t="s">
        <v>29</v>
      </c>
      <c r="F443" s="52" t="s">
        <v>94</v>
      </c>
      <c r="G443" s="52" t="s">
        <v>82</v>
      </c>
      <c r="H443" s="4">
        <v>5</v>
      </c>
      <c r="I443" s="2">
        <v>1624.55</v>
      </c>
    </row>
    <row r="444" spans="1:9" hidden="1" x14ac:dyDescent="0.35">
      <c r="A444" s="52" t="s">
        <v>78</v>
      </c>
      <c r="B444" s="52" t="s">
        <v>79</v>
      </c>
      <c r="C444" s="3">
        <v>20</v>
      </c>
      <c r="D444" s="52" t="s">
        <v>86</v>
      </c>
      <c r="E444" s="52" t="s">
        <v>33</v>
      </c>
      <c r="F444" s="52" t="s">
        <v>99</v>
      </c>
      <c r="G444" s="52" t="s">
        <v>82</v>
      </c>
      <c r="H444" s="4">
        <v>3</v>
      </c>
      <c r="I444" s="2">
        <v>144</v>
      </c>
    </row>
    <row r="445" spans="1:9" hidden="1" x14ac:dyDescent="0.35">
      <c r="A445" s="52" t="s">
        <v>78</v>
      </c>
      <c r="B445" s="52" t="s">
        <v>79</v>
      </c>
      <c r="C445" s="3">
        <v>20</v>
      </c>
      <c r="D445" s="52" t="s">
        <v>86</v>
      </c>
      <c r="E445" s="52" t="s">
        <v>92</v>
      </c>
      <c r="F445" s="52" t="s">
        <v>93</v>
      </c>
      <c r="G445" s="52" t="s">
        <v>82</v>
      </c>
      <c r="H445" s="4">
        <v>10</v>
      </c>
      <c r="I445" s="2">
        <v>75.09</v>
      </c>
    </row>
    <row r="446" spans="1:9" hidden="1" x14ac:dyDescent="0.35">
      <c r="A446" s="52" t="s">
        <v>78</v>
      </c>
      <c r="B446" s="52" t="s">
        <v>79</v>
      </c>
      <c r="C446" s="3">
        <v>20</v>
      </c>
      <c r="D446" s="52" t="s">
        <v>86</v>
      </c>
      <c r="E446" s="52" t="s">
        <v>102</v>
      </c>
      <c r="F446" s="52" t="s">
        <v>107</v>
      </c>
      <c r="G446" s="52" t="s">
        <v>108</v>
      </c>
      <c r="H446" s="4">
        <v>92</v>
      </c>
      <c r="I446" s="2">
        <v>0</v>
      </c>
    </row>
    <row r="447" spans="1:9" hidden="1" x14ac:dyDescent="0.35">
      <c r="A447" s="52" t="s">
        <v>78</v>
      </c>
      <c r="B447" s="52" t="s">
        <v>79</v>
      </c>
      <c r="C447" s="3">
        <v>20</v>
      </c>
      <c r="D447" s="52" t="s">
        <v>86</v>
      </c>
      <c r="E447" s="52" t="s">
        <v>120</v>
      </c>
      <c r="F447" s="52" t="s">
        <v>116</v>
      </c>
      <c r="G447" s="52" t="s">
        <v>115</v>
      </c>
      <c r="H447" s="4">
        <v>1100</v>
      </c>
      <c r="I447" s="2">
        <v>0</v>
      </c>
    </row>
    <row r="448" spans="1:9" hidden="1" x14ac:dyDescent="0.35">
      <c r="A448" s="52" t="s">
        <v>78</v>
      </c>
      <c r="B448" s="52" t="s">
        <v>79</v>
      </c>
      <c r="C448" s="3">
        <v>20</v>
      </c>
      <c r="D448" s="52" t="s">
        <v>86</v>
      </c>
      <c r="E448" s="52" t="s">
        <v>118</v>
      </c>
      <c r="F448" s="52" t="s">
        <v>119</v>
      </c>
      <c r="G448" s="52" t="s">
        <v>115</v>
      </c>
      <c r="H448" s="4">
        <v>1100</v>
      </c>
      <c r="I448" s="2">
        <v>0</v>
      </c>
    </row>
    <row r="449" spans="1:9" hidden="1" x14ac:dyDescent="0.35">
      <c r="A449" s="52" t="s">
        <v>78</v>
      </c>
      <c r="B449" s="52" t="s">
        <v>79</v>
      </c>
      <c r="C449" s="3">
        <v>20</v>
      </c>
      <c r="D449" s="52" t="s">
        <v>86</v>
      </c>
      <c r="E449" s="52" t="s">
        <v>102</v>
      </c>
      <c r="F449" s="52" t="s">
        <v>136</v>
      </c>
      <c r="G449" s="52" t="s">
        <v>108</v>
      </c>
      <c r="H449" s="4">
        <v>30</v>
      </c>
      <c r="I449" s="2">
        <v>0</v>
      </c>
    </row>
    <row r="450" spans="1:9" hidden="1" x14ac:dyDescent="0.35">
      <c r="A450" s="52" t="s">
        <v>78</v>
      </c>
      <c r="B450" s="52" t="s">
        <v>79</v>
      </c>
      <c r="C450" s="3">
        <v>20</v>
      </c>
      <c r="D450" s="52" t="s">
        <v>86</v>
      </c>
      <c r="E450" s="52" t="s">
        <v>111</v>
      </c>
      <c r="F450" s="52" t="s">
        <v>93</v>
      </c>
      <c r="G450" s="52" t="s">
        <v>82</v>
      </c>
      <c r="H450" s="4">
        <v>27</v>
      </c>
      <c r="I450" s="2">
        <v>0</v>
      </c>
    </row>
    <row r="451" spans="1:9" hidden="1" x14ac:dyDescent="0.35">
      <c r="A451" s="52" t="s">
        <v>78</v>
      </c>
      <c r="B451" s="52" t="s">
        <v>79</v>
      </c>
      <c r="C451" s="3">
        <v>20</v>
      </c>
      <c r="D451" s="52" t="s">
        <v>86</v>
      </c>
      <c r="E451" s="52" t="s">
        <v>111</v>
      </c>
      <c r="F451" s="52" t="s">
        <v>103</v>
      </c>
      <c r="G451" s="52" t="s">
        <v>82</v>
      </c>
      <c r="H451" s="4">
        <v>19</v>
      </c>
      <c r="I451" s="2">
        <v>0</v>
      </c>
    </row>
    <row r="452" spans="1:9" x14ac:dyDescent="0.35">
      <c r="A452" s="52" t="s">
        <v>78</v>
      </c>
      <c r="B452" s="52" t="s">
        <v>79</v>
      </c>
      <c r="C452" s="3">
        <v>20</v>
      </c>
      <c r="D452" s="52" t="s">
        <v>86</v>
      </c>
      <c r="E452" s="52" t="s">
        <v>137</v>
      </c>
      <c r="F452" s="52" t="s">
        <v>101</v>
      </c>
      <c r="G452" s="52" t="s">
        <v>108</v>
      </c>
      <c r="H452" s="4">
        <v>1</v>
      </c>
      <c r="I452" s="2">
        <v>0</v>
      </c>
    </row>
    <row r="453" spans="1:9" hidden="1" x14ac:dyDescent="0.35">
      <c r="A453" s="52" t="s">
        <v>78</v>
      </c>
      <c r="B453" s="52" t="s">
        <v>79</v>
      </c>
      <c r="C453" s="3">
        <v>20</v>
      </c>
      <c r="D453" s="52" t="s">
        <v>86</v>
      </c>
      <c r="E453" s="52" t="s">
        <v>132</v>
      </c>
      <c r="F453" s="52" t="s">
        <v>133</v>
      </c>
      <c r="G453" s="52" t="s">
        <v>108</v>
      </c>
      <c r="H453" s="4">
        <v>3</v>
      </c>
      <c r="I453" s="2">
        <v>0</v>
      </c>
    </row>
    <row r="454" spans="1:9" hidden="1" x14ac:dyDescent="0.35">
      <c r="A454" s="52" t="s">
        <v>78</v>
      </c>
      <c r="B454" s="52" t="s">
        <v>79</v>
      </c>
      <c r="C454" s="3">
        <v>20</v>
      </c>
      <c r="D454" s="52" t="s">
        <v>86</v>
      </c>
      <c r="E454" s="52" t="s">
        <v>113</v>
      </c>
      <c r="F454" s="52" t="s">
        <v>114</v>
      </c>
      <c r="G454" s="52" t="s">
        <v>115</v>
      </c>
      <c r="H454" s="4">
        <v>2674</v>
      </c>
      <c r="I454" s="2">
        <v>0</v>
      </c>
    </row>
    <row r="455" spans="1:9" hidden="1" x14ac:dyDescent="0.35">
      <c r="A455" s="52" t="s">
        <v>78</v>
      </c>
      <c r="B455" s="52" t="s">
        <v>79</v>
      </c>
      <c r="C455" s="3">
        <v>20</v>
      </c>
      <c r="D455" s="52" t="s">
        <v>86</v>
      </c>
      <c r="E455" s="52" t="s">
        <v>111</v>
      </c>
      <c r="F455" s="52" t="s">
        <v>101</v>
      </c>
      <c r="G455" s="52" t="s">
        <v>82</v>
      </c>
      <c r="H455" s="4">
        <v>538</v>
      </c>
      <c r="I455" s="2">
        <v>0</v>
      </c>
    </row>
    <row r="456" spans="1:9" x14ac:dyDescent="0.35">
      <c r="A456" s="52" t="s">
        <v>78</v>
      </c>
      <c r="B456" s="52" t="s">
        <v>79</v>
      </c>
      <c r="C456" s="3">
        <v>20</v>
      </c>
      <c r="D456" s="52" t="s">
        <v>86</v>
      </c>
      <c r="E456" s="52" t="s">
        <v>102</v>
      </c>
      <c r="F456" s="52" t="s">
        <v>105</v>
      </c>
      <c r="G456" s="52" t="s">
        <v>108</v>
      </c>
      <c r="H456" s="4">
        <v>1</v>
      </c>
      <c r="I456" s="2">
        <v>0</v>
      </c>
    </row>
    <row r="457" spans="1:9" x14ac:dyDescent="0.35">
      <c r="A457" s="52" t="s">
        <v>78</v>
      </c>
      <c r="B457" s="52" t="s">
        <v>79</v>
      </c>
      <c r="C457" s="3">
        <v>20</v>
      </c>
      <c r="D457" s="52" t="s">
        <v>86</v>
      </c>
      <c r="E457" s="52" t="s">
        <v>106</v>
      </c>
      <c r="F457" s="52" t="s">
        <v>95</v>
      </c>
      <c r="G457" s="52" t="s">
        <v>108</v>
      </c>
      <c r="H457" s="4">
        <v>1</v>
      </c>
      <c r="I457" s="2">
        <v>0</v>
      </c>
    </row>
    <row r="458" spans="1:9" hidden="1" x14ac:dyDescent="0.35">
      <c r="A458" s="52" t="s">
        <v>78</v>
      </c>
      <c r="B458" s="52" t="s">
        <v>79</v>
      </c>
      <c r="C458" s="3">
        <v>20</v>
      </c>
      <c r="D458" s="52" t="s">
        <v>86</v>
      </c>
      <c r="E458" s="52" t="s">
        <v>102</v>
      </c>
      <c r="F458" s="52" t="s">
        <v>125</v>
      </c>
      <c r="G458" s="52" t="s">
        <v>108</v>
      </c>
      <c r="H458" s="4">
        <v>2</v>
      </c>
      <c r="I458" s="2">
        <v>0</v>
      </c>
    </row>
    <row r="459" spans="1:9" hidden="1" x14ac:dyDescent="0.35">
      <c r="A459" s="52" t="s">
        <v>78</v>
      </c>
      <c r="B459" s="52" t="s">
        <v>79</v>
      </c>
      <c r="C459" s="3">
        <v>20</v>
      </c>
      <c r="D459" s="52" t="s">
        <v>86</v>
      </c>
      <c r="E459" s="52" t="s">
        <v>106</v>
      </c>
      <c r="F459" s="52" t="s">
        <v>107</v>
      </c>
      <c r="G459" s="52" t="s">
        <v>108</v>
      </c>
      <c r="H459" s="4">
        <v>19</v>
      </c>
      <c r="I459" s="2">
        <v>0</v>
      </c>
    </row>
    <row r="460" spans="1:9" hidden="1" x14ac:dyDescent="0.35">
      <c r="A460" s="52" t="s">
        <v>78</v>
      </c>
      <c r="B460" s="52" t="s">
        <v>79</v>
      </c>
      <c r="C460" s="3">
        <v>20</v>
      </c>
      <c r="D460" s="52" t="s">
        <v>86</v>
      </c>
      <c r="E460" s="52" t="s">
        <v>102</v>
      </c>
      <c r="F460" s="52" t="s">
        <v>130</v>
      </c>
      <c r="G460" s="52" t="s">
        <v>108</v>
      </c>
      <c r="H460" s="4">
        <v>54</v>
      </c>
      <c r="I460" s="2">
        <v>0</v>
      </c>
    </row>
    <row r="461" spans="1:9" hidden="1" x14ac:dyDescent="0.35">
      <c r="A461" s="52" t="s">
        <v>78</v>
      </c>
      <c r="B461" s="52" t="s">
        <v>79</v>
      </c>
      <c r="C461" s="3">
        <v>20</v>
      </c>
      <c r="D461" s="52" t="s">
        <v>86</v>
      </c>
      <c r="E461" s="52" t="s">
        <v>102</v>
      </c>
      <c r="F461" s="52" t="s">
        <v>116</v>
      </c>
      <c r="G461" s="52" t="s">
        <v>115</v>
      </c>
      <c r="H461" s="4">
        <v>1010</v>
      </c>
      <c r="I461" s="2">
        <v>0</v>
      </c>
    </row>
    <row r="462" spans="1:9" x14ac:dyDescent="0.35">
      <c r="A462" s="52" t="s">
        <v>78</v>
      </c>
      <c r="B462" s="52" t="s">
        <v>79</v>
      </c>
      <c r="C462" s="3">
        <v>20</v>
      </c>
      <c r="D462" s="52" t="s">
        <v>86</v>
      </c>
      <c r="E462" s="52" t="s">
        <v>131</v>
      </c>
      <c r="F462" s="52" t="s">
        <v>129</v>
      </c>
      <c r="G462" s="52" t="s">
        <v>108</v>
      </c>
      <c r="H462" s="4">
        <v>1</v>
      </c>
      <c r="I462" s="2">
        <v>0</v>
      </c>
    </row>
    <row r="463" spans="1:9" hidden="1" x14ac:dyDescent="0.35">
      <c r="A463" s="52" t="s">
        <v>78</v>
      </c>
      <c r="B463" s="52" t="s">
        <v>79</v>
      </c>
      <c r="C463" s="3">
        <v>20</v>
      </c>
      <c r="D463" s="52" t="s">
        <v>86</v>
      </c>
      <c r="E463" s="52" t="s">
        <v>126</v>
      </c>
      <c r="F463" s="52" t="s">
        <v>103</v>
      </c>
      <c r="G463" s="52" t="s">
        <v>82</v>
      </c>
      <c r="H463" s="4">
        <v>15</v>
      </c>
      <c r="I463" s="2">
        <v>0</v>
      </c>
    </row>
    <row r="464" spans="1:9" x14ac:dyDescent="0.35">
      <c r="A464" s="52" t="s">
        <v>78</v>
      </c>
      <c r="B464" s="52" t="s">
        <v>79</v>
      </c>
      <c r="C464" s="3">
        <v>20</v>
      </c>
      <c r="D464" s="52" t="s">
        <v>86</v>
      </c>
      <c r="E464" s="52" t="s">
        <v>111</v>
      </c>
      <c r="F464" s="52" t="s">
        <v>141</v>
      </c>
      <c r="G464" s="52" t="s">
        <v>108</v>
      </c>
      <c r="H464" s="4">
        <v>1</v>
      </c>
      <c r="I464" s="2">
        <v>0</v>
      </c>
    </row>
    <row r="465" spans="1:9" hidden="1" x14ac:dyDescent="0.35">
      <c r="A465" s="52" t="s">
        <v>78</v>
      </c>
      <c r="B465" s="52" t="s">
        <v>79</v>
      </c>
      <c r="C465" s="3">
        <v>20</v>
      </c>
      <c r="D465" s="52" t="s">
        <v>86</v>
      </c>
      <c r="E465" s="52" t="s">
        <v>106</v>
      </c>
      <c r="F465" s="52" t="s">
        <v>130</v>
      </c>
      <c r="G465" s="52" t="s">
        <v>108</v>
      </c>
      <c r="H465" s="4">
        <v>4</v>
      </c>
      <c r="I465" s="2">
        <v>0</v>
      </c>
    </row>
    <row r="466" spans="1:9" hidden="1" x14ac:dyDescent="0.35">
      <c r="A466" s="52" t="s">
        <v>78</v>
      </c>
      <c r="B466" s="52" t="s">
        <v>79</v>
      </c>
      <c r="C466" s="3">
        <v>20</v>
      </c>
      <c r="D466" s="52" t="s">
        <v>86</v>
      </c>
      <c r="E466" s="52" t="s">
        <v>106</v>
      </c>
      <c r="F466" s="52" t="s">
        <v>136</v>
      </c>
      <c r="G466" s="52" t="s">
        <v>108</v>
      </c>
      <c r="H466" s="4">
        <v>2</v>
      </c>
      <c r="I466" s="2">
        <v>0</v>
      </c>
    </row>
    <row r="467" spans="1:9" hidden="1" x14ac:dyDescent="0.35">
      <c r="A467" s="52" t="s">
        <v>78</v>
      </c>
      <c r="B467" s="52" t="s">
        <v>79</v>
      </c>
      <c r="C467" s="3">
        <v>20</v>
      </c>
      <c r="D467" s="52" t="s">
        <v>86</v>
      </c>
      <c r="E467" s="52" t="s">
        <v>128</v>
      </c>
      <c r="F467" s="52" t="s">
        <v>129</v>
      </c>
      <c r="G467" s="52" t="s">
        <v>82</v>
      </c>
      <c r="H467" s="4">
        <v>3</v>
      </c>
      <c r="I467" s="2">
        <v>0</v>
      </c>
    </row>
    <row r="468" spans="1:9" hidden="1" x14ac:dyDescent="0.35">
      <c r="A468" s="52" t="s">
        <v>78</v>
      </c>
      <c r="B468" s="52" t="s">
        <v>79</v>
      </c>
      <c r="C468" s="3">
        <v>20</v>
      </c>
      <c r="D468" s="52" t="s">
        <v>86</v>
      </c>
      <c r="E468" s="52" t="s">
        <v>139</v>
      </c>
      <c r="F468" s="52" t="s">
        <v>140</v>
      </c>
      <c r="G468" s="52" t="s">
        <v>82</v>
      </c>
      <c r="H468" s="4">
        <v>169</v>
      </c>
      <c r="I468" s="2">
        <v>0</v>
      </c>
    </row>
    <row r="469" spans="1:9" hidden="1" x14ac:dyDescent="0.35">
      <c r="A469" s="52" t="s">
        <v>78</v>
      </c>
      <c r="B469" s="52" t="s">
        <v>79</v>
      </c>
      <c r="C469" s="3">
        <v>20</v>
      </c>
      <c r="D469" s="52" t="s">
        <v>86</v>
      </c>
      <c r="E469" s="52" t="s">
        <v>111</v>
      </c>
      <c r="F469" s="52" t="s">
        <v>94</v>
      </c>
      <c r="G469" s="52" t="s">
        <v>82</v>
      </c>
      <c r="H469" s="4">
        <v>6</v>
      </c>
      <c r="I469" s="2">
        <v>0</v>
      </c>
    </row>
    <row r="470" spans="1:9" hidden="1" x14ac:dyDescent="0.35">
      <c r="A470" s="52" t="s">
        <v>78</v>
      </c>
      <c r="B470" s="52" t="s">
        <v>79</v>
      </c>
      <c r="C470" s="3">
        <v>20</v>
      </c>
      <c r="D470" s="52" t="s">
        <v>86</v>
      </c>
      <c r="E470" s="52" t="s">
        <v>102</v>
      </c>
      <c r="F470" s="52" t="s">
        <v>103</v>
      </c>
      <c r="G470" s="52" t="s">
        <v>82</v>
      </c>
      <c r="H470" s="4">
        <v>460</v>
      </c>
      <c r="I470" s="2">
        <v>0</v>
      </c>
    </row>
    <row r="471" spans="1:9" hidden="1" x14ac:dyDescent="0.35">
      <c r="A471" s="52" t="s">
        <v>78</v>
      </c>
      <c r="B471" s="52" t="s">
        <v>79</v>
      </c>
      <c r="C471" s="3">
        <v>20</v>
      </c>
      <c r="D471" s="52" t="s">
        <v>86</v>
      </c>
      <c r="E471" s="52" t="s">
        <v>111</v>
      </c>
      <c r="F471" s="52" t="s">
        <v>95</v>
      </c>
      <c r="G471" s="52" t="s">
        <v>82</v>
      </c>
      <c r="H471" s="4">
        <v>61</v>
      </c>
      <c r="I471" s="2">
        <v>0</v>
      </c>
    </row>
    <row r="472" spans="1:9" x14ac:dyDescent="0.35">
      <c r="A472" s="52" t="s">
        <v>78</v>
      </c>
      <c r="B472" s="52" t="s">
        <v>79</v>
      </c>
      <c r="C472" s="3">
        <v>20</v>
      </c>
      <c r="D472" s="52" t="s">
        <v>86</v>
      </c>
      <c r="E472" s="52" t="s">
        <v>106</v>
      </c>
      <c r="F472" s="52" t="s">
        <v>127</v>
      </c>
      <c r="G472" s="52" t="s">
        <v>108</v>
      </c>
      <c r="H472" s="4">
        <v>1</v>
      </c>
      <c r="I472" s="2">
        <v>0</v>
      </c>
    </row>
    <row r="473" spans="1:9" hidden="1" x14ac:dyDescent="0.35">
      <c r="A473" s="52" t="s">
        <v>78</v>
      </c>
      <c r="B473" s="52" t="s">
        <v>79</v>
      </c>
      <c r="C473" s="3">
        <v>20</v>
      </c>
      <c r="D473" s="52" t="s">
        <v>86</v>
      </c>
      <c r="E473" s="52" t="s">
        <v>106</v>
      </c>
      <c r="F473" s="52" t="s">
        <v>103</v>
      </c>
      <c r="G473" s="52" t="s">
        <v>82</v>
      </c>
      <c r="H473" s="4">
        <v>4</v>
      </c>
      <c r="I473" s="2">
        <v>0</v>
      </c>
    </row>
    <row r="474" spans="1:9" x14ac:dyDescent="0.35">
      <c r="A474" s="52" t="s">
        <v>78</v>
      </c>
      <c r="B474" s="52" t="s">
        <v>79</v>
      </c>
      <c r="C474" s="3">
        <v>20</v>
      </c>
      <c r="D474" s="52" t="s">
        <v>86</v>
      </c>
      <c r="E474" s="52" t="s">
        <v>111</v>
      </c>
      <c r="F474" s="52" t="s">
        <v>96</v>
      </c>
      <c r="G474" s="52" t="s">
        <v>82</v>
      </c>
      <c r="H474" s="4">
        <v>1</v>
      </c>
      <c r="I474" s="2">
        <v>0</v>
      </c>
    </row>
    <row r="475" spans="1:9" hidden="1" x14ac:dyDescent="0.35">
      <c r="A475" s="52" t="s">
        <v>78</v>
      </c>
      <c r="B475" s="52" t="s">
        <v>79</v>
      </c>
      <c r="C475" s="3">
        <v>20</v>
      </c>
      <c r="D475" s="52" t="s">
        <v>86</v>
      </c>
      <c r="E475" s="52" t="s">
        <v>126</v>
      </c>
      <c r="F475" s="52" t="s">
        <v>101</v>
      </c>
      <c r="G475" s="52" t="s">
        <v>82</v>
      </c>
      <c r="H475" s="4">
        <v>97</v>
      </c>
      <c r="I475" s="2">
        <v>0</v>
      </c>
    </row>
    <row r="476" spans="1:9" hidden="1" x14ac:dyDescent="0.35">
      <c r="A476" s="52" t="s">
        <v>78</v>
      </c>
      <c r="B476" s="52" t="s">
        <v>79</v>
      </c>
      <c r="C476" s="3">
        <v>20</v>
      </c>
      <c r="D476" s="52" t="s">
        <v>86</v>
      </c>
      <c r="E476" s="52" t="s">
        <v>111</v>
      </c>
      <c r="F476" s="52" t="s">
        <v>97</v>
      </c>
      <c r="G476" s="52" t="s">
        <v>82</v>
      </c>
      <c r="H476" s="4">
        <v>4</v>
      </c>
      <c r="I476" s="2">
        <v>0</v>
      </c>
    </row>
    <row r="477" spans="1:9" hidden="1" x14ac:dyDescent="0.35">
      <c r="A477" s="52" t="s">
        <v>78</v>
      </c>
      <c r="B477" s="52" t="s">
        <v>79</v>
      </c>
      <c r="C477" s="3">
        <v>20</v>
      </c>
      <c r="D477" s="52" t="s">
        <v>86</v>
      </c>
      <c r="E477" s="52" t="s">
        <v>111</v>
      </c>
      <c r="F477" s="52" t="s">
        <v>107</v>
      </c>
      <c r="G477" s="52" t="s">
        <v>108</v>
      </c>
      <c r="H477" s="4">
        <v>42</v>
      </c>
      <c r="I477" s="2">
        <v>0</v>
      </c>
    </row>
    <row r="478" spans="1:9" hidden="1" x14ac:dyDescent="0.35">
      <c r="A478" s="52" t="s">
        <v>78</v>
      </c>
      <c r="B478" s="52" t="s">
        <v>79</v>
      </c>
      <c r="C478" s="3">
        <v>20</v>
      </c>
      <c r="D478" s="52" t="s">
        <v>86</v>
      </c>
      <c r="E478" s="52" t="s">
        <v>134</v>
      </c>
      <c r="F478" s="52" t="s">
        <v>123</v>
      </c>
      <c r="G478" s="52" t="s">
        <v>82</v>
      </c>
      <c r="H478" s="4">
        <v>4329</v>
      </c>
      <c r="I478" s="2">
        <v>0</v>
      </c>
    </row>
    <row r="479" spans="1:9" hidden="1" x14ac:dyDescent="0.35">
      <c r="A479" s="52" t="s">
        <v>78</v>
      </c>
      <c r="B479" s="52" t="s">
        <v>79</v>
      </c>
      <c r="C479" s="3">
        <v>20</v>
      </c>
      <c r="D479" s="52" t="s">
        <v>86</v>
      </c>
      <c r="E479" s="52" t="s">
        <v>122</v>
      </c>
      <c r="F479" s="52" t="s">
        <v>123</v>
      </c>
      <c r="G479" s="52" t="s">
        <v>108</v>
      </c>
      <c r="H479" s="4">
        <v>1536</v>
      </c>
      <c r="I479" s="2">
        <v>0</v>
      </c>
    </row>
    <row r="480" spans="1:9" hidden="1" x14ac:dyDescent="0.35">
      <c r="A480" s="52" t="s">
        <v>78</v>
      </c>
      <c r="B480" s="52" t="s">
        <v>79</v>
      </c>
      <c r="C480" s="3">
        <v>20</v>
      </c>
      <c r="D480" s="52" t="s">
        <v>86</v>
      </c>
      <c r="E480" s="52" t="s">
        <v>135</v>
      </c>
      <c r="F480" s="52" t="s">
        <v>112</v>
      </c>
      <c r="G480" s="52" t="s">
        <v>82</v>
      </c>
      <c r="H480" s="4">
        <v>16046</v>
      </c>
      <c r="I480" s="2">
        <v>0</v>
      </c>
    </row>
    <row r="481" spans="1:9" hidden="1" x14ac:dyDescent="0.35">
      <c r="A481" s="52" t="s">
        <v>78</v>
      </c>
      <c r="B481" s="52" t="s">
        <v>79</v>
      </c>
      <c r="C481" s="3">
        <v>20</v>
      </c>
      <c r="D481" s="52" t="s">
        <v>86</v>
      </c>
      <c r="E481" s="52" t="s">
        <v>117</v>
      </c>
      <c r="F481" s="52" t="s">
        <v>116</v>
      </c>
      <c r="G481" s="52" t="s">
        <v>82</v>
      </c>
      <c r="H481" s="4">
        <v>2105</v>
      </c>
      <c r="I481" s="2">
        <v>0</v>
      </c>
    </row>
    <row r="482" spans="1:9" hidden="1" x14ac:dyDescent="0.35">
      <c r="A482" s="52" t="s">
        <v>78</v>
      </c>
      <c r="B482" s="52" t="s">
        <v>79</v>
      </c>
      <c r="C482" s="3">
        <v>20</v>
      </c>
      <c r="D482" s="52" t="s">
        <v>86</v>
      </c>
      <c r="E482" s="52" t="s">
        <v>121</v>
      </c>
      <c r="F482" s="52" t="s">
        <v>112</v>
      </c>
      <c r="G482" s="52" t="s">
        <v>108</v>
      </c>
      <c r="H482" s="4">
        <v>292</v>
      </c>
      <c r="I482" s="2">
        <v>0</v>
      </c>
    </row>
    <row r="483" spans="1:9" hidden="1" x14ac:dyDescent="0.35">
      <c r="A483" s="52" t="s">
        <v>78</v>
      </c>
      <c r="B483" s="52" t="s">
        <v>79</v>
      </c>
      <c r="C483" s="3">
        <v>20</v>
      </c>
      <c r="D483" s="52" t="s">
        <v>86</v>
      </c>
      <c r="E483" s="52" t="s">
        <v>102</v>
      </c>
      <c r="F483" s="52" t="s">
        <v>101</v>
      </c>
      <c r="G483" s="52" t="s">
        <v>108</v>
      </c>
      <c r="H483" s="4">
        <v>17</v>
      </c>
      <c r="I483" s="2">
        <v>0</v>
      </c>
    </row>
    <row r="484" spans="1:9" hidden="1" x14ac:dyDescent="0.35">
      <c r="A484" s="52" t="s">
        <v>78</v>
      </c>
      <c r="B484" s="52" t="s">
        <v>79</v>
      </c>
      <c r="C484" s="3">
        <v>20</v>
      </c>
      <c r="D484" s="52" t="s">
        <v>86</v>
      </c>
      <c r="E484" s="52" t="s">
        <v>111</v>
      </c>
      <c r="F484" s="52" t="s">
        <v>81</v>
      </c>
      <c r="G484" s="52" t="s">
        <v>82</v>
      </c>
      <c r="H484" s="4">
        <v>11</v>
      </c>
      <c r="I484" s="2">
        <v>0</v>
      </c>
    </row>
    <row r="485" spans="1:9" hidden="1" x14ac:dyDescent="0.35">
      <c r="A485" s="52" t="s">
        <v>78</v>
      </c>
      <c r="B485" s="52" t="s">
        <v>79</v>
      </c>
      <c r="C485" s="3">
        <v>20</v>
      </c>
      <c r="D485" s="52" t="s">
        <v>86</v>
      </c>
      <c r="E485" s="52" t="s">
        <v>109</v>
      </c>
      <c r="F485" s="52" t="s">
        <v>110</v>
      </c>
      <c r="G485" s="52" t="s">
        <v>108</v>
      </c>
      <c r="H485" s="4">
        <v>20</v>
      </c>
      <c r="I485" s="2">
        <v>0</v>
      </c>
    </row>
    <row r="486" spans="1:9" x14ac:dyDescent="0.35">
      <c r="A486" s="52" t="s">
        <v>78</v>
      </c>
      <c r="B486" s="52" t="s">
        <v>79</v>
      </c>
      <c r="C486" s="3">
        <v>20</v>
      </c>
      <c r="D486" s="52" t="s">
        <v>86</v>
      </c>
      <c r="E486" s="52" t="s">
        <v>102</v>
      </c>
      <c r="F486" s="52" t="s">
        <v>138</v>
      </c>
      <c r="G486" s="52" t="s">
        <v>108</v>
      </c>
      <c r="H486" s="4">
        <v>1</v>
      </c>
      <c r="I486" s="2">
        <v>0</v>
      </c>
    </row>
    <row r="487" spans="1:9" hidden="1" x14ac:dyDescent="0.35">
      <c r="A487" s="52" t="s">
        <v>78</v>
      </c>
      <c r="B487" s="52" t="s">
        <v>79</v>
      </c>
      <c r="C487" s="3">
        <v>20</v>
      </c>
      <c r="D487" s="52" t="s">
        <v>86</v>
      </c>
      <c r="E487" s="52" t="s">
        <v>111</v>
      </c>
      <c r="F487" s="52" t="s">
        <v>105</v>
      </c>
      <c r="G487" s="52" t="s">
        <v>82</v>
      </c>
      <c r="H487" s="4">
        <v>196</v>
      </c>
      <c r="I487" s="2">
        <v>0</v>
      </c>
    </row>
    <row r="488" spans="1:9" hidden="1" x14ac:dyDescent="0.35">
      <c r="A488" s="52" t="s">
        <v>78</v>
      </c>
      <c r="B488" s="52" t="s">
        <v>79</v>
      </c>
      <c r="C488" s="3">
        <v>20</v>
      </c>
      <c r="D488" s="52" t="s">
        <v>86</v>
      </c>
      <c r="E488" s="52" t="s">
        <v>102</v>
      </c>
      <c r="F488" s="52" t="s">
        <v>141</v>
      </c>
      <c r="G488" s="52" t="s">
        <v>108</v>
      </c>
      <c r="H488" s="4">
        <v>5</v>
      </c>
      <c r="I488" s="2">
        <v>0</v>
      </c>
    </row>
    <row r="489" spans="1:9" hidden="1" x14ac:dyDescent="0.35">
      <c r="A489" s="52" t="s">
        <v>78</v>
      </c>
      <c r="B489" s="52" t="s">
        <v>79</v>
      </c>
      <c r="C489" s="3">
        <v>20</v>
      </c>
      <c r="D489" s="52" t="s">
        <v>86</v>
      </c>
      <c r="E489" s="52" t="s">
        <v>106</v>
      </c>
      <c r="F489" s="52" t="s">
        <v>101</v>
      </c>
      <c r="G489" s="52" t="s">
        <v>108</v>
      </c>
      <c r="H489" s="4">
        <v>3</v>
      </c>
      <c r="I489" s="2">
        <v>0</v>
      </c>
    </row>
    <row r="490" spans="1:9" hidden="1" x14ac:dyDescent="0.35">
      <c r="A490" s="52" t="s">
        <v>78</v>
      </c>
      <c r="B490" s="52" t="s">
        <v>79</v>
      </c>
      <c r="C490" s="3">
        <v>211</v>
      </c>
      <c r="D490" s="52" t="s">
        <v>86</v>
      </c>
      <c r="E490" s="52" t="s">
        <v>92</v>
      </c>
      <c r="F490" s="52" t="s">
        <v>93</v>
      </c>
      <c r="G490" s="52" t="s">
        <v>82</v>
      </c>
      <c r="H490" s="4">
        <v>3692</v>
      </c>
      <c r="I490" s="2">
        <v>39249.660000000003</v>
      </c>
    </row>
    <row r="491" spans="1:9" hidden="1" x14ac:dyDescent="0.35">
      <c r="A491" s="52" t="s">
        <v>78</v>
      </c>
      <c r="B491" s="52" t="s">
        <v>79</v>
      </c>
      <c r="C491" s="3">
        <v>211</v>
      </c>
      <c r="D491" s="52" t="s">
        <v>86</v>
      </c>
      <c r="E491" s="52" t="s">
        <v>40</v>
      </c>
      <c r="F491" s="52" t="s">
        <v>96</v>
      </c>
      <c r="G491" s="52" t="s">
        <v>82</v>
      </c>
      <c r="H491" s="4">
        <v>31</v>
      </c>
      <c r="I491" s="2">
        <v>775</v>
      </c>
    </row>
    <row r="492" spans="1:9" hidden="1" x14ac:dyDescent="0.35">
      <c r="A492" s="52" t="s">
        <v>78</v>
      </c>
      <c r="B492" s="52" t="s">
        <v>79</v>
      </c>
      <c r="C492" s="3">
        <v>211</v>
      </c>
      <c r="D492" s="52" t="s">
        <v>86</v>
      </c>
      <c r="E492" s="52" t="s">
        <v>36</v>
      </c>
      <c r="F492" s="52" t="s">
        <v>95</v>
      </c>
      <c r="G492" s="52" t="s">
        <v>82</v>
      </c>
      <c r="H492" s="4">
        <v>133</v>
      </c>
      <c r="I492" s="2">
        <v>625.1</v>
      </c>
    </row>
    <row r="493" spans="1:9" hidden="1" x14ac:dyDescent="0.35">
      <c r="A493" s="52" t="s">
        <v>78</v>
      </c>
      <c r="B493" s="52" t="s">
        <v>79</v>
      </c>
      <c r="C493" s="3">
        <v>211</v>
      </c>
      <c r="D493" s="52" t="s">
        <v>86</v>
      </c>
      <c r="E493" s="52" t="s">
        <v>26</v>
      </c>
      <c r="F493" s="52" t="s">
        <v>81</v>
      </c>
      <c r="G493" s="52" t="s">
        <v>82</v>
      </c>
      <c r="H493" s="4">
        <v>26</v>
      </c>
      <c r="I493" s="2">
        <v>380.9</v>
      </c>
    </row>
    <row r="494" spans="1:9" hidden="1" x14ac:dyDescent="0.35">
      <c r="A494" s="52" t="s">
        <v>78</v>
      </c>
      <c r="B494" s="52" t="s">
        <v>79</v>
      </c>
      <c r="C494" s="3">
        <v>211</v>
      </c>
      <c r="D494" s="52" t="s">
        <v>86</v>
      </c>
      <c r="E494" s="52" t="s">
        <v>38</v>
      </c>
      <c r="F494" s="52" t="s">
        <v>97</v>
      </c>
      <c r="G494" s="52" t="s">
        <v>82</v>
      </c>
      <c r="H494" s="4">
        <v>23</v>
      </c>
      <c r="I494" s="2">
        <v>346.7</v>
      </c>
    </row>
    <row r="495" spans="1:9" x14ac:dyDescent="0.35">
      <c r="A495" s="52" t="s">
        <v>78</v>
      </c>
      <c r="B495" s="52" t="s">
        <v>79</v>
      </c>
      <c r="C495" s="3">
        <v>211</v>
      </c>
      <c r="D495" s="52" t="s">
        <v>86</v>
      </c>
      <c r="E495" s="52" t="s">
        <v>29</v>
      </c>
      <c r="F495" s="52" t="s">
        <v>94</v>
      </c>
      <c r="G495" s="52" t="s">
        <v>82</v>
      </c>
      <c r="H495" s="4">
        <v>1</v>
      </c>
      <c r="I495" s="2">
        <v>286.64999999999998</v>
      </c>
    </row>
    <row r="496" spans="1:9" hidden="1" x14ac:dyDescent="0.35">
      <c r="A496" s="52" t="s">
        <v>78</v>
      </c>
      <c r="B496" s="52" t="s">
        <v>79</v>
      </c>
      <c r="C496" s="3">
        <v>211</v>
      </c>
      <c r="D496" s="52" t="s">
        <v>86</v>
      </c>
      <c r="E496" s="52" t="s">
        <v>90</v>
      </c>
      <c r="F496" s="52" t="s">
        <v>91</v>
      </c>
      <c r="G496" s="52" t="s">
        <v>82</v>
      </c>
      <c r="H496" s="4">
        <v>10</v>
      </c>
      <c r="I496" s="2">
        <v>62.38</v>
      </c>
    </row>
    <row r="497" spans="1:9" hidden="1" x14ac:dyDescent="0.35">
      <c r="A497" s="52" t="s">
        <v>78</v>
      </c>
      <c r="B497" s="52" t="s">
        <v>79</v>
      </c>
      <c r="C497" s="3">
        <v>211</v>
      </c>
      <c r="D497" s="52" t="s">
        <v>86</v>
      </c>
      <c r="E497" s="52" t="s">
        <v>111</v>
      </c>
      <c r="F497" s="52" t="s">
        <v>101</v>
      </c>
      <c r="G497" s="52" t="s">
        <v>82</v>
      </c>
      <c r="H497" s="4">
        <v>42</v>
      </c>
      <c r="I497" s="2">
        <v>0</v>
      </c>
    </row>
    <row r="498" spans="1:9" x14ac:dyDescent="0.35">
      <c r="A498" s="52" t="s">
        <v>78</v>
      </c>
      <c r="B498" s="52" t="s">
        <v>79</v>
      </c>
      <c r="C498" s="3">
        <v>211</v>
      </c>
      <c r="D498" s="52" t="s">
        <v>86</v>
      </c>
      <c r="E498" s="52" t="s">
        <v>111</v>
      </c>
      <c r="F498" s="52" t="s">
        <v>96</v>
      </c>
      <c r="G498" s="52" t="s">
        <v>82</v>
      </c>
      <c r="H498" s="4">
        <v>1</v>
      </c>
      <c r="I498" s="2">
        <v>0</v>
      </c>
    </row>
    <row r="499" spans="1:9" hidden="1" x14ac:dyDescent="0.35">
      <c r="A499" s="52" t="s">
        <v>78</v>
      </c>
      <c r="B499" s="52" t="s">
        <v>79</v>
      </c>
      <c r="C499" s="3">
        <v>211</v>
      </c>
      <c r="D499" s="52" t="s">
        <v>86</v>
      </c>
      <c r="E499" s="52" t="s">
        <v>106</v>
      </c>
      <c r="F499" s="52" t="s">
        <v>101</v>
      </c>
      <c r="G499" s="52" t="s">
        <v>108</v>
      </c>
      <c r="H499" s="4">
        <v>2</v>
      </c>
      <c r="I499" s="2">
        <v>0</v>
      </c>
    </row>
    <row r="500" spans="1:9" x14ac:dyDescent="0.35">
      <c r="A500" s="52" t="s">
        <v>78</v>
      </c>
      <c r="B500" s="52" t="s">
        <v>79</v>
      </c>
      <c r="C500" s="3">
        <v>211</v>
      </c>
      <c r="D500" s="52" t="s">
        <v>86</v>
      </c>
      <c r="E500" s="52" t="s">
        <v>106</v>
      </c>
      <c r="F500" s="52" t="s">
        <v>103</v>
      </c>
      <c r="G500" s="52" t="s">
        <v>82</v>
      </c>
      <c r="H500" s="4">
        <v>1</v>
      </c>
      <c r="I500" s="2">
        <v>0</v>
      </c>
    </row>
    <row r="501" spans="1:9" x14ac:dyDescent="0.35">
      <c r="A501" s="52" t="s">
        <v>78</v>
      </c>
      <c r="B501" s="52" t="s">
        <v>79</v>
      </c>
      <c r="C501" s="3">
        <v>211</v>
      </c>
      <c r="D501" s="52" t="s">
        <v>86</v>
      </c>
      <c r="E501" s="52" t="s">
        <v>137</v>
      </c>
      <c r="F501" s="52" t="s">
        <v>103</v>
      </c>
      <c r="G501" s="52" t="s">
        <v>82</v>
      </c>
      <c r="H501" s="4">
        <v>1</v>
      </c>
      <c r="I501" s="2">
        <v>0</v>
      </c>
    </row>
    <row r="502" spans="1:9" hidden="1" x14ac:dyDescent="0.35">
      <c r="A502" s="52" t="s">
        <v>78</v>
      </c>
      <c r="B502" s="52" t="s">
        <v>79</v>
      </c>
      <c r="C502" s="3">
        <v>211</v>
      </c>
      <c r="D502" s="52" t="s">
        <v>86</v>
      </c>
      <c r="E502" s="52" t="s">
        <v>122</v>
      </c>
      <c r="F502" s="52" t="s">
        <v>123</v>
      </c>
      <c r="G502" s="52" t="s">
        <v>108</v>
      </c>
      <c r="H502" s="4">
        <v>10</v>
      </c>
      <c r="I502" s="2">
        <v>0</v>
      </c>
    </row>
    <row r="503" spans="1:9" hidden="1" x14ac:dyDescent="0.35">
      <c r="A503" s="52" t="s">
        <v>78</v>
      </c>
      <c r="B503" s="52" t="s">
        <v>79</v>
      </c>
      <c r="C503" s="3">
        <v>211</v>
      </c>
      <c r="D503" s="52" t="s">
        <v>86</v>
      </c>
      <c r="E503" s="52" t="s">
        <v>139</v>
      </c>
      <c r="F503" s="52" t="s">
        <v>140</v>
      </c>
      <c r="G503" s="52" t="s">
        <v>82</v>
      </c>
      <c r="H503" s="4">
        <v>22</v>
      </c>
      <c r="I503" s="2">
        <v>0</v>
      </c>
    </row>
    <row r="504" spans="1:9" x14ac:dyDescent="0.35">
      <c r="A504" s="52" t="s">
        <v>78</v>
      </c>
      <c r="B504" s="52" t="s">
        <v>79</v>
      </c>
      <c r="C504" s="3">
        <v>211</v>
      </c>
      <c r="D504" s="52" t="s">
        <v>86</v>
      </c>
      <c r="E504" s="52" t="s">
        <v>126</v>
      </c>
      <c r="F504" s="52" t="s">
        <v>101</v>
      </c>
      <c r="G504" s="52" t="s">
        <v>82</v>
      </c>
      <c r="H504" s="4">
        <v>1</v>
      </c>
      <c r="I504" s="2">
        <v>0</v>
      </c>
    </row>
    <row r="505" spans="1:9" hidden="1" x14ac:dyDescent="0.35">
      <c r="A505" s="52" t="s">
        <v>78</v>
      </c>
      <c r="B505" s="52" t="s">
        <v>79</v>
      </c>
      <c r="C505" s="3">
        <v>211</v>
      </c>
      <c r="D505" s="52" t="s">
        <v>86</v>
      </c>
      <c r="E505" s="52" t="s">
        <v>111</v>
      </c>
      <c r="F505" s="52" t="s">
        <v>93</v>
      </c>
      <c r="G505" s="52" t="s">
        <v>82</v>
      </c>
      <c r="H505" s="4">
        <v>28</v>
      </c>
      <c r="I505" s="2">
        <v>0</v>
      </c>
    </row>
    <row r="506" spans="1:9" x14ac:dyDescent="0.35">
      <c r="A506" s="52" t="s">
        <v>78</v>
      </c>
      <c r="B506" s="52" t="s">
        <v>79</v>
      </c>
      <c r="C506" s="3">
        <v>211</v>
      </c>
      <c r="D506" s="52" t="s">
        <v>86</v>
      </c>
      <c r="E506" s="52" t="s">
        <v>102</v>
      </c>
      <c r="F506" s="52" t="s">
        <v>101</v>
      </c>
      <c r="G506" s="52" t="s">
        <v>108</v>
      </c>
      <c r="H506" s="4">
        <v>1</v>
      </c>
      <c r="I506" s="2">
        <v>0</v>
      </c>
    </row>
    <row r="507" spans="1:9" hidden="1" x14ac:dyDescent="0.35">
      <c r="A507" s="52" t="s">
        <v>78</v>
      </c>
      <c r="B507" s="52" t="s">
        <v>79</v>
      </c>
      <c r="C507" s="3">
        <v>211</v>
      </c>
      <c r="D507" s="52" t="s">
        <v>86</v>
      </c>
      <c r="E507" s="52" t="s">
        <v>113</v>
      </c>
      <c r="F507" s="52" t="s">
        <v>114</v>
      </c>
      <c r="G507" s="52" t="s">
        <v>115</v>
      </c>
      <c r="H507" s="4">
        <v>246</v>
      </c>
      <c r="I507" s="2">
        <v>0</v>
      </c>
    </row>
    <row r="508" spans="1:9" hidden="1" x14ac:dyDescent="0.35">
      <c r="A508" s="52" t="s">
        <v>78</v>
      </c>
      <c r="B508" s="52" t="s">
        <v>79</v>
      </c>
      <c r="C508" s="3">
        <v>211</v>
      </c>
      <c r="D508" s="52" t="s">
        <v>86</v>
      </c>
      <c r="E508" s="52" t="s">
        <v>117</v>
      </c>
      <c r="F508" s="52" t="s">
        <v>116</v>
      </c>
      <c r="G508" s="52" t="s">
        <v>82</v>
      </c>
      <c r="H508" s="4">
        <v>252</v>
      </c>
      <c r="I508" s="2">
        <v>0</v>
      </c>
    </row>
    <row r="509" spans="1:9" hidden="1" x14ac:dyDescent="0.35">
      <c r="A509" s="52" t="s">
        <v>78</v>
      </c>
      <c r="B509" s="52" t="s">
        <v>79</v>
      </c>
      <c r="C509" s="3">
        <v>211</v>
      </c>
      <c r="D509" s="52" t="s">
        <v>86</v>
      </c>
      <c r="E509" s="52" t="s">
        <v>121</v>
      </c>
      <c r="F509" s="52" t="s">
        <v>112</v>
      </c>
      <c r="G509" s="52" t="s">
        <v>108</v>
      </c>
      <c r="H509" s="4">
        <v>3</v>
      </c>
      <c r="I509" s="2">
        <v>0</v>
      </c>
    </row>
    <row r="510" spans="1:9" hidden="1" x14ac:dyDescent="0.35">
      <c r="A510" s="52" t="s">
        <v>78</v>
      </c>
      <c r="B510" s="52" t="s">
        <v>79</v>
      </c>
      <c r="C510" s="3">
        <v>211</v>
      </c>
      <c r="D510" s="52" t="s">
        <v>86</v>
      </c>
      <c r="E510" s="52" t="s">
        <v>120</v>
      </c>
      <c r="F510" s="52" t="s">
        <v>116</v>
      </c>
      <c r="G510" s="52" t="s">
        <v>115</v>
      </c>
      <c r="H510" s="4">
        <v>150</v>
      </c>
      <c r="I510" s="2">
        <v>0</v>
      </c>
    </row>
    <row r="511" spans="1:9" hidden="1" x14ac:dyDescent="0.35">
      <c r="A511" s="52" t="s">
        <v>78</v>
      </c>
      <c r="B511" s="52" t="s">
        <v>79</v>
      </c>
      <c r="C511" s="3">
        <v>211</v>
      </c>
      <c r="D511" s="52" t="s">
        <v>86</v>
      </c>
      <c r="E511" s="52" t="s">
        <v>111</v>
      </c>
      <c r="F511" s="52" t="s">
        <v>105</v>
      </c>
      <c r="G511" s="52" t="s">
        <v>82</v>
      </c>
      <c r="H511" s="4">
        <v>30</v>
      </c>
      <c r="I511" s="2">
        <v>0</v>
      </c>
    </row>
    <row r="512" spans="1:9" hidden="1" x14ac:dyDescent="0.35">
      <c r="A512" s="52" t="s">
        <v>78</v>
      </c>
      <c r="B512" s="52" t="s">
        <v>79</v>
      </c>
      <c r="C512" s="3">
        <v>211</v>
      </c>
      <c r="D512" s="52" t="s">
        <v>86</v>
      </c>
      <c r="E512" s="52" t="s">
        <v>109</v>
      </c>
      <c r="F512" s="52" t="s">
        <v>110</v>
      </c>
      <c r="G512" s="52" t="s">
        <v>108</v>
      </c>
      <c r="H512" s="4">
        <v>5</v>
      </c>
      <c r="I512" s="2">
        <v>0</v>
      </c>
    </row>
    <row r="513" spans="1:9" hidden="1" x14ac:dyDescent="0.35">
      <c r="A513" s="52" t="s">
        <v>78</v>
      </c>
      <c r="B513" s="52" t="s">
        <v>79</v>
      </c>
      <c r="C513" s="3">
        <v>211</v>
      </c>
      <c r="D513" s="52" t="s">
        <v>86</v>
      </c>
      <c r="E513" s="52" t="s">
        <v>118</v>
      </c>
      <c r="F513" s="52" t="s">
        <v>119</v>
      </c>
      <c r="G513" s="52" t="s">
        <v>115</v>
      </c>
      <c r="H513" s="4">
        <v>150</v>
      </c>
      <c r="I513" s="2">
        <v>0</v>
      </c>
    </row>
    <row r="514" spans="1:9" hidden="1" x14ac:dyDescent="0.35">
      <c r="A514" s="52" t="s">
        <v>78</v>
      </c>
      <c r="B514" s="52" t="s">
        <v>79</v>
      </c>
      <c r="C514" s="3">
        <v>211</v>
      </c>
      <c r="D514" s="52" t="s">
        <v>86</v>
      </c>
      <c r="E514" s="52" t="s">
        <v>111</v>
      </c>
      <c r="F514" s="52" t="s">
        <v>103</v>
      </c>
      <c r="G514" s="52" t="s">
        <v>82</v>
      </c>
      <c r="H514" s="4">
        <v>6</v>
      </c>
      <c r="I514" s="2">
        <v>0</v>
      </c>
    </row>
    <row r="515" spans="1:9" hidden="1" x14ac:dyDescent="0.35">
      <c r="A515" s="52" t="s">
        <v>78</v>
      </c>
      <c r="B515" s="52" t="s">
        <v>79</v>
      </c>
      <c r="C515" s="3">
        <v>211</v>
      </c>
      <c r="D515" s="52" t="s">
        <v>86</v>
      </c>
      <c r="E515" s="52" t="s">
        <v>102</v>
      </c>
      <c r="F515" s="52" t="s">
        <v>103</v>
      </c>
      <c r="G515" s="52" t="s">
        <v>82</v>
      </c>
      <c r="H515" s="4">
        <v>81</v>
      </c>
      <c r="I515" s="2">
        <v>0</v>
      </c>
    </row>
    <row r="516" spans="1:9" hidden="1" x14ac:dyDescent="0.35">
      <c r="A516" s="52" t="s">
        <v>78</v>
      </c>
      <c r="B516" s="52" t="s">
        <v>79</v>
      </c>
      <c r="C516" s="3">
        <v>211</v>
      </c>
      <c r="D516" s="52" t="s">
        <v>86</v>
      </c>
      <c r="E516" s="52" t="s">
        <v>111</v>
      </c>
      <c r="F516" s="52" t="s">
        <v>107</v>
      </c>
      <c r="G516" s="52" t="s">
        <v>108</v>
      </c>
      <c r="H516" s="4">
        <v>2</v>
      </c>
      <c r="I516" s="2">
        <v>0</v>
      </c>
    </row>
    <row r="517" spans="1:9" hidden="1" x14ac:dyDescent="0.35">
      <c r="A517" s="52" t="s">
        <v>78</v>
      </c>
      <c r="B517" s="52" t="s">
        <v>79</v>
      </c>
      <c r="C517" s="3">
        <v>211</v>
      </c>
      <c r="D517" s="52" t="s">
        <v>86</v>
      </c>
      <c r="E517" s="52" t="s">
        <v>102</v>
      </c>
      <c r="F517" s="52" t="s">
        <v>107</v>
      </c>
      <c r="G517" s="52" t="s">
        <v>108</v>
      </c>
      <c r="H517" s="4">
        <v>16</v>
      </c>
      <c r="I517" s="2">
        <v>0</v>
      </c>
    </row>
    <row r="518" spans="1:9" x14ac:dyDescent="0.35">
      <c r="A518" s="52" t="s">
        <v>78</v>
      </c>
      <c r="B518" s="52" t="s">
        <v>79</v>
      </c>
      <c r="C518" s="3">
        <v>211</v>
      </c>
      <c r="D518" s="52" t="s">
        <v>86</v>
      </c>
      <c r="E518" s="52" t="s">
        <v>111</v>
      </c>
      <c r="F518" s="52" t="s">
        <v>94</v>
      </c>
      <c r="G518" s="52" t="s">
        <v>82</v>
      </c>
      <c r="H518" s="4">
        <v>1</v>
      </c>
      <c r="I518" s="2">
        <v>0</v>
      </c>
    </row>
    <row r="519" spans="1:9" hidden="1" x14ac:dyDescent="0.35">
      <c r="A519" s="52" t="s">
        <v>78</v>
      </c>
      <c r="B519" s="52" t="s">
        <v>79</v>
      </c>
      <c r="C519" s="3">
        <v>211</v>
      </c>
      <c r="D519" s="52" t="s">
        <v>86</v>
      </c>
      <c r="E519" s="52" t="s">
        <v>102</v>
      </c>
      <c r="F519" s="52" t="s">
        <v>116</v>
      </c>
      <c r="G519" s="52" t="s">
        <v>115</v>
      </c>
      <c r="H519" s="4">
        <v>146</v>
      </c>
      <c r="I519" s="2">
        <v>0</v>
      </c>
    </row>
    <row r="520" spans="1:9" hidden="1" x14ac:dyDescent="0.35">
      <c r="A520" s="52" t="s">
        <v>78</v>
      </c>
      <c r="B520" s="52" t="s">
        <v>79</v>
      </c>
      <c r="C520" s="3">
        <v>211</v>
      </c>
      <c r="D520" s="52" t="s">
        <v>86</v>
      </c>
      <c r="E520" s="52" t="s">
        <v>135</v>
      </c>
      <c r="F520" s="52" t="s">
        <v>112</v>
      </c>
      <c r="G520" s="52" t="s">
        <v>82</v>
      </c>
      <c r="H520" s="4">
        <v>291</v>
      </c>
      <c r="I520" s="2">
        <v>0</v>
      </c>
    </row>
    <row r="521" spans="1:9" hidden="1" x14ac:dyDescent="0.35">
      <c r="A521" s="52" t="s">
        <v>78</v>
      </c>
      <c r="B521" s="52" t="s">
        <v>79</v>
      </c>
      <c r="C521" s="3">
        <v>211</v>
      </c>
      <c r="D521" s="52" t="s">
        <v>86</v>
      </c>
      <c r="E521" s="52" t="s">
        <v>106</v>
      </c>
      <c r="F521" s="52" t="s">
        <v>107</v>
      </c>
      <c r="G521" s="52" t="s">
        <v>108</v>
      </c>
      <c r="H521" s="4">
        <v>8</v>
      </c>
      <c r="I521" s="2">
        <v>0</v>
      </c>
    </row>
    <row r="522" spans="1:9" hidden="1" x14ac:dyDescent="0.35">
      <c r="A522" s="52" t="s">
        <v>78</v>
      </c>
      <c r="B522" s="52" t="s">
        <v>79</v>
      </c>
      <c r="C522" s="3">
        <v>211</v>
      </c>
      <c r="D522" s="52" t="s">
        <v>86</v>
      </c>
      <c r="E522" s="52" t="s">
        <v>134</v>
      </c>
      <c r="F522" s="52" t="s">
        <v>123</v>
      </c>
      <c r="G522" s="52" t="s">
        <v>82</v>
      </c>
      <c r="H522" s="4">
        <v>27</v>
      </c>
      <c r="I522" s="2">
        <v>0</v>
      </c>
    </row>
    <row r="523" spans="1:9" hidden="1" x14ac:dyDescent="0.35">
      <c r="A523" s="52" t="s">
        <v>78</v>
      </c>
      <c r="B523" s="52" t="s">
        <v>79</v>
      </c>
      <c r="C523" s="3">
        <v>211</v>
      </c>
      <c r="D523" s="52" t="s">
        <v>86</v>
      </c>
      <c r="E523" s="52" t="s">
        <v>104</v>
      </c>
      <c r="F523" s="52" t="s">
        <v>101</v>
      </c>
      <c r="G523" s="52" t="s">
        <v>82</v>
      </c>
      <c r="H523" s="4">
        <v>33</v>
      </c>
      <c r="I523" s="2">
        <v>0</v>
      </c>
    </row>
    <row r="524" spans="1:9" hidden="1" x14ac:dyDescent="0.35">
      <c r="A524" s="52" t="s">
        <v>78</v>
      </c>
      <c r="B524" s="52" t="s">
        <v>79</v>
      </c>
      <c r="C524" s="3">
        <v>211</v>
      </c>
      <c r="D524" s="52" t="s">
        <v>86</v>
      </c>
      <c r="E524" s="52" t="s">
        <v>111</v>
      </c>
      <c r="F524" s="52" t="s">
        <v>95</v>
      </c>
      <c r="G524" s="52" t="s">
        <v>82</v>
      </c>
      <c r="H524" s="4">
        <v>15</v>
      </c>
      <c r="I524" s="2">
        <v>0</v>
      </c>
    </row>
    <row r="525" spans="1:9" hidden="1" x14ac:dyDescent="0.35">
      <c r="A525" s="52" t="s">
        <v>78</v>
      </c>
      <c r="B525" s="52" t="s">
        <v>79</v>
      </c>
      <c r="C525" s="3">
        <v>211</v>
      </c>
      <c r="D525" s="52" t="s">
        <v>86</v>
      </c>
      <c r="E525" s="52" t="s">
        <v>104</v>
      </c>
      <c r="F525" s="52" t="s">
        <v>105</v>
      </c>
      <c r="G525" s="52" t="s">
        <v>82</v>
      </c>
      <c r="H525" s="4">
        <v>26</v>
      </c>
      <c r="I525" s="2">
        <v>0</v>
      </c>
    </row>
    <row r="526" spans="1:9" x14ac:dyDescent="0.35">
      <c r="A526" s="52" t="s">
        <v>78</v>
      </c>
      <c r="B526" s="52" t="s">
        <v>79</v>
      </c>
      <c r="C526" s="3">
        <v>211</v>
      </c>
      <c r="D526" s="52" t="s">
        <v>86</v>
      </c>
      <c r="E526" s="52" t="s">
        <v>126</v>
      </c>
      <c r="F526" s="52" t="s">
        <v>103</v>
      </c>
      <c r="G526" s="52" t="s">
        <v>82</v>
      </c>
      <c r="H526" s="4">
        <v>1</v>
      </c>
      <c r="I526" s="2">
        <v>0</v>
      </c>
    </row>
    <row r="527" spans="1:9" hidden="1" x14ac:dyDescent="0.35">
      <c r="A527" s="52" t="s">
        <v>78</v>
      </c>
      <c r="B527" s="52" t="s">
        <v>79</v>
      </c>
      <c r="C527" s="3">
        <v>211</v>
      </c>
      <c r="D527" s="52" t="s">
        <v>86</v>
      </c>
      <c r="E527" s="52" t="s">
        <v>111</v>
      </c>
      <c r="F527" s="52" t="s">
        <v>81</v>
      </c>
      <c r="G527" s="52" t="s">
        <v>82</v>
      </c>
      <c r="H527" s="4">
        <v>2</v>
      </c>
      <c r="I527" s="2">
        <v>0</v>
      </c>
    </row>
    <row r="528" spans="1:9" hidden="1" x14ac:dyDescent="0.35">
      <c r="A528" s="52" t="s">
        <v>78</v>
      </c>
      <c r="B528" s="52" t="s">
        <v>79</v>
      </c>
      <c r="C528" s="3">
        <v>212</v>
      </c>
      <c r="D528" s="52" t="s">
        <v>86</v>
      </c>
      <c r="E528" s="52" t="s">
        <v>92</v>
      </c>
      <c r="F528" s="52" t="s">
        <v>93</v>
      </c>
      <c r="G528" s="52" t="s">
        <v>82</v>
      </c>
      <c r="H528" s="4">
        <v>873</v>
      </c>
      <c r="I528" s="2">
        <v>20609.419999999998</v>
      </c>
    </row>
    <row r="529" spans="1:9" hidden="1" x14ac:dyDescent="0.35">
      <c r="A529" s="52" t="s">
        <v>78</v>
      </c>
      <c r="B529" s="52" t="s">
        <v>79</v>
      </c>
      <c r="C529" s="3">
        <v>212</v>
      </c>
      <c r="D529" s="52" t="s">
        <v>86</v>
      </c>
      <c r="E529" s="52" t="s">
        <v>36</v>
      </c>
      <c r="F529" s="52" t="s">
        <v>95</v>
      </c>
      <c r="G529" s="52" t="s">
        <v>82</v>
      </c>
      <c r="H529" s="4">
        <v>39</v>
      </c>
      <c r="I529" s="2">
        <v>183.3</v>
      </c>
    </row>
    <row r="530" spans="1:9" hidden="1" x14ac:dyDescent="0.35">
      <c r="A530" s="52" t="s">
        <v>78</v>
      </c>
      <c r="B530" s="52" t="s">
        <v>79</v>
      </c>
      <c r="C530" s="3">
        <v>212</v>
      </c>
      <c r="D530" s="52" t="s">
        <v>86</v>
      </c>
      <c r="E530" s="52" t="s">
        <v>26</v>
      </c>
      <c r="F530" s="52" t="s">
        <v>81</v>
      </c>
      <c r="G530" s="52" t="s">
        <v>82</v>
      </c>
      <c r="H530" s="4">
        <v>4</v>
      </c>
      <c r="I530" s="2">
        <v>58.6</v>
      </c>
    </row>
    <row r="531" spans="1:9" hidden="1" x14ac:dyDescent="0.35">
      <c r="A531" s="52" t="s">
        <v>78</v>
      </c>
      <c r="B531" s="52" t="s">
        <v>79</v>
      </c>
      <c r="C531" s="3">
        <v>212</v>
      </c>
      <c r="D531" s="52" t="s">
        <v>86</v>
      </c>
      <c r="E531" s="52" t="s">
        <v>38</v>
      </c>
      <c r="F531" s="52" t="s">
        <v>97</v>
      </c>
      <c r="G531" s="52" t="s">
        <v>82</v>
      </c>
      <c r="H531" s="4">
        <v>2</v>
      </c>
      <c r="I531" s="2">
        <v>34.700000000000003</v>
      </c>
    </row>
    <row r="532" spans="1:9" x14ac:dyDescent="0.35">
      <c r="A532" s="52" t="s">
        <v>78</v>
      </c>
      <c r="B532" s="52" t="s">
        <v>79</v>
      </c>
      <c r="C532" s="3">
        <v>212</v>
      </c>
      <c r="D532" s="52" t="s">
        <v>86</v>
      </c>
      <c r="E532" s="52" t="s">
        <v>90</v>
      </c>
      <c r="F532" s="52" t="s">
        <v>91</v>
      </c>
      <c r="G532" s="52" t="s">
        <v>82</v>
      </c>
      <c r="H532" s="4">
        <v>1</v>
      </c>
      <c r="I532" s="2">
        <v>6.99</v>
      </c>
    </row>
    <row r="533" spans="1:9" hidden="1" x14ac:dyDescent="0.35">
      <c r="A533" s="52" t="s">
        <v>78</v>
      </c>
      <c r="B533" s="52" t="s">
        <v>79</v>
      </c>
      <c r="C533" s="3">
        <v>212</v>
      </c>
      <c r="D533" s="52" t="s">
        <v>86</v>
      </c>
      <c r="E533" s="52" t="s">
        <v>118</v>
      </c>
      <c r="F533" s="52" t="s">
        <v>119</v>
      </c>
      <c r="G533" s="52" t="s">
        <v>115</v>
      </c>
      <c r="H533" s="4">
        <v>29</v>
      </c>
      <c r="I533" s="2">
        <v>0</v>
      </c>
    </row>
    <row r="534" spans="1:9" x14ac:dyDescent="0.35">
      <c r="A534" s="52" t="s">
        <v>78</v>
      </c>
      <c r="B534" s="52" t="s">
        <v>79</v>
      </c>
      <c r="C534" s="3">
        <v>212</v>
      </c>
      <c r="D534" s="52" t="s">
        <v>86</v>
      </c>
      <c r="E534" s="52" t="s">
        <v>139</v>
      </c>
      <c r="F534" s="52" t="s">
        <v>140</v>
      </c>
      <c r="G534" s="52" t="s">
        <v>82</v>
      </c>
      <c r="H534" s="4">
        <v>1</v>
      </c>
      <c r="I534" s="2">
        <v>0</v>
      </c>
    </row>
    <row r="535" spans="1:9" hidden="1" x14ac:dyDescent="0.35">
      <c r="A535" s="52" t="s">
        <v>78</v>
      </c>
      <c r="B535" s="52" t="s">
        <v>79</v>
      </c>
      <c r="C535" s="3">
        <v>212</v>
      </c>
      <c r="D535" s="52" t="s">
        <v>86</v>
      </c>
      <c r="E535" s="52" t="s">
        <v>117</v>
      </c>
      <c r="F535" s="52" t="s">
        <v>116</v>
      </c>
      <c r="G535" s="52" t="s">
        <v>82</v>
      </c>
      <c r="H535" s="4">
        <v>57</v>
      </c>
      <c r="I535" s="2">
        <v>0</v>
      </c>
    </row>
    <row r="536" spans="1:9" x14ac:dyDescent="0.35">
      <c r="A536" s="52" t="s">
        <v>78</v>
      </c>
      <c r="B536" s="52" t="s">
        <v>79</v>
      </c>
      <c r="C536" s="3">
        <v>212</v>
      </c>
      <c r="D536" s="52" t="s">
        <v>86</v>
      </c>
      <c r="E536" s="52" t="s">
        <v>106</v>
      </c>
      <c r="F536" s="52" t="s">
        <v>103</v>
      </c>
      <c r="G536" s="52" t="s">
        <v>82</v>
      </c>
      <c r="H536" s="4">
        <v>1</v>
      </c>
      <c r="I536" s="2">
        <v>0</v>
      </c>
    </row>
    <row r="537" spans="1:9" hidden="1" x14ac:dyDescent="0.35">
      <c r="A537" s="52" t="s">
        <v>78</v>
      </c>
      <c r="B537" s="52" t="s">
        <v>79</v>
      </c>
      <c r="C537" s="3">
        <v>212</v>
      </c>
      <c r="D537" s="52" t="s">
        <v>86</v>
      </c>
      <c r="E537" s="52" t="s">
        <v>111</v>
      </c>
      <c r="F537" s="52" t="s">
        <v>101</v>
      </c>
      <c r="G537" s="52" t="s">
        <v>82</v>
      </c>
      <c r="H537" s="4">
        <v>18</v>
      </c>
      <c r="I537" s="2">
        <v>0</v>
      </c>
    </row>
    <row r="538" spans="1:9" hidden="1" x14ac:dyDescent="0.35">
      <c r="A538" s="52" t="s">
        <v>78</v>
      </c>
      <c r="B538" s="52" t="s">
        <v>79</v>
      </c>
      <c r="C538" s="3">
        <v>212</v>
      </c>
      <c r="D538" s="52" t="s">
        <v>86</v>
      </c>
      <c r="E538" s="52" t="s">
        <v>111</v>
      </c>
      <c r="F538" s="52" t="s">
        <v>93</v>
      </c>
      <c r="G538" s="52" t="s">
        <v>82</v>
      </c>
      <c r="H538" s="4">
        <v>8</v>
      </c>
      <c r="I538" s="2">
        <v>0</v>
      </c>
    </row>
    <row r="539" spans="1:9" hidden="1" x14ac:dyDescent="0.35">
      <c r="A539" s="52" t="s">
        <v>78</v>
      </c>
      <c r="B539" s="52" t="s">
        <v>79</v>
      </c>
      <c r="C539" s="3">
        <v>212</v>
      </c>
      <c r="D539" s="52" t="s">
        <v>86</v>
      </c>
      <c r="E539" s="52" t="s">
        <v>134</v>
      </c>
      <c r="F539" s="52" t="s">
        <v>123</v>
      </c>
      <c r="G539" s="52" t="s">
        <v>82</v>
      </c>
      <c r="H539" s="4">
        <v>4</v>
      </c>
      <c r="I539" s="2">
        <v>0</v>
      </c>
    </row>
    <row r="540" spans="1:9" hidden="1" x14ac:dyDescent="0.35">
      <c r="A540" s="52" t="s">
        <v>78</v>
      </c>
      <c r="B540" s="52" t="s">
        <v>79</v>
      </c>
      <c r="C540" s="3">
        <v>212</v>
      </c>
      <c r="D540" s="52" t="s">
        <v>86</v>
      </c>
      <c r="E540" s="52" t="s">
        <v>102</v>
      </c>
      <c r="F540" s="52" t="s">
        <v>107</v>
      </c>
      <c r="G540" s="52" t="s">
        <v>108</v>
      </c>
      <c r="H540" s="4">
        <v>3</v>
      </c>
      <c r="I540" s="2">
        <v>0</v>
      </c>
    </row>
    <row r="541" spans="1:9" hidden="1" x14ac:dyDescent="0.35">
      <c r="A541" s="52" t="s">
        <v>78</v>
      </c>
      <c r="B541" s="52" t="s">
        <v>79</v>
      </c>
      <c r="C541" s="3">
        <v>212</v>
      </c>
      <c r="D541" s="52" t="s">
        <v>86</v>
      </c>
      <c r="E541" s="52" t="s">
        <v>113</v>
      </c>
      <c r="F541" s="52" t="s">
        <v>114</v>
      </c>
      <c r="G541" s="52" t="s">
        <v>115</v>
      </c>
      <c r="H541" s="4">
        <v>32</v>
      </c>
      <c r="I541" s="2">
        <v>0</v>
      </c>
    </row>
    <row r="542" spans="1:9" hidden="1" x14ac:dyDescent="0.35">
      <c r="A542" s="52" t="s">
        <v>78</v>
      </c>
      <c r="B542" s="52" t="s">
        <v>79</v>
      </c>
      <c r="C542" s="3">
        <v>212</v>
      </c>
      <c r="D542" s="52" t="s">
        <v>86</v>
      </c>
      <c r="E542" s="52" t="s">
        <v>120</v>
      </c>
      <c r="F542" s="52" t="s">
        <v>116</v>
      </c>
      <c r="G542" s="52" t="s">
        <v>115</v>
      </c>
      <c r="H542" s="4">
        <v>29</v>
      </c>
      <c r="I542" s="2">
        <v>0</v>
      </c>
    </row>
    <row r="543" spans="1:9" hidden="1" x14ac:dyDescent="0.35">
      <c r="A543" s="52" t="s">
        <v>78</v>
      </c>
      <c r="B543" s="52" t="s">
        <v>79</v>
      </c>
      <c r="C543" s="3">
        <v>212</v>
      </c>
      <c r="D543" s="52" t="s">
        <v>86</v>
      </c>
      <c r="E543" s="52" t="s">
        <v>102</v>
      </c>
      <c r="F543" s="52" t="s">
        <v>103</v>
      </c>
      <c r="G543" s="52" t="s">
        <v>82</v>
      </c>
      <c r="H543" s="4">
        <v>25</v>
      </c>
      <c r="I543" s="2">
        <v>0</v>
      </c>
    </row>
    <row r="544" spans="1:9" x14ac:dyDescent="0.35">
      <c r="A544" s="52" t="s">
        <v>78</v>
      </c>
      <c r="B544" s="52" t="s">
        <v>79</v>
      </c>
      <c r="C544" s="3">
        <v>212</v>
      </c>
      <c r="D544" s="52" t="s">
        <v>86</v>
      </c>
      <c r="E544" s="52" t="s">
        <v>111</v>
      </c>
      <c r="F544" s="52" t="s">
        <v>95</v>
      </c>
      <c r="G544" s="52" t="s">
        <v>82</v>
      </c>
      <c r="H544" s="4">
        <v>1</v>
      </c>
      <c r="I544" s="2">
        <v>0</v>
      </c>
    </row>
    <row r="545" spans="1:9" x14ac:dyDescent="0.35">
      <c r="A545" s="52" t="s">
        <v>78</v>
      </c>
      <c r="B545" s="52" t="s">
        <v>79</v>
      </c>
      <c r="C545" s="3">
        <v>212</v>
      </c>
      <c r="D545" s="52" t="s">
        <v>86</v>
      </c>
      <c r="E545" s="52" t="s">
        <v>126</v>
      </c>
      <c r="F545" s="52" t="s">
        <v>103</v>
      </c>
      <c r="G545" s="52" t="s">
        <v>82</v>
      </c>
      <c r="H545" s="4">
        <v>1</v>
      </c>
      <c r="I545" s="2">
        <v>0</v>
      </c>
    </row>
    <row r="546" spans="1:9" x14ac:dyDescent="0.35">
      <c r="A546" s="52" t="s">
        <v>78</v>
      </c>
      <c r="B546" s="52" t="s">
        <v>79</v>
      </c>
      <c r="C546" s="3">
        <v>212</v>
      </c>
      <c r="D546" s="52" t="s">
        <v>86</v>
      </c>
      <c r="E546" s="52" t="s">
        <v>109</v>
      </c>
      <c r="F546" s="52" t="s">
        <v>110</v>
      </c>
      <c r="G546" s="52" t="s">
        <v>108</v>
      </c>
      <c r="H546" s="4">
        <v>1</v>
      </c>
      <c r="I546" s="2">
        <v>0</v>
      </c>
    </row>
    <row r="547" spans="1:9" x14ac:dyDescent="0.35">
      <c r="A547" s="52" t="s">
        <v>78</v>
      </c>
      <c r="B547" s="52" t="s">
        <v>79</v>
      </c>
      <c r="C547" s="3">
        <v>212</v>
      </c>
      <c r="D547" s="52" t="s">
        <v>86</v>
      </c>
      <c r="E547" s="52" t="s">
        <v>106</v>
      </c>
      <c r="F547" s="52" t="s">
        <v>107</v>
      </c>
      <c r="G547" s="52" t="s">
        <v>108</v>
      </c>
      <c r="H547" s="4">
        <v>1</v>
      </c>
      <c r="I547" s="2">
        <v>0</v>
      </c>
    </row>
    <row r="548" spans="1:9" hidden="1" x14ac:dyDescent="0.35">
      <c r="A548" s="52" t="s">
        <v>78</v>
      </c>
      <c r="B548" s="52" t="s">
        <v>79</v>
      </c>
      <c r="C548" s="3">
        <v>212</v>
      </c>
      <c r="D548" s="52" t="s">
        <v>86</v>
      </c>
      <c r="E548" s="52" t="s">
        <v>102</v>
      </c>
      <c r="F548" s="52" t="s">
        <v>116</v>
      </c>
      <c r="G548" s="52" t="s">
        <v>115</v>
      </c>
      <c r="H548" s="4">
        <v>28</v>
      </c>
      <c r="I548" s="2">
        <v>0</v>
      </c>
    </row>
    <row r="549" spans="1:9" hidden="1" x14ac:dyDescent="0.35">
      <c r="A549" s="52" t="s">
        <v>78</v>
      </c>
      <c r="B549" s="52" t="s">
        <v>79</v>
      </c>
      <c r="C549" s="3">
        <v>212</v>
      </c>
      <c r="D549" s="52" t="s">
        <v>86</v>
      </c>
      <c r="E549" s="52" t="s">
        <v>135</v>
      </c>
      <c r="F549" s="52" t="s">
        <v>112</v>
      </c>
      <c r="G549" s="52" t="s">
        <v>82</v>
      </c>
      <c r="H549" s="4">
        <v>82</v>
      </c>
      <c r="I549" s="2">
        <v>0</v>
      </c>
    </row>
    <row r="550" spans="1:9" hidden="1" x14ac:dyDescent="0.35">
      <c r="A550" s="52" t="s">
        <v>78</v>
      </c>
      <c r="B550" s="52" t="s">
        <v>79</v>
      </c>
      <c r="C550" s="3">
        <v>212</v>
      </c>
      <c r="D550" s="52" t="s">
        <v>86</v>
      </c>
      <c r="E550" s="52" t="s">
        <v>122</v>
      </c>
      <c r="F550" s="52" t="s">
        <v>123</v>
      </c>
      <c r="G550" s="52" t="s">
        <v>108</v>
      </c>
      <c r="H550" s="4">
        <v>2</v>
      </c>
      <c r="I550" s="2">
        <v>0</v>
      </c>
    </row>
    <row r="551" spans="1:9" x14ac:dyDescent="0.35">
      <c r="A551" s="52" t="s">
        <v>78</v>
      </c>
      <c r="B551" s="52" t="s">
        <v>79</v>
      </c>
      <c r="C551" s="3">
        <v>212</v>
      </c>
      <c r="D551" s="52" t="s">
        <v>86</v>
      </c>
      <c r="E551" s="52" t="s">
        <v>121</v>
      </c>
      <c r="F551" s="52" t="s">
        <v>112</v>
      </c>
      <c r="G551" s="52" t="s">
        <v>108</v>
      </c>
      <c r="H551" s="4">
        <v>1</v>
      </c>
      <c r="I551" s="2">
        <v>0</v>
      </c>
    </row>
    <row r="552" spans="1:9" x14ac:dyDescent="0.35">
      <c r="A552" s="52" t="s">
        <v>78</v>
      </c>
      <c r="B552" s="52" t="s">
        <v>79</v>
      </c>
      <c r="C552" s="3">
        <v>212</v>
      </c>
      <c r="D552" s="52" t="s">
        <v>86</v>
      </c>
      <c r="E552" s="52" t="s">
        <v>111</v>
      </c>
      <c r="F552" s="52" t="s">
        <v>103</v>
      </c>
      <c r="G552" s="52" t="s">
        <v>82</v>
      </c>
      <c r="H552" s="4">
        <v>1</v>
      </c>
      <c r="I552" s="2">
        <v>0</v>
      </c>
    </row>
    <row r="553" spans="1:9" x14ac:dyDescent="0.35">
      <c r="A553" s="52" t="s">
        <v>78</v>
      </c>
      <c r="B553" s="52" t="s">
        <v>79</v>
      </c>
      <c r="C553" s="3">
        <v>213</v>
      </c>
      <c r="D553" s="52" t="s">
        <v>86</v>
      </c>
      <c r="E553" s="52" t="s">
        <v>92</v>
      </c>
      <c r="F553" s="52" t="s">
        <v>93</v>
      </c>
      <c r="G553" s="52" t="s">
        <v>82</v>
      </c>
      <c r="H553" s="4">
        <v>1</v>
      </c>
      <c r="I553" s="2">
        <v>1.73</v>
      </c>
    </row>
    <row r="554" spans="1:9" x14ac:dyDescent="0.35">
      <c r="A554" s="52" t="s">
        <v>78</v>
      </c>
      <c r="B554" s="52" t="s">
        <v>79</v>
      </c>
      <c r="C554" s="3">
        <v>213</v>
      </c>
      <c r="D554" s="52" t="s">
        <v>86</v>
      </c>
      <c r="E554" s="52" t="s">
        <v>102</v>
      </c>
      <c r="F554" s="52" t="s">
        <v>103</v>
      </c>
      <c r="G554" s="52" t="s">
        <v>82</v>
      </c>
      <c r="H554" s="4">
        <v>1</v>
      </c>
      <c r="I554" s="2">
        <v>0</v>
      </c>
    </row>
    <row r="555" spans="1:9" hidden="1" x14ac:dyDescent="0.35">
      <c r="A555" s="52" t="s">
        <v>78</v>
      </c>
      <c r="B555" s="52" t="s">
        <v>79</v>
      </c>
      <c r="C555" s="3">
        <v>216</v>
      </c>
      <c r="D555" s="52" t="s">
        <v>86</v>
      </c>
      <c r="E555" s="52" t="s">
        <v>92</v>
      </c>
      <c r="F555" s="52" t="s">
        <v>93</v>
      </c>
      <c r="G555" s="52" t="s">
        <v>82</v>
      </c>
      <c r="H555" s="4">
        <v>310</v>
      </c>
      <c r="I555" s="2">
        <v>6318.37</v>
      </c>
    </row>
    <row r="556" spans="1:9" hidden="1" x14ac:dyDescent="0.35">
      <c r="A556" s="52" t="s">
        <v>78</v>
      </c>
      <c r="B556" s="52" t="s">
        <v>79</v>
      </c>
      <c r="C556" s="3">
        <v>216</v>
      </c>
      <c r="D556" s="52" t="s">
        <v>86</v>
      </c>
      <c r="E556" s="52" t="s">
        <v>111</v>
      </c>
      <c r="F556" s="52" t="s">
        <v>105</v>
      </c>
      <c r="G556" s="52" t="s">
        <v>82</v>
      </c>
      <c r="H556" s="4">
        <v>2</v>
      </c>
      <c r="I556" s="2">
        <v>0</v>
      </c>
    </row>
    <row r="557" spans="1:9" hidden="1" x14ac:dyDescent="0.35">
      <c r="A557" s="52" t="s">
        <v>78</v>
      </c>
      <c r="B557" s="52" t="s">
        <v>79</v>
      </c>
      <c r="C557" s="3">
        <v>216</v>
      </c>
      <c r="D557" s="52" t="s">
        <v>86</v>
      </c>
      <c r="E557" s="52" t="s">
        <v>135</v>
      </c>
      <c r="F557" s="52" t="s">
        <v>112</v>
      </c>
      <c r="G557" s="52" t="s">
        <v>82</v>
      </c>
      <c r="H557" s="4">
        <v>2</v>
      </c>
      <c r="I557" s="2">
        <v>0</v>
      </c>
    </row>
    <row r="558" spans="1:9" hidden="1" x14ac:dyDescent="0.35">
      <c r="A558" s="52" t="s">
        <v>78</v>
      </c>
      <c r="B558" s="52" t="s">
        <v>79</v>
      </c>
      <c r="C558" s="3">
        <v>216</v>
      </c>
      <c r="D558" s="52" t="s">
        <v>86</v>
      </c>
      <c r="E558" s="52" t="s">
        <v>102</v>
      </c>
      <c r="F558" s="52" t="s">
        <v>103</v>
      </c>
      <c r="G558" s="52" t="s">
        <v>82</v>
      </c>
      <c r="H558" s="4">
        <v>10</v>
      </c>
      <c r="I558" s="2">
        <v>0</v>
      </c>
    </row>
    <row r="559" spans="1:9" hidden="1" x14ac:dyDescent="0.35">
      <c r="A559" s="52" t="s">
        <v>78</v>
      </c>
      <c r="B559" s="52" t="s">
        <v>79</v>
      </c>
      <c r="C559" s="3">
        <v>216</v>
      </c>
      <c r="D559" s="52" t="s">
        <v>86</v>
      </c>
      <c r="E559" s="52" t="s">
        <v>113</v>
      </c>
      <c r="F559" s="52" t="s">
        <v>114</v>
      </c>
      <c r="G559" s="52" t="s">
        <v>115</v>
      </c>
      <c r="H559" s="4">
        <v>10</v>
      </c>
      <c r="I559" s="2">
        <v>0</v>
      </c>
    </row>
    <row r="560" spans="1:9" hidden="1" x14ac:dyDescent="0.35">
      <c r="A560" s="52" t="s">
        <v>78</v>
      </c>
      <c r="B560" s="52" t="s">
        <v>79</v>
      </c>
      <c r="C560" s="3">
        <v>221</v>
      </c>
      <c r="D560" s="52" t="s">
        <v>86</v>
      </c>
      <c r="E560" s="52" t="s">
        <v>92</v>
      </c>
      <c r="F560" s="52" t="s">
        <v>93</v>
      </c>
      <c r="G560" s="52" t="s">
        <v>82</v>
      </c>
      <c r="H560" s="4">
        <v>82</v>
      </c>
      <c r="I560" s="2">
        <v>5505.42</v>
      </c>
    </row>
    <row r="561" spans="1:9" x14ac:dyDescent="0.35">
      <c r="A561" s="52" t="s">
        <v>78</v>
      </c>
      <c r="B561" s="52" t="s">
        <v>79</v>
      </c>
      <c r="C561" s="3">
        <v>221</v>
      </c>
      <c r="D561" s="52" t="s">
        <v>86</v>
      </c>
      <c r="E561" s="52" t="s">
        <v>36</v>
      </c>
      <c r="F561" s="52" t="s">
        <v>95</v>
      </c>
      <c r="G561" s="52" t="s">
        <v>82</v>
      </c>
      <c r="H561" s="4">
        <v>1</v>
      </c>
      <c r="I561" s="2">
        <v>4.7</v>
      </c>
    </row>
    <row r="562" spans="1:9" x14ac:dyDescent="0.35">
      <c r="A562" s="52" t="s">
        <v>78</v>
      </c>
      <c r="B562" s="52" t="s">
        <v>79</v>
      </c>
      <c r="C562" s="3">
        <v>221</v>
      </c>
      <c r="D562" s="52" t="s">
        <v>86</v>
      </c>
      <c r="E562" s="52" t="s">
        <v>139</v>
      </c>
      <c r="F562" s="52" t="s">
        <v>140</v>
      </c>
      <c r="G562" s="52" t="s">
        <v>82</v>
      </c>
      <c r="H562" s="4">
        <v>1</v>
      </c>
      <c r="I562" s="2">
        <v>0</v>
      </c>
    </row>
    <row r="563" spans="1:9" hidden="1" x14ac:dyDescent="0.35">
      <c r="A563" s="52" t="s">
        <v>78</v>
      </c>
      <c r="B563" s="52" t="s">
        <v>79</v>
      </c>
      <c r="C563" s="3">
        <v>221</v>
      </c>
      <c r="D563" s="52" t="s">
        <v>86</v>
      </c>
      <c r="E563" s="52" t="s">
        <v>113</v>
      </c>
      <c r="F563" s="52" t="s">
        <v>114</v>
      </c>
      <c r="G563" s="52" t="s">
        <v>115</v>
      </c>
      <c r="H563" s="4">
        <v>7</v>
      </c>
      <c r="I563" s="2">
        <v>0</v>
      </c>
    </row>
    <row r="564" spans="1:9" hidden="1" x14ac:dyDescent="0.35">
      <c r="A564" s="52" t="s">
        <v>78</v>
      </c>
      <c r="B564" s="52" t="s">
        <v>79</v>
      </c>
      <c r="C564" s="3">
        <v>221</v>
      </c>
      <c r="D564" s="52" t="s">
        <v>86</v>
      </c>
      <c r="E564" s="52" t="s">
        <v>111</v>
      </c>
      <c r="F564" s="52" t="s">
        <v>101</v>
      </c>
      <c r="G564" s="52" t="s">
        <v>82</v>
      </c>
      <c r="H564" s="4">
        <v>8</v>
      </c>
      <c r="I564" s="2">
        <v>0</v>
      </c>
    </row>
    <row r="565" spans="1:9" x14ac:dyDescent="0.35">
      <c r="A565" s="52" t="s">
        <v>78</v>
      </c>
      <c r="B565" s="52" t="s">
        <v>79</v>
      </c>
      <c r="C565" s="3">
        <v>221</v>
      </c>
      <c r="D565" s="52" t="s">
        <v>86</v>
      </c>
      <c r="E565" s="52" t="s">
        <v>102</v>
      </c>
      <c r="F565" s="52" t="s">
        <v>107</v>
      </c>
      <c r="G565" s="52" t="s">
        <v>108</v>
      </c>
      <c r="H565" s="4">
        <v>1</v>
      </c>
      <c r="I565" s="2">
        <v>0</v>
      </c>
    </row>
    <row r="566" spans="1:9" x14ac:dyDescent="0.35">
      <c r="A566" s="52" t="s">
        <v>78</v>
      </c>
      <c r="B566" s="52" t="s">
        <v>79</v>
      </c>
      <c r="C566" s="3">
        <v>221</v>
      </c>
      <c r="D566" s="52" t="s">
        <v>86</v>
      </c>
      <c r="E566" s="52" t="s">
        <v>106</v>
      </c>
      <c r="F566" s="52" t="s">
        <v>107</v>
      </c>
      <c r="G566" s="52" t="s">
        <v>108</v>
      </c>
      <c r="H566" s="4">
        <v>1</v>
      </c>
      <c r="I566" s="2">
        <v>0</v>
      </c>
    </row>
    <row r="567" spans="1:9" hidden="1" x14ac:dyDescent="0.35">
      <c r="A567" s="52" t="s">
        <v>78</v>
      </c>
      <c r="B567" s="52" t="s">
        <v>79</v>
      </c>
      <c r="C567" s="3">
        <v>221</v>
      </c>
      <c r="D567" s="52" t="s">
        <v>86</v>
      </c>
      <c r="E567" s="52" t="s">
        <v>102</v>
      </c>
      <c r="F567" s="52" t="s">
        <v>103</v>
      </c>
      <c r="G567" s="52" t="s">
        <v>82</v>
      </c>
      <c r="H567" s="4">
        <v>10</v>
      </c>
      <c r="I567" s="2">
        <v>0</v>
      </c>
    </row>
    <row r="568" spans="1:9" x14ac:dyDescent="0.35">
      <c r="A568" s="52" t="s">
        <v>78</v>
      </c>
      <c r="B568" s="52" t="s">
        <v>79</v>
      </c>
      <c r="C568" s="3">
        <v>221</v>
      </c>
      <c r="D568" s="52" t="s">
        <v>86</v>
      </c>
      <c r="E568" s="52" t="s">
        <v>135</v>
      </c>
      <c r="F568" s="52" t="s">
        <v>112</v>
      </c>
      <c r="G568" s="52" t="s">
        <v>82</v>
      </c>
      <c r="H568" s="4">
        <v>1</v>
      </c>
      <c r="I568" s="2">
        <v>0</v>
      </c>
    </row>
    <row r="569" spans="1:9" hidden="1" x14ac:dyDescent="0.35">
      <c r="A569" s="52" t="s">
        <v>78</v>
      </c>
      <c r="B569" s="52" t="s">
        <v>79</v>
      </c>
      <c r="C569" s="3">
        <v>222</v>
      </c>
      <c r="D569" s="52" t="s">
        <v>86</v>
      </c>
      <c r="E569" s="52" t="s">
        <v>92</v>
      </c>
      <c r="F569" s="52" t="s">
        <v>93</v>
      </c>
      <c r="G569" s="52" t="s">
        <v>82</v>
      </c>
      <c r="H569" s="4">
        <v>9</v>
      </c>
      <c r="I569" s="2">
        <v>288.01</v>
      </c>
    </row>
    <row r="570" spans="1:9" x14ac:dyDescent="0.35">
      <c r="A570" s="52" t="s">
        <v>78</v>
      </c>
      <c r="B570" s="52" t="s">
        <v>79</v>
      </c>
      <c r="C570" s="3">
        <v>222</v>
      </c>
      <c r="D570" s="52" t="s">
        <v>86</v>
      </c>
      <c r="E570" s="52" t="s">
        <v>26</v>
      </c>
      <c r="F570" s="52" t="s">
        <v>81</v>
      </c>
      <c r="G570" s="52" t="s">
        <v>82</v>
      </c>
      <c r="H570" s="4">
        <v>1</v>
      </c>
      <c r="I570" s="2">
        <v>14.65</v>
      </c>
    </row>
    <row r="571" spans="1:9" x14ac:dyDescent="0.35">
      <c r="A571" s="52" t="s">
        <v>78</v>
      </c>
      <c r="B571" s="52" t="s">
        <v>79</v>
      </c>
      <c r="C571" s="3">
        <v>222</v>
      </c>
      <c r="D571" s="52" t="s">
        <v>86</v>
      </c>
      <c r="E571" s="52" t="s">
        <v>36</v>
      </c>
      <c r="F571" s="52" t="s">
        <v>95</v>
      </c>
      <c r="G571" s="52" t="s">
        <v>82</v>
      </c>
      <c r="H571" s="4">
        <v>1</v>
      </c>
      <c r="I571" s="2">
        <v>4.7</v>
      </c>
    </row>
    <row r="572" spans="1:9" hidden="1" x14ac:dyDescent="0.35">
      <c r="A572" s="52" t="s">
        <v>78</v>
      </c>
      <c r="B572" s="52" t="s">
        <v>79</v>
      </c>
      <c r="C572" s="3">
        <v>222</v>
      </c>
      <c r="D572" s="52" t="s">
        <v>86</v>
      </c>
      <c r="E572" s="52" t="s">
        <v>102</v>
      </c>
      <c r="F572" s="52" t="s">
        <v>103</v>
      </c>
      <c r="G572" s="52" t="s">
        <v>82</v>
      </c>
      <c r="H572" s="4">
        <v>2</v>
      </c>
      <c r="I572" s="2">
        <v>0</v>
      </c>
    </row>
    <row r="573" spans="1:9" hidden="1" x14ac:dyDescent="0.35">
      <c r="A573" s="52" t="s">
        <v>78</v>
      </c>
      <c r="B573" s="52" t="s">
        <v>79</v>
      </c>
      <c r="C573" s="3">
        <v>230</v>
      </c>
      <c r="D573" s="52" t="s">
        <v>86</v>
      </c>
      <c r="E573" s="52" t="s">
        <v>92</v>
      </c>
      <c r="F573" s="52" t="s">
        <v>93</v>
      </c>
      <c r="G573" s="52" t="s">
        <v>82</v>
      </c>
      <c r="H573" s="4">
        <v>35</v>
      </c>
      <c r="I573" s="2">
        <v>32426.28</v>
      </c>
    </row>
    <row r="574" spans="1:9" hidden="1" x14ac:dyDescent="0.35">
      <c r="A574" s="52" t="s">
        <v>78</v>
      </c>
      <c r="B574" s="52" t="s">
        <v>79</v>
      </c>
      <c r="C574" s="3">
        <v>230</v>
      </c>
      <c r="D574" s="52" t="s">
        <v>86</v>
      </c>
      <c r="E574" s="52" t="s">
        <v>36</v>
      </c>
      <c r="F574" s="52" t="s">
        <v>95</v>
      </c>
      <c r="G574" s="52" t="s">
        <v>82</v>
      </c>
      <c r="H574" s="4">
        <v>2</v>
      </c>
      <c r="I574" s="2">
        <v>9.4</v>
      </c>
    </row>
    <row r="575" spans="1:9" x14ac:dyDescent="0.35">
      <c r="A575" s="52" t="s">
        <v>78</v>
      </c>
      <c r="B575" s="52" t="s">
        <v>79</v>
      </c>
      <c r="C575" s="3">
        <v>230</v>
      </c>
      <c r="D575" s="52" t="s">
        <v>86</v>
      </c>
      <c r="E575" s="52" t="s">
        <v>38</v>
      </c>
      <c r="F575" s="52" t="s">
        <v>97</v>
      </c>
      <c r="G575" s="52" t="s">
        <v>82</v>
      </c>
      <c r="H575" s="4">
        <v>1</v>
      </c>
      <c r="I575" s="2">
        <v>4.7</v>
      </c>
    </row>
    <row r="576" spans="1:9" x14ac:dyDescent="0.35">
      <c r="A576" s="52" t="s">
        <v>78</v>
      </c>
      <c r="B576" s="52" t="s">
        <v>79</v>
      </c>
      <c r="C576" s="3">
        <v>230</v>
      </c>
      <c r="D576" s="52" t="s">
        <v>86</v>
      </c>
      <c r="E576" s="52" t="s">
        <v>118</v>
      </c>
      <c r="F576" s="52" t="s">
        <v>119</v>
      </c>
      <c r="G576" s="52" t="s">
        <v>115</v>
      </c>
      <c r="H576" s="4">
        <v>1</v>
      </c>
      <c r="I576" s="2">
        <v>0</v>
      </c>
    </row>
    <row r="577" spans="1:9" x14ac:dyDescent="0.35">
      <c r="A577" s="52" t="s">
        <v>78</v>
      </c>
      <c r="B577" s="52" t="s">
        <v>79</v>
      </c>
      <c r="C577" s="3">
        <v>230</v>
      </c>
      <c r="D577" s="52" t="s">
        <v>86</v>
      </c>
      <c r="E577" s="52" t="s">
        <v>102</v>
      </c>
      <c r="F577" s="52" t="s">
        <v>107</v>
      </c>
      <c r="G577" s="52" t="s">
        <v>108</v>
      </c>
      <c r="H577" s="4">
        <v>1</v>
      </c>
      <c r="I577" s="2">
        <v>0</v>
      </c>
    </row>
    <row r="578" spans="1:9" hidden="1" x14ac:dyDescent="0.35">
      <c r="A578" s="52" t="s">
        <v>78</v>
      </c>
      <c r="B578" s="52" t="s">
        <v>79</v>
      </c>
      <c r="C578" s="3">
        <v>230</v>
      </c>
      <c r="D578" s="52" t="s">
        <v>86</v>
      </c>
      <c r="E578" s="52" t="s">
        <v>102</v>
      </c>
      <c r="F578" s="52" t="s">
        <v>103</v>
      </c>
      <c r="G578" s="52" t="s">
        <v>82</v>
      </c>
      <c r="H578" s="4">
        <v>2</v>
      </c>
      <c r="I578" s="2">
        <v>0</v>
      </c>
    </row>
    <row r="579" spans="1:9" x14ac:dyDescent="0.35">
      <c r="A579" s="52" t="s">
        <v>78</v>
      </c>
      <c r="B579" s="52" t="s">
        <v>79</v>
      </c>
      <c r="C579" s="3">
        <v>230</v>
      </c>
      <c r="D579" s="52" t="s">
        <v>86</v>
      </c>
      <c r="E579" s="52" t="s">
        <v>102</v>
      </c>
      <c r="F579" s="52" t="s">
        <v>116</v>
      </c>
      <c r="G579" s="52" t="s">
        <v>115</v>
      </c>
      <c r="H579" s="4">
        <v>1</v>
      </c>
      <c r="I579" s="2">
        <v>0</v>
      </c>
    </row>
    <row r="580" spans="1:9" x14ac:dyDescent="0.35">
      <c r="A580" s="52" t="s">
        <v>78</v>
      </c>
      <c r="B580" s="52" t="s">
        <v>79</v>
      </c>
      <c r="C580" s="3">
        <v>230</v>
      </c>
      <c r="D580" s="52" t="s">
        <v>86</v>
      </c>
      <c r="E580" s="52" t="s">
        <v>120</v>
      </c>
      <c r="F580" s="52" t="s">
        <v>116</v>
      </c>
      <c r="G580" s="52" t="s">
        <v>115</v>
      </c>
      <c r="H580" s="4">
        <v>1</v>
      </c>
      <c r="I580" s="2">
        <v>0</v>
      </c>
    </row>
    <row r="581" spans="1:9" hidden="1" x14ac:dyDescent="0.35">
      <c r="A581" s="52" t="s">
        <v>78</v>
      </c>
      <c r="B581" s="52" t="s">
        <v>79</v>
      </c>
      <c r="C581" s="3">
        <v>230</v>
      </c>
      <c r="D581" s="52" t="s">
        <v>86</v>
      </c>
      <c r="E581" s="52" t="s">
        <v>113</v>
      </c>
      <c r="F581" s="52" t="s">
        <v>114</v>
      </c>
      <c r="G581" s="52" t="s">
        <v>115</v>
      </c>
      <c r="H581" s="4">
        <v>22</v>
      </c>
      <c r="I581" s="2">
        <v>0</v>
      </c>
    </row>
    <row r="582" spans="1:9" hidden="1" x14ac:dyDescent="0.35">
      <c r="A582" s="52" t="s">
        <v>78</v>
      </c>
      <c r="B582" s="52" t="s">
        <v>79</v>
      </c>
      <c r="C582" s="3">
        <v>230</v>
      </c>
      <c r="D582" s="52" t="s">
        <v>86</v>
      </c>
      <c r="E582" s="52" t="s">
        <v>117</v>
      </c>
      <c r="F582" s="52" t="s">
        <v>116</v>
      </c>
      <c r="G582" s="52" t="s">
        <v>82</v>
      </c>
      <c r="H582" s="4">
        <v>3</v>
      </c>
      <c r="I582" s="2">
        <v>0</v>
      </c>
    </row>
    <row r="583" spans="1:9" hidden="1" x14ac:dyDescent="0.35">
      <c r="A583" s="52" t="s">
        <v>78</v>
      </c>
      <c r="B583" s="52" t="s">
        <v>79</v>
      </c>
      <c r="C583" s="3">
        <v>400</v>
      </c>
      <c r="D583" s="52" t="s">
        <v>86</v>
      </c>
      <c r="E583" s="52" t="s">
        <v>92</v>
      </c>
      <c r="F583" s="52" t="s">
        <v>93</v>
      </c>
      <c r="G583" s="52" t="s">
        <v>82</v>
      </c>
      <c r="H583" s="4">
        <v>6</v>
      </c>
      <c r="I583" s="2">
        <v>232.25</v>
      </c>
    </row>
    <row r="584" spans="1:9" hidden="1" x14ac:dyDescent="0.35">
      <c r="A584" s="52" t="s">
        <v>78</v>
      </c>
      <c r="B584" s="52" t="s">
        <v>79</v>
      </c>
      <c r="C584" s="3">
        <v>0</v>
      </c>
      <c r="D584" s="52" t="s">
        <v>84</v>
      </c>
      <c r="E584" s="52" t="s">
        <v>92</v>
      </c>
      <c r="F584" s="52" t="s">
        <v>93</v>
      </c>
      <c r="G584" s="52" t="s">
        <v>82</v>
      </c>
      <c r="H584" s="4">
        <v>267</v>
      </c>
      <c r="I584" s="2">
        <v>11374.76</v>
      </c>
    </row>
    <row r="585" spans="1:9" hidden="1" x14ac:dyDescent="0.35">
      <c r="A585" s="52" t="s">
        <v>78</v>
      </c>
      <c r="B585" s="52" t="s">
        <v>79</v>
      </c>
      <c r="C585" s="3">
        <v>0</v>
      </c>
      <c r="D585" s="52" t="s">
        <v>84</v>
      </c>
      <c r="E585" s="52" t="s">
        <v>104</v>
      </c>
      <c r="F585" s="52" t="s">
        <v>112</v>
      </c>
      <c r="G585" s="52" t="s">
        <v>82</v>
      </c>
      <c r="H585" s="4">
        <v>20</v>
      </c>
      <c r="I585" s="2">
        <v>0</v>
      </c>
    </row>
    <row r="586" spans="1:9" x14ac:dyDescent="0.35">
      <c r="A586" s="52" t="s">
        <v>78</v>
      </c>
      <c r="B586" s="52" t="s">
        <v>79</v>
      </c>
      <c r="C586" s="3">
        <v>0</v>
      </c>
      <c r="D586" s="52" t="s">
        <v>84</v>
      </c>
      <c r="E586" s="52" t="s">
        <v>102</v>
      </c>
      <c r="F586" s="52" t="s">
        <v>107</v>
      </c>
      <c r="G586" s="52" t="s">
        <v>108</v>
      </c>
      <c r="H586" s="4">
        <v>1</v>
      </c>
      <c r="I586" s="2">
        <v>0</v>
      </c>
    </row>
    <row r="587" spans="1:9" x14ac:dyDescent="0.35">
      <c r="A587" s="52" t="s">
        <v>78</v>
      </c>
      <c r="B587" s="52" t="s">
        <v>79</v>
      </c>
      <c r="C587" s="3">
        <v>0</v>
      </c>
      <c r="D587" s="52" t="s">
        <v>84</v>
      </c>
      <c r="E587" s="52" t="s">
        <v>113</v>
      </c>
      <c r="F587" s="52" t="s">
        <v>114</v>
      </c>
      <c r="G587" s="52" t="s">
        <v>115</v>
      </c>
      <c r="H587" s="4">
        <v>1</v>
      </c>
      <c r="I587" s="2">
        <v>0</v>
      </c>
    </row>
    <row r="588" spans="1:9" hidden="1" x14ac:dyDescent="0.35">
      <c r="A588" s="52" t="s">
        <v>78</v>
      </c>
      <c r="B588" s="52" t="s">
        <v>79</v>
      </c>
      <c r="C588" s="3">
        <v>0</v>
      </c>
      <c r="D588" s="52" t="s">
        <v>84</v>
      </c>
      <c r="E588" s="52" t="s">
        <v>104</v>
      </c>
      <c r="F588" s="52" t="s">
        <v>105</v>
      </c>
      <c r="G588" s="52" t="s">
        <v>82</v>
      </c>
      <c r="H588" s="4">
        <v>1062</v>
      </c>
      <c r="I588" s="2">
        <v>0</v>
      </c>
    </row>
    <row r="589" spans="1:9" hidden="1" x14ac:dyDescent="0.35">
      <c r="A589" s="52" t="s">
        <v>78</v>
      </c>
      <c r="B589" s="52" t="s">
        <v>79</v>
      </c>
      <c r="C589" s="3">
        <v>0</v>
      </c>
      <c r="D589" s="52" t="s">
        <v>84</v>
      </c>
      <c r="E589" s="52" t="s">
        <v>104</v>
      </c>
      <c r="F589" s="52" t="s">
        <v>101</v>
      </c>
      <c r="G589" s="52" t="s">
        <v>82</v>
      </c>
      <c r="H589" s="4">
        <v>3453</v>
      </c>
      <c r="I589" s="2">
        <v>0</v>
      </c>
    </row>
    <row r="590" spans="1:9" x14ac:dyDescent="0.35">
      <c r="A590" s="52" t="s">
        <v>78</v>
      </c>
      <c r="B590" s="52" t="s">
        <v>79</v>
      </c>
      <c r="C590" s="3">
        <v>0</v>
      </c>
      <c r="D590" s="52" t="s">
        <v>84</v>
      </c>
      <c r="E590" s="52" t="s">
        <v>102</v>
      </c>
      <c r="F590" s="52" t="s">
        <v>103</v>
      </c>
      <c r="G590" s="52" t="s">
        <v>82</v>
      </c>
      <c r="H590" s="4">
        <v>1</v>
      </c>
      <c r="I590" s="2">
        <v>0</v>
      </c>
    </row>
    <row r="591" spans="1:9" hidden="1" x14ac:dyDescent="0.35">
      <c r="A591" s="52" t="s">
        <v>78</v>
      </c>
      <c r="B591" s="52" t="s">
        <v>79</v>
      </c>
      <c r="C591" s="3">
        <v>10</v>
      </c>
      <c r="D591" s="52" t="s">
        <v>84</v>
      </c>
      <c r="E591" s="52" t="s">
        <v>90</v>
      </c>
      <c r="F591" s="52" t="s">
        <v>91</v>
      </c>
      <c r="G591" s="52" t="s">
        <v>82</v>
      </c>
      <c r="H591" s="4">
        <v>5453</v>
      </c>
      <c r="I591" s="2">
        <v>61405.51</v>
      </c>
    </row>
    <row r="592" spans="1:9" hidden="1" x14ac:dyDescent="0.35">
      <c r="A592" s="52" t="s">
        <v>78</v>
      </c>
      <c r="B592" s="52" t="s">
        <v>79</v>
      </c>
      <c r="C592" s="3">
        <v>10</v>
      </c>
      <c r="D592" s="52" t="s">
        <v>84</v>
      </c>
      <c r="E592" s="52" t="s">
        <v>36</v>
      </c>
      <c r="F592" s="52" t="s">
        <v>95</v>
      </c>
      <c r="G592" s="52" t="s">
        <v>82</v>
      </c>
      <c r="H592" s="4">
        <v>471</v>
      </c>
      <c r="I592" s="2">
        <v>2213.6999999999998</v>
      </c>
    </row>
    <row r="593" spans="1:9" hidden="1" x14ac:dyDescent="0.35">
      <c r="A593" s="52" t="s">
        <v>78</v>
      </c>
      <c r="B593" s="52" t="s">
        <v>79</v>
      </c>
      <c r="C593" s="3">
        <v>10</v>
      </c>
      <c r="D593" s="52" t="s">
        <v>84</v>
      </c>
      <c r="E593" s="52" t="s">
        <v>38</v>
      </c>
      <c r="F593" s="52" t="s">
        <v>97</v>
      </c>
      <c r="G593" s="52" t="s">
        <v>82</v>
      </c>
      <c r="H593" s="4">
        <v>107</v>
      </c>
      <c r="I593" s="2">
        <v>1832.3</v>
      </c>
    </row>
    <row r="594" spans="1:9" hidden="1" x14ac:dyDescent="0.35">
      <c r="A594" s="52" t="s">
        <v>78</v>
      </c>
      <c r="B594" s="52" t="s">
        <v>79</v>
      </c>
      <c r="C594" s="3">
        <v>10</v>
      </c>
      <c r="D594" s="52" t="s">
        <v>84</v>
      </c>
      <c r="E594" s="52" t="s">
        <v>26</v>
      </c>
      <c r="F594" s="52" t="s">
        <v>81</v>
      </c>
      <c r="G594" s="52" t="s">
        <v>82</v>
      </c>
      <c r="H594" s="4">
        <v>121</v>
      </c>
      <c r="I594" s="2">
        <v>1772.65</v>
      </c>
    </row>
    <row r="595" spans="1:9" hidden="1" x14ac:dyDescent="0.35">
      <c r="A595" s="52" t="s">
        <v>78</v>
      </c>
      <c r="B595" s="52" t="s">
        <v>79</v>
      </c>
      <c r="C595" s="3">
        <v>10</v>
      </c>
      <c r="D595" s="52" t="s">
        <v>84</v>
      </c>
      <c r="E595" s="52" t="s">
        <v>29</v>
      </c>
      <c r="F595" s="52" t="s">
        <v>94</v>
      </c>
      <c r="G595" s="52" t="s">
        <v>82</v>
      </c>
      <c r="H595" s="4">
        <v>5</v>
      </c>
      <c r="I595" s="2">
        <v>1338.16</v>
      </c>
    </row>
    <row r="596" spans="1:9" hidden="1" x14ac:dyDescent="0.35">
      <c r="A596" s="52" t="s">
        <v>78</v>
      </c>
      <c r="B596" s="52" t="s">
        <v>79</v>
      </c>
      <c r="C596" s="3">
        <v>10</v>
      </c>
      <c r="D596" s="52" t="s">
        <v>84</v>
      </c>
      <c r="E596" s="52" t="s">
        <v>92</v>
      </c>
      <c r="F596" s="52" t="s">
        <v>93</v>
      </c>
      <c r="G596" s="52" t="s">
        <v>82</v>
      </c>
      <c r="H596" s="4">
        <v>10</v>
      </c>
      <c r="I596" s="2">
        <v>88.26</v>
      </c>
    </row>
    <row r="597" spans="1:9" hidden="1" x14ac:dyDescent="0.35">
      <c r="A597" s="52" t="s">
        <v>78</v>
      </c>
      <c r="B597" s="52" t="s">
        <v>79</v>
      </c>
      <c r="C597" s="3">
        <v>10</v>
      </c>
      <c r="D597" s="52" t="s">
        <v>84</v>
      </c>
      <c r="E597" s="52" t="s">
        <v>134</v>
      </c>
      <c r="F597" s="52" t="s">
        <v>123</v>
      </c>
      <c r="G597" s="52" t="s">
        <v>82</v>
      </c>
      <c r="H597" s="4">
        <v>1970</v>
      </c>
      <c r="I597" s="2">
        <v>0</v>
      </c>
    </row>
    <row r="598" spans="1:9" hidden="1" x14ac:dyDescent="0.35">
      <c r="A598" s="52" t="s">
        <v>78</v>
      </c>
      <c r="B598" s="52" t="s">
        <v>79</v>
      </c>
      <c r="C598" s="3">
        <v>10</v>
      </c>
      <c r="D598" s="52" t="s">
        <v>84</v>
      </c>
      <c r="E598" s="52" t="s">
        <v>113</v>
      </c>
      <c r="F598" s="52" t="s">
        <v>114</v>
      </c>
      <c r="G598" s="52" t="s">
        <v>115</v>
      </c>
      <c r="H598" s="4">
        <v>1480</v>
      </c>
      <c r="I598" s="2">
        <v>0</v>
      </c>
    </row>
    <row r="599" spans="1:9" hidden="1" x14ac:dyDescent="0.35">
      <c r="A599" s="52" t="s">
        <v>78</v>
      </c>
      <c r="B599" s="52" t="s">
        <v>79</v>
      </c>
      <c r="C599" s="3">
        <v>10</v>
      </c>
      <c r="D599" s="52" t="s">
        <v>84</v>
      </c>
      <c r="E599" s="52" t="s">
        <v>135</v>
      </c>
      <c r="F599" s="52" t="s">
        <v>112</v>
      </c>
      <c r="G599" s="52" t="s">
        <v>82</v>
      </c>
      <c r="H599" s="4">
        <v>7644</v>
      </c>
      <c r="I599" s="2">
        <v>0</v>
      </c>
    </row>
    <row r="600" spans="1:9" hidden="1" x14ac:dyDescent="0.35">
      <c r="A600" s="52" t="s">
        <v>78</v>
      </c>
      <c r="B600" s="52" t="s">
        <v>79</v>
      </c>
      <c r="C600" s="3">
        <v>10</v>
      </c>
      <c r="D600" s="52" t="s">
        <v>84</v>
      </c>
      <c r="E600" s="52" t="s">
        <v>106</v>
      </c>
      <c r="F600" s="52" t="s">
        <v>124</v>
      </c>
      <c r="G600" s="52" t="s">
        <v>108</v>
      </c>
      <c r="H600" s="4">
        <v>2</v>
      </c>
      <c r="I600" s="2">
        <v>0</v>
      </c>
    </row>
    <row r="601" spans="1:9" x14ac:dyDescent="0.35">
      <c r="A601" s="52" t="s">
        <v>78</v>
      </c>
      <c r="B601" s="52" t="s">
        <v>79</v>
      </c>
      <c r="C601" s="3">
        <v>10</v>
      </c>
      <c r="D601" s="52" t="s">
        <v>84</v>
      </c>
      <c r="E601" s="52" t="s">
        <v>128</v>
      </c>
      <c r="F601" s="52" t="s">
        <v>129</v>
      </c>
      <c r="G601" s="52" t="s">
        <v>82</v>
      </c>
      <c r="H601" s="4">
        <v>1</v>
      </c>
      <c r="I601" s="2">
        <v>0</v>
      </c>
    </row>
    <row r="602" spans="1:9" x14ac:dyDescent="0.35">
      <c r="A602" s="52" t="s">
        <v>78</v>
      </c>
      <c r="B602" s="52" t="s">
        <v>79</v>
      </c>
      <c r="C602" s="3">
        <v>10</v>
      </c>
      <c r="D602" s="52" t="s">
        <v>84</v>
      </c>
      <c r="E602" s="52" t="s">
        <v>102</v>
      </c>
      <c r="F602" s="52" t="s">
        <v>141</v>
      </c>
      <c r="G602" s="52" t="s">
        <v>108</v>
      </c>
      <c r="H602" s="4">
        <v>1</v>
      </c>
      <c r="I602" s="2">
        <v>0</v>
      </c>
    </row>
    <row r="603" spans="1:9" hidden="1" x14ac:dyDescent="0.35">
      <c r="A603" s="52" t="s">
        <v>78</v>
      </c>
      <c r="B603" s="52" t="s">
        <v>79</v>
      </c>
      <c r="C603" s="3">
        <v>10</v>
      </c>
      <c r="D603" s="52" t="s">
        <v>84</v>
      </c>
      <c r="E603" s="52" t="s">
        <v>139</v>
      </c>
      <c r="F603" s="52" t="s">
        <v>140</v>
      </c>
      <c r="G603" s="52" t="s">
        <v>82</v>
      </c>
      <c r="H603" s="4">
        <v>91</v>
      </c>
      <c r="I603" s="2">
        <v>0</v>
      </c>
    </row>
    <row r="604" spans="1:9" hidden="1" x14ac:dyDescent="0.35">
      <c r="A604" s="52" t="s">
        <v>78</v>
      </c>
      <c r="B604" s="52" t="s">
        <v>79</v>
      </c>
      <c r="C604" s="3">
        <v>10</v>
      </c>
      <c r="D604" s="52" t="s">
        <v>84</v>
      </c>
      <c r="E604" s="52" t="s">
        <v>111</v>
      </c>
      <c r="F604" s="52" t="s">
        <v>81</v>
      </c>
      <c r="G604" s="52" t="s">
        <v>82</v>
      </c>
      <c r="H604" s="4">
        <v>5</v>
      </c>
      <c r="I604" s="2">
        <v>0</v>
      </c>
    </row>
    <row r="605" spans="1:9" hidden="1" x14ac:dyDescent="0.35">
      <c r="A605" s="52" t="s">
        <v>78</v>
      </c>
      <c r="B605" s="52" t="s">
        <v>79</v>
      </c>
      <c r="C605" s="3">
        <v>10</v>
      </c>
      <c r="D605" s="52" t="s">
        <v>84</v>
      </c>
      <c r="E605" s="52" t="s">
        <v>111</v>
      </c>
      <c r="F605" s="52" t="s">
        <v>103</v>
      </c>
      <c r="G605" s="52" t="s">
        <v>82</v>
      </c>
      <c r="H605" s="4">
        <v>19</v>
      </c>
      <c r="I605" s="2">
        <v>0</v>
      </c>
    </row>
    <row r="606" spans="1:9" hidden="1" x14ac:dyDescent="0.35">
      <c r="A606" s="52" t="s">
        <v>78</v>
      </c>
      <c r="B606" s="52" t="s">
        <v>79</v>
      </c>
      <c r="C606" s="3">
        <v>10</v>
      </c>
      <c r="D606" s="52" t="s">
        <v>84</v>
      </c>
      <c r="E606" s="52" t="s">
        <v>118</v>
      </c>
      <c r="F606" s="52" t="s">
        <v>119</v>
      </c>
      <c r="G606" s="52" t="s">
        <v>115</v>
      </c>
      <c r="H606" s="4">
        <v>638</v>
      </c>
      <c r="I606" s="2">
        <v>0</v>
      </c>
    </row>
    <row r="607" spans="1:9" hidden="1" x14ac:dyDescent="0.35">
      <c r="A607" s="52" t="s">
        <v>78</v>
      </c>
      <c r="B607" s="52" t="s">
        <v>79</v>
      </c>
      <c r="C607" s="3">
        <v>10</v>
      </c>
      <c r="D607" s="52" t="s">
        <v>84</v>
      </c>
      <c r="E607" s="52" t="s">
        <v>102</v>
      </c>
      <c r="F607" s="52" t="s">
        <v>107</v>
      </c>
      <c r="G607" s="52" t="s">
        <v>108</v>
      </c>
      <c r="H607" s="4">
        <v>63</v>
      </c>
      <c r="I607" s="2">
        <v>0</v>
      </c>
    </row>
    <row r="608" spans="1:9" hidden="1" x14ac:dyDescent="0.35">
      <c r="A608" s="52" t="s">
        <v>78</v>
      </c>
      <c r="B608" s="52" t="s">
        <v>79</v>
      </c>
      <c r="C608" s="3">
        <v>10</v>
      </c>
      <c r="D608" s="52" t="s">
        <v>84</v>
      </c>
      <c r="E608" s="52" t="s">
        <v>126</v>
      </c>
      <c r="F608" s="52" t="s">
        <v>101</v>
      </c>
      <c r="G608" s="52" t="s">
        <v>82</v>
      </c>
      <c r="H608" s="4">
        <v>59</v>
      </c>
      <c r="I608" s="2">
        <v>0</v>
      </c>
    </row>
    <row r="609" spans="1:9" x14ac:dyDescent="0.35">
      <c r="A609" s="52" t="s">
        <v>78</v>
      </c>
      <c r="B609" s="52" t="s">
        <v>79</v>
      </c>
      <c r="C609" s="3">
        <v>10</v>
      </c>
      <c r="D609" s="52" t="s">
        <v>84</v>
      </c>
      <c r="E609" s="52" t="s">
        <v>106</v>
      </c>
      <c r="F609" s="52" t="s">
        <v>130</v>
      </c>
      <c r="G609" s="52" t="s">
        <v>108</v>
      </c>
      <c r="H609" s="4">
        <v>1</v>
      </c>
      <c r="I609" s="2">
        <v>0</v>
      </c>
    </row>
    <row r="610" spans="1:9" hidden="1" x14ac:dyDescent="0.35">
      <c r="A610" s="52" t="s">
        <v>78</v>
      </c>
      <c r="B610" s="52" t="s">
        <v>79</v>
      </c>
      <c r="C610" s="3">
        <v>10</v>
      </c>
      <c r="D610" s="52" t="s">
        <v>84</v>
      </c>
      <c r="E610" s="52" t="s">
        <v>109</v>
      </c>
      <c r="F610" s="52" t="s">
        <v>110</v>
      </c>
      <c r="G610" s="52" t="s">
        <v>108</v>
      </c>
      <c r="H610" s="4">
        <v>8</v>
      </c>
      <c r="I610" s="2">
        <v>0</v>
      </c>
    </row>
    <row r="611" spans="1:9" hidden="1" x14ac:dyDescent="0.35">
      <c r="A611" s="52" t="s">
        <v>78</v>
      </c>
      <c r="B611" s="52" t="s">
        <v>79</v>
      </c>
      <c r="C611" s="3">
        <v>10</v>
      </c>
      <c r="D611" s="52" t="s">
        <v>84</v>
      </c>
      <c r="E611" s="52" t="s">
        <v>106</v>
      </c>
      <c r="F611" s="52" t="s">
        <v>107</v>
      </c>
      <c r="G611" s="52" t="s">
        <v>108</v>
      </c>
      <c r="H611" s="4">
        <v>16</v>
      </c>
      <c r="I611" s="2">
        <v>0</v>
      </c>
    </row>
    <row r="612" spans="1:9" hidden="1" x14ac:dyDescent="0.35">
      <c r="A612" s="52" t="s">
        <v>78</v>
      </c>
      <c r="B612" s="52" t="s">
        <v>79</v>
      </c>
      <c r="C612" s="3">
        <v>10</v>
      </c>
      <c r="D612" s="52" t="s">
        <v>84</v>
      </c>
      <c r="E612" s="52" t="s">
        <v>120</v>
      </c>
      <c r="F612" s="52" t="s">
        <v>116</v>
      </c>
      <c r="G612" s="52" t="s">
        <v>115</v>
      </c>
      <c r="H612" s="4">
        <v>638</v>
      </c>
      <c r="I612" s="2">
        <v>0</v>
      </c>
    </row>
    <row r="613" spans="1:9" hidden="1" x14ac:dyDescent="0.35">
      <c r="A613" s="52" t="s">
        <v>78</v>
      </c>
      <c r="B613" s="52" t="s">
        <v>79</v>
      </c>
      <c r="C613" s="3">
        <v>10</v>
      </c>
      <c r="D613" s="52" t="s">
        <v>84</v>
      </c>
      <c r="E613" s="52" t="s">
        <v>102</v>
      </c>
      <c r="F613" s="52" t="s">
        <v>101</v>
      </c>
      <c r="G613" s="52" t="s">
        <v>108</v>
      </c>
      <c r="H613" s="4">
        <v>7</v>
      </c>
      <c r="I613" s="2">
        <v>0</v>
      </c>
    </row>
    <row r="614" spans="1:9" hidden="1" x14ac:dyDescent="0.35">
      <c r="A614" s="52" t="s">
        <v>78</v>
      </c>
      <c r="B614" s="52" t="s">
        <v>79</v>
      </c>
      <c r="C614" s="3">
        <v>10</v>
      </c>
      <c r="D614" s="52" t="s">
        <v>84</v>
      </c>
      <c r="E614" s="52" t="s">
        <v>102</v>
      </c>
      <c r="F614" s="52" t="s">
        <v>116</v>
      </c>
      <c r="G614" s="52" t="s">
        <v>115</v>
      </c>
      <c r="H614" s="4">
        <v>577</v>
      </c>
      <c r="I614" s="2">
        <v>0</v>
      </c>
    </row>
    <row r="615" spans="1:9" x14ac:dyDescent="0.35">
      <c r="A615" s="52" t="s">
        <v>78</v>
      </c>
      <c r="B615" s="52" t="s">
        <v>79</v>
      </c>
      <c r="C615" s="3">
        <v>10</v>
      </c>
      <c r="D615" s="52" t="s">
        <v>84</v>
      </c>
      <c r="E615" s="52" t="s">
        <v>111</v>
      </c>
      <c r="F615" s="52" t="s">
        <v>94</v>
      </c>
      <c r="G615" s="52" t="s">
        <v>82</v>
      </c>
      <c r="H615" s="4">
        <v>1</v>
      </c>
      <c r="I615" s="2">
        <v>0</v>
      </c>
    </row>
    <row r="616" spans="1:9" hidden="1" x14ac:dyDescent="0.35">
      <c r="A616" s="52" t="s">
        <v>78</v>
      </c>
      <c r="B616" s="52" t="s">
        <v>79</v>
      </c>
      <c r="C616" s="3">
        <v>10</v>
      </c>
      <c r="D616" s="52" t="s">
        <v>84</v>
      </c>
      <c r="E616" s="52" t="s">
        <v>126</v>
      </c>
      <c r="F616" s="52" t="s">
        <v>103</v>
      </c>
      <c r="G616" s="52" t="s">
        <v>82</v>
      </c>
      <c r="H616" s="4">
        <v>13</v>
      </c>
      <c r="I616" s="2">
        <v>0</v>
      </c>
    </row>
    <row r="617" spans="1:9" hidden="1" x14ac:dyDescent="0.35">
      <c r="A617" s="52" t="s">
        <v>78</v>
      </c>
      <c r="B617" s="52" t="s">
        <v>79</v>
      </c>
      <c r="C617" s="3">
        <v>10</v>
      </c>
      <c r="D617" s="52" t="s">
        <v>84</v>
      </c>
      <c r="E617" s="52" t="s">
        <v>102</v>
      </c>
      <c r="F617" s="52" t="s">
        <v>124</v>
      </c>
      <c r="G617" s="52" t="s">
        <v>108</v>
      </c>
      <c r="H617" s="4">
        <v>100</v>
      </c>
      <c r="I617" s="2">
        <v>0</v>
      </c>
    </row>
    <row r="618" spans="1:9" hidden="1" x14ac:dyDescent="0.35">
      <c r="A618" s="52" t="s">
        <v>78</v>
      </c>
      <c r="B618" s="52" t="s">
        <v>79</v>
      </c>
      <c r="C618" s="3">
        <v>10</v>
      </c>
      <c r="D618" s="52" t="s">
        <v>84</v>
      </c>
      <c r="E618" s="52" t="s">
        <v>122</v>
      </c>
      <c r="F618" s="52" t="s">
        <v>123</v>
      </c>
      <c r="G618" s="52" t="s">
        <v>108</v>
      </c>
      <c r="H618" s="4">
        <v>590</v>
      </c>
      <c r="I618" s="2">
        <v>0</v>
      </c>
    </row>
    <row r="619" spans="1:9" x14ac:dyDescent="0.35">
      <c r="A619" s="52" t="s">
        <v>78</v>
      </c>
      <c r="B619" s="52" t="s">
        <v>79</v>
      </c>
      <c r="C619" s="3">
        <v>10</v>
      </c>
      <c r="D619" s="52" t="s">
        <v>84</v>
      </c>
      <c r="E619" s="52" t="s">
        <v>106</v>
      </c>
      <c r="F619" s="52" t="s">
        <v>105</v>
      </c>
      <c r="G619" s="52" t="s">
        <v>108</v>
      </c>
      <c r="H619" s="4">
        <v>1</v>
      </c>
      <c r="I619" s="2">
        <v>0</v>
      </c>
    </row>
    <row r="620" spans="1:9" hidden="1" x14ac:dyDescent="0.35">
      <c r="A620" s="52" t="s">
        <v>78</v>
      </c>
      <c r="B620" s="52" t="s">
        <v>79</v>
      </c>
      <c r="C620" s="3">
        <v>10</v>
      </c>
      <c r="D620" s="52" t="s">
        <v>84</v>
      </c>
      <c r="E620" s="52" t="s">
        <v>117</v>
      </c>
      <c r="F620" s="52" t="s">
        <v>116</v>
      </c>
      <c r="G620" s="52" t="s">
        <v>82</v>
      </c>
      <c r="H620" s="4">
        <v>1267</v>
      </c>
      <c r="I620" s="2">
        <v>0</v>
      </c>
    </row>
    <row r="621" spans="1:9" hidden="1" x14ac:dyDescent="0.35">
      <c r="A621" s="52" t="s">
        <v>78</v>
      </c>
      <c r="B621" s="52" t="s">
        <v>79</v>
      </c>
      <c r="C621" s="3">
        <v>10</v>
      </c>
      <c r="D621" s="52" t="s">
        <v>84</v>
      </c>
      <c r="E621" s="52" t="s">
        <v>111</v>
      </c>
      <c r="F621" s="52" t="s">
        <v>97</v>
      </c>
      <c r="G621" s="52" t="s">
        <v>82</v>
      </c>
      <c r="H621" s="4">
        <v>2</v>
      </c>
      <c r="I621" s="2">
        <v>0</v>
      </c>
    </row>
    <row r="622" spans="1:9" hidden="1" x14ac:dyDescent="0.35">
      <c r="A622" s="52" t="s">
        <v>78</v>
      </c>
      <c r="B622" s="52" t="s">
        <v>79</v>
      </c>
      <c r="C622" s="3">
        <v>10</v>
      </c>
      <c r="D622" s="52" t="s">
        <v>84</v>
      </c>
      <c r="E622" s="52" t="s">
        <v>111</v>
      </c>
      <c r="F622" s="52" t="s">
        <v>101</v>
      </c>
      <c r="G622" s="52" t="s">
        <v>82</v>
      </c>
      <c r="H622" s="4">
        <v>394</v>
      </c>
      <c r="I622" s="2">
        <v>0</v>
      </c>
    </row>
    <row r="623" spans="1:9" hidden="1" x14ac:dyDescent="0.35">
      <c r="A623" s="52" t="s">
        <v>78</v>
      </c>
      <c r="B623" s="52" t="s">
        <v>79</v>
      </c>
      <c r="C623" s="3">
        <v>10</v>
      </c>
      <c r="D623" s="52" t="s">
        <v>84</v>
      </c>
      <c r="E623" s="52" t="s">
        <v>106</v>
      </c>
      <c r="F623" s="52" t="s">
        <v>112</v>
      </c>
      <c r="G623" s="52" t="s">
        <v>108</v>
      </c>
      <c r="H623" s="4">
        <v>2</v>
      </c>
      <c r="I623" s="2">
        <v>0</v>
      </c>
    </row>
    <row r="624" spans="1:9" x14ac:dyDescent="0.35">
      <c r="A624" s="52" t="s">
        <v>78</v>
      </c>
      <c r="B624" s="52" t="s">
        <v>79</v>
      </c>
      <c r="C624" s="3">
        <v>10</v>
      </c>
      <c r="D624" s="52" t="s">
        <v>84</v>
      </c>
      <c r="E624" s="52" t="s">
        <v>106</v>
      </c>
      <c r="F624" s="52" t="s">
        <v>101</v>
      </c>
      <c r="G624" s="52" t="s">
        <v>108</v>
      </c>
      <c r="H624" s="4">
        <v>1</v>
      </c>
      <c r="I624" s="2">
        <v>0</v>
      </c>
    </row>
    <row r="625" spans="1:9" hidden="1" x14ac:dyDescent="0.35">
      <c r="A625" s="52" t="s">
        <v>78</v>
      </c>
      <c r="B625" s="52" t="s">
        <v>79</v>
      </c>
      <c r="C625" s="3">
        <v>10</v>
      </c>
      <c r="D625" s="52" t="s">
        <v>84</v>
      </c>
      <c r="E625" s="52" t="s">
        <v>102</v>
      </c>
      <c r="F625" s="52" t="s">
        <v>103</v>
      </c>
      <c r="G625" s="52" t="s">
        <v>82</v>
      </c>
      <c r="H625" s="4">
        <v>258</v>
      </c>
      <c r="I625" s="2">
        <v>0</v>
      </c>
    </row>
    <row r="626" spans="1:9" hidden="1" x14ac:dyDescent="0.35">
      <c r="A626" s="52" t="s">
        <v>78</v>
      </c>
      <c r="B626" s="52" t="s">
        <v>79</v>
      </c>
      <c r="C626" s="3">
        <v>10</v>
      </c>
      <c r="D626" s="52" t="s">
        <v>84</v>
      </c>
      <c r="E626" s="52" t="s">
        <v>111</v>
      </c>
      <c r="F626" s="52" t="s">
        <v>93</v>
      </c>
      <c r="G626" s="52" t="s">
        <v>82</v>
      </c>
      <c r="H626" s="4">
        <v>45</v>
      </c>
      <c r="I626" s="2">
        <v>0</v>
      </c>
    </row>
    <row r="627" spans="1:9" hidden="1" x14ac:dyDescent="0.35">
      <c r="A627" s="52" t="s">
        <v>78</v>
      </c>
      <c r="B627" s="52" t="s">
        <v>79</v>
      </c>
      <c r="C627" s="3">
        <v>10</v>
      </c>
      <c r="D627" s="52" t="s">
        <v>84</v>
      </c>
      <c r="E627" s="52" t="s">
        <v>102</v>
      </c>
      <c r="F627" s="52" t="s">
        <v>125</v>
      </c>
      <c r="G627" s="52" t="s">
        <v>108</v>
      </c>
      <c r="H627" s="4">
        <v>2</v>
      </c>
      <c r="I627" s="2">
        <v>0</v>
      </c>
    </row>
    <row r="628" spans="1:9" hidden="1" x14ac:dyDescent="0.35">
      <c r="A628" s="52" t="s">
        <v>78</v>
      </c>
      <c r="B628" s="52" t="s">
        <v>79</v>
      </c>
      <c r="C628" s="3">
        <v>10</v>
      </c>
      <c r="D628" s="52" t="s">
        <v>84</v>
      </c>
      <c r="E628" s="52" t="s">
        <v>111</v>
      </c>
      <c r="F628" s="52" t="s">
        <v>105</v>
      </c>
      <c r="G628" s="52" t="s">
        <v>82</v>
      </c>
      <c r="H628" s="4">
        <v>83</v>
      </c>
      <c r="I628" s="2">
        <v>0</v>
      </c>
    </row>
    <row r="629" spans="1:9" hidden="1" x14ac:dyDescent="0.35">
      <c r="A629" s="52" t="s">
        <v>78</v>
      </c>
      <c r="B629" s="52" t="s">
        <v>79</v>
      </c>
      <c r="C629" s="3">
        <v>10</v>
      </c>
      <c r="D629" s="52" t="s">
        <v>84</v>
      </c>
      <c r="E629" s="52" t="s">
        <v>121</v>
      </c>
      <c r="F629" s="52" t="s">
        <v>112</v>
      </c>
      <c r="G629" s="52" t="s">
        <v>108</v>
      </c>
      <c r="H629" s="4">
        <v>92</v>
      </c>
      <c r="I629" s="2">
        <v>0</v>
      </c>
    </row>
    <row r="630" spans="1:9" hidden="1" x14ac:dyDescent="0.35">
      <c r="A630" s="52" t="s">
        <v>78</v>
      </c>
      <c r="B630" s="52" t="s">
        <v>79</v>
      </c>
      <c r="C630" s="3">
        <v>10</v>
      </c>
      <c r="D630" s="52" t="s">
        <v>84</v>
      </c>
      <c r="E630" s="52" t="s">
        <v>111</v>
      </c>
      <c r="F630" s="52" t="s">
        <v>107</v>
      </c>
      <c r="G630" s="52" t="s">
        <v>108</v>
      </c>
      <c r="H630" s="4">
        <v>32</v>
      </c>
      <c r="I630" s="2">
        <v>0</v>
      </c>
    </row>
    <row r="631" spans="1:9" hidden="1" x14ac:dyDescent="0.35">
      <c r="A631" s="52" t="s">
        <v>78</v>
      </c>
      <c r="B631" s="52" t="s">
        <v>79</v>
      </c>
      <c r="C631" s="3">
        <v>10</v>
      </c>
      <c r="D631" s="52" t="s">
        <v>84</v>
      </c>
      <c r="E631" s="52" t="s">
        <v>106</v>
      </c>
      <c r="F631" s="52" t="s">
        <v>103</v>
      </c>
      <c r="G631" s="52" t="s">
        <v>82</v>
      </c>
      <c r="H631" s="4">
        <v>5</v>
      </c>
      <c r="I631" s="2">
        <v>0</v>
      </c>
    </row>
    <row r="632" spans="1:9" hidden="1" x14ac:dyDescent="0.35">
      <c r="A632" s="52" t="s">
        <v>78</v>
      </c>
      <c r="B632" s="52" t="s">
        <v>79</v>
      </c>
      <c r="C632" s="3">
        <v>10</v>
      </c>
      <c r="D632" s="52" t="s">
        <v>84</v>
      </c>
      <c r="E632" s="52" t="s">
        <v>102</v>
      </c>
      <c r="F632" s="52" t="s">
        <v>130</v>
      </c>
      <c r="G632" s="52" t="s">
        <v>108</v>
      </c>
      <c r="H632" s="4">
        <v>6</v>
      </c>
      <c r="I632" s="2">
        <v>0</v>
      </c>
    </row>
    <row r="633" spans="1:9" x14ac:dyDescent="0.35">
      <c r="A633" s="52" t="s">
        <v>78</v>
      </c>
      <c r="B633" s="52" t="s">
        <v>79</v>
      </c>
      <c r="C633" s="3">
        <v>10</v>
      </c>
      <c r="D633" s="52" t="s">
        <v>84</v>
      </c>
      <c r="E633" s="52" t="s">
        <v>102</v>
      </c>
      <c r="F633" s="52" t="s">
        <v>112</v>
      </c>
      <c r="G633" s="52" t="s">
        <v>108</v>
      </c>
      <c r="H633" s="4">
        <v>1</v>
      </c>
      <c r="I633" s="2">
        <v>0</v>
      </c>
    </row>
    <row r="634" spans="1:9" hidden="1" x14ac:dyDescent="0.35">
      <c r="A634" s="52" t="s">
        <v>78</v>
      </c>
      <c r="B634" s="52" t="s">
        <v>79</v>
      </c>
      <c r="C634" s="3">
        <v>10</v>
      </c>
      <c r="D634" s="52" t="s">
        <v>84</v>
      </c>
      <c r="E634" s="52" t="s">
        <v>111</v>
      </c>
      <c r="F634" s="52" t="s">
        <v>95</v>
      </c>
      <c r="G634" s="52" t="s">
        <v>82</v>
      </c>
      <c r="H634" s="4">
        <v>65</v>
      </c>
      <c r="I634" s="2">
        <v>0</v>
      </c>
    </row>
    <row r="635" spans="1:9" hidden="1" x14ac:dyDescent="0.35">
      <c r="A635" s="52" t="s">
        <v>78</v>
      </c>
      <c r="B635" s="52" t="s">
        <v>79</v>
      </c>
      <c r="C635" s="3">
        <v>20</v>
      </c>
      <c r="D635" s="52" t="s">
        <v>84</v>
      </c>
      <c r="E635" s="52" t="s">
        <v>90</v>
      </c>
      <c r="F635" s="52" t="s">
        <v>91</v>
      </c>
      <c r="G635" s="52" t="s">
        <v>82</v>
      </c>
      <c r="H635" s="4">
        <v>8774</v>
      </c>
      <c r="I635" s="2">
        <v>97089.73</v>
      </c>
    </row>
    <row r="636" spans="1:9" hidden="1" x14ac:dyDescent="0.35">
      <c r="A636" s="52" t="s">
        <v>78</v>
      </c>
      <c r="B636" s="52" t="s">
        <v>79</v>
      </c>
      <c r="C636" s="3">
        <v>20</v>
      </c>
      <c r="D636" s="52" t="s">
        <v>84</v>
      </c>
      <c r="E636" s="52" t="s">
        <v>36</v>
      </c>
      <c r="F636" s="52" t="s">
        <v>95</v>
      </c>
      <c r="G636" s="52" t="s">
        <v>82</v>
      </c>
      <c r="H636" s="4">
        <v>888</v>
      </c>
      <c r="I636" s="2">
        <v>4173.6000000000004</v>
      </c>
    </row>
    <row r="637" spans="1:9" hidden="1" x14ac:dyDescent="0.35">
      <c r="A637" s="52" t="s">
        <v>78</v>
      </c>
      <c r="B637" s="52" t="s">
        <v>79</v>
      </c>
      <c r="C637" s="3">
        <v>20</v>
      </c>
      <c r="D637" s="52" t="s">
        <v>84</v>
      </c>
      <c r="E637" s="52" t="s">
        <v>26</v>
      </c>
      <c r="F637" s="52" t="s">
        <v>81</v>
      </c>
      <c r="G637" s="52" t="s">
        <v>82</v>
      </c>
      <c r="H637" s="4">
        <v>202</v>
      </c>
      <c r="I637" s="2">
        <v>2959.3</v>
      </c>
    </row>
    <row r="638" spans="1:9" hidden="1" x14ac:dyDescent="0.35">
      <c r="A638" s="52" t="s">
        <v>78</v>
      </c>
      <c r="B638" s="52" t="s">
        <v>79</v>
      </c>
      <c r="C638" s="3">
        <v>20</v>
      </c>
      <c r="D638" s="52" t="s">
        <v>84</v>
      </c>
      <c r="E638" s="52" t="s">
        <v>38</v>
      </c>
      <c r="F638" s="52" t="s">
        <v>97</v>
      </c>
      <c r="G638" s="52" t="s">
        <v>82</v>
      </c>
      <c r="H638" s="4">
        <v>168</v>
      </c>
      <c r="I638" s="2">
        <v>2946.5</v>
      </c>
    </row>
    <row r="639" spans="1:9" hidden="1" x14ac:dyDescent="0.35">
      <c r="A639" s="52" t="s">
        <v>78</v>
      </c>
      <c r="B639" s="52" t="s">
        <v>79</v>
      </c>
      <c r="C639" s="3">
        <v>20</v>
      </c>
      <c r="D639" s="52" t="s">
        <v>84</v>
      </c>
      <c r="E639" s="52" t="s">
        <v>29</v>
      </c>
      <c r="F639" s="52" t="s">
        <v>94</v>
      </c>
      <c r="G639" s="52" t="s">
        <v>82</v>
      </c>
      <c r="H639" s="4">
        <v>9</v>
      </c>
      <c r="I639" s="2">
        <v>2526.84</v>
      </c>
    </row>
    <row r="640" spans="1:9" x14ac:dyDescent="0.35">
      <c r="A640" s="52" t="s">
        <v>78</v>
      </c>
      <c r="B640" s="52" t="s">
        <v>79</v>
      </c>
      <c r="C640" s="3">
        <v>20</v>
      </c>
      <c r="D640" s="52" t="s">
        <v>84</v>
      </c>
      <c r="E640" s="52" t="s">
        <v>88</v>
      </c>
      <c r="F640" s="52" t="s">
        <v>89</v>
      </c>
      <c r="G640" s="52" t="s">
        <v>82</v>
      </c>
      <c r="H640" s="4">
        <v>1</v>
      </c>
      <c r="I640" s="2">
        <v>650</v>
      </c>
    </row>
    <row r="641" spans="1:9" x14ac:dyDescent="0.35">
      <c r="A641" s="52" t="s">
        <v>78</v>
      </c>
      <c r="B641" s="52" t="s">
        <v>79</v>
      </c>
      <c r="C641" s="3">
        <v>20</v>
      </c>
      <c r="D641" s="52" t="s">
        <v>84</v>
      </c>
      <c r="E641" s="52" t="s">
        <v>100</v>
      </c>
      <c r="F641" s="52" t="s">
        <v>101</v>
      </c>
      <c r="G641" s="52" t="s">
        <v>82</v>
      </c>
      <c r="H641" s="4">
        <v>1</v>
      </c>
      <c r="I641" s="2">
        <v>284.83999999999997</v>
      </c>
    </row>
    <row r="642" spans="1:9" hidden="1" x14ac:dyDescent="0.35">
      <c r="A642" s="52" t="s">
        <v>78</v>
      </c>
      <c r="B642" s="52" t="s">
        <v>79</v>
      </c>
      <c r="C642" s="3">
        <v>20</v>
      </c>
      <c r="D642" s="52" t="s">
        <v>84</v>
      </c>
      <c r="E642" s="52" t="s">
        <v>92</v>
      </c>
      <c r="F642" s="52" t="s">
        <v>93</v>
      </c>
      <c r="G642" s="52" t="s">
        <v>82</v>
      </c>
      <c r="H642" s="4">
        <v>14</v>
      </c>
      <c r="I642" s="2">
        <v>89.99</v>
      </c>
    </row>
    <row r="643" spans="1:9" x14ac:dyDescent="0.35">
      <c r="A643" s="52" t="s">
        <v>78</v>
      </c>
      <c r="B643" s="52" t="s">
        <v>79</v>
      </c>
      <c r="C643" s="3">
        <v>20</v>
      </c>
      <c r="D643" s="52" t="s">
        <v>84</v>
      </c>
      <c r="E643" s="52" t="s">
        <v>33</v>
      </c>
      <c r="F643" s="52" t="s">
        <v>99</v>
      </c>
      <c r="G643" s="52" t="s">
        <v>82</v>
      </c>
      <c r="H643" s="4">
        <v>1</v>
      </c>
      <c r="I643" s="2">
        <v>48</v>
      </c>
    </row>
    <row r="644" spans="1:9" hidden="1" x14ac:dyDescent="0.35">
      <c r="A644" s="52" t="s">
        <v>78</v>
      </c>
      <c r="B644" s="52" t="s">
        <v>79</v>
      </c>
      <c r="C644" s="3">
        <v>20</v>
      </c>
      <c r="D644" s="52" t="s">
        <v>84</v>
      </c>
      <c r="E644" s="52" t="s">
        <v>121</v>
      </c>
      <c r="F644" s="52" t="s">
        <v>112</v>
      </c>
      <c r="G644" s="52" t="s">
        <v>108</v>
      </c>
      <c r="H644" s="4">
        <v>156</v>
      </c>
      <c r="I644" s="2">
        <v>0</v>
      </c>
    </row>
    <row r="645" spans="1:9" hidden="1" x14ac:dyDescent="0.35">
      <c r="A645" s="52" t="s">
        <v>78</v>
      </c>
      <c r="B645" s="52" t="s">
        <v>79</v>
      </c>
      <c r="C645" s="3">
        <v>20</v>
      </c>
      <c r="D645" s="52" t="s">
        <v>84</v>
      </c>
      <c r="E645" s="52" t="s">
        <v>106</v>
      </c>
      <c r="F645" s="52" t="s">
        <v>107</v>
      </c>
      <c r="G645" s="52" t="s">
        <v>108</v>
      </c>
      <c r="H645" s="4">
        <v>20</v>
      </c>
      <c r="I645" s="2">
        <v>0</v>
      </c>
    </row>
    <row r="646" spans="1:9" hidden="1" x14ac:dyDescent="0.35">
      <c r="A646" s="52" t="s">
        <v>78</v>
      </c>
      <c r="B646" s="52" t="s">
        <v>79</v>
      </c>
      <c r="C646" s="3">
        <v>20</v>
      </c>
      <c r="D646" s="52" t="s">
        <v>84</v>
      </c>
      <c r="E646" s="52" t="s">
        <v>111</v>
      </c>
      <c r="F646" s="52" t="s">
        <v>107</v>
      </c>
      <c r="G646" s="52" t="s">
        <v>108</v>
      </c>
      <c r="H646" s="4">
        <v>56</v>
      </c>
      <c r="I646" s="2">
        <v>0</v>
      </c>
    </row>
    <row r="647" spans="1:9" hidden="1" x14ac:dyDescent="0.35">
      <c r="A647" s="52" t="s">
        <v>78</v>
      </c>
      <c r="B647" s="52" t="s">
        <v>79</v>
      </c>
      <c r="C647" s="3">
        <v>20</v>
      </c>
      <c r="D647" s="52" t="s">
        <v>84</v>
      </c>
      <c r="E647" s="52" t="s">
        <v>106</v>
      </c>
      <c r="F647" s="52" t="s">
        <v>103</v>
      </c>
      <c r="G647" s="52" t="s">
        <v>82</v>
      </c>
      <c r="H647" s="4">
        <v>5</v>
      </c>
      <c r="I647" s="2">
        <v>0</v>
      </c>
    </row>
    <row r="648" spans="1:9" hidden="1" x14ac:dyDescent="0.35">
      <c r="A648" s="52" t="s">
        <v>78</v>
      </c>
      <c r="B648" s="52" t="s">
        <v>79</v>
      </c>
      <c r="C648" s="3">
        <v>20</v>
      </c>
      <c r="D648" s="52" t="s">
        <v>84</v>
      </c>
      <c r="E648" s="52" t="s">
        <v>102</v>
      </c>
      <c r="F648" s="52" t="s">
        <v>103</v>
      </c>
      <c r="G648" s="52" t="s">
        <v>82</v>
      </c>
      <c r="H648" s="4">
        <v>475</v>
      </c>
      <c r="I648" s="2">
        <v>0</v>
      </c>
    </row>
    <row r="649" spans="1:9" hidden="1" x14ac:dyDescent="0.35">
      <c r="A649" s="52" t="s">
        <v>78</v>
      </c>
      <c r="B649" s="52" t="s">
        <v>79</v>
      </c>
      <c r="C649" s="3">
        <v>20</v>
      </c>
      <c r="D649" s="52" t="s">
        <v>84</v>
      </c>
      <c r="E649" s="52" t="s">
        <v>109</v>
      </c>
      <c r="F649" s="52" t="s">
        <v>110</v>
      </c>
      <c r="G649" s="52" t="s">
        <v>108</v>
      </c>
      <c r="H649" s="4">
        <v>14</v>
      </c>
      <c r="I649" s="2">
        <v>0</v>
      </c>
    </row>
    <row r="650" spans="1:9" hidden="1" x14ac:dyDescent="0.35">
      <c r="A650" s="52" t="s">
        <v>78</v>
      </c>
      <c r="B650" s="52" t="s">
        <v>79</v>
      </c>
      <c r="C650" s="3">
        <v>20</v>
      </c>
      <c r="D650" s="52" t="s">
        <v>84</v>
      </c>
      <c r="E650" s="52" t="s">
        <v>106</v>
      </c>
      <c r="F650" s="52" t="s">
        <v>124</v>
      </c>
      <c r="G650" s="52" t="s">
        <v>108</v>
      </c>
      <c r="H650" s="4">
        <v>7</v>
      </c>
      <c r="I650" s="2">
        <v>0</v>
      </c>
    </row>
    <row r="651" spans="1:9" x14ac:dyDescent="0.35">
      <c r="A651" s="52" t="s">
        <v>78</v>
      </c>
      <c r="B651" s="52" t="s">
        <v>79</v>
      </c>
      <c r="C651" s="3">
        <v>20</v>
      </c>
      <c r="D651" s="52" t="s">
        <v>84</v>
      </c>
      <c r="E651" s="52" t="s">
        <v>102</v>
      </c>
      <c r="F651" s="52" t="s">
        <v>123</v>
      </c>
      <c r="G651" s="52" t="s">
        <v>108</v>
      </c>
      <c r="H651" s="4">
        <v>1</v>
      </c>
      <c r="I651" s="2">
        <v>0</v>
      </c>
    </row>
    <row r="652" spans="1:9" hidden="1" x14ac:dyDescent="0.35">
      <c r="A652" s="52" t="s">
        <v>78</v>
      </c>
      <c r="B652" s="52" t="s">
        <v>79</v>
      </c>
      <c r="C652" s="3">
        <v>20</v>
      </c>
      <c r="D652" s="52" t="s">
        <v>84</v>
      </c>
      <c r="E652" s="52" t="s">
        <v>117</v>
      </c>
      <c r="F652" s="52" t="s">
        <v>116</v>
      </c>
      <c r="G652" s="52" t="s">
        <v>82</v>
      </c>
      <c r="H652" s="4">
        <v>2557</v>
      </c>
      <c r="I652" s="2">
        <v>0</v>
      </c>
    </row>
    <row r="653" spans="1:9" hidden="1" x14ac:dyDescent="0.35">
      <c r="A653" s="52" t="s">
        <v>78</v>
      </c>
      <c r="B653" s="52" t="s">
        <v>79</v>
      </c>
      <c r="C653" s="3">
        <v>20</v>
      </c>
      <c r="D653" s="52" t="s">
        <v>84</v>
      </c>
      <c r="E653" s="52" t="s">
        <v>111</v>
      </c>
      <c r="F653" s="52" t="s">
        <v>101</v>
      </c>
      <c r="G653" s="52" t="s">
        <v>82</v>
      </c>
      <c r="H653" s="4">
        <v>763</v>
      </c>
      <c r="I653" s="2">
        <v>0</v>
      </c>
    </row>
    <row r="654" spans="1:9" hidden="1" x14ac:dyDescent="0.35">
      <c r="A654" s="52" t="s">
        <v>78</v>
      </c>
      <c r="B654" s="52" t="s">
        <v>79</v>
      </c>
      <c r="C654" s="3">
        <v>20</v>
      </c>
      <c r="D654" s="52" t="s">
        <v>84</v>
      </c>
      <c r="E654" s="52" t="s">
        <v>128</v>
      </c>
      <c r="F654" s="52" t="s">
        <v>129</v>
      </c>
      <c r="G654" s="52" t="s">
        <v>82</v>
      </c>
      <c r="H654" s="4">
        <v>3</v>
      </c>
      <c r="I654" s="2">
        <v>0</v>
      </c>
    </row>
    <row r="655" spans="1:9" x14ac:dyDescent="0.35">
      <c r="A655" s="52" t="s">
        <v>78</v>
      </c>
      <c r="B655" s="52" t="s">
        <v>79</v>
      </c>
      <c r="C655" s="3">
        <v>20</v>
      </c>
      <c r="D655" s="52" t="s">
        <v>84</v>
      </c>
      <c r="E655" s="52" t="s">
        <v>137</v>
      </c>
      <c r="F655" s="52" t="s">
        <v>107</v>
      </c>
      <c r="G655" s="52" t="s">
        <v>108</v>
      </c>
      <c r="H655" s="4">
        <v>1</v>
      </c>
      <c r="I655" s="2">
        <v>0</v>
      </c>
    </row>
    <row r="656" spans="1:9" hidden="1" x14ac:dyDescent="0.35">
      <c r="A656" s="52" t="s">
        <v>78</v>
      </c>
      <c r="B656" s="52" t="s">
        <v>79</v>
      </c>
      <c r="C656" s="3">
        <v>20</v>
      </c>
      <c r="D656" s="52" t="s">
        <v>84</v>
      </c>
      <c r="E656" s="52" t="s">
        <v>135</v>
      </c>
      <c r="F656" s="52" t="s">
        <v>112</v>
      </c>
      <c r="G656" s="52" t="s">
        <v>82</v>
      </c>
      <c r="H656" s="4">
        <v>15867</v>
      </c>
      <c r="I656" s="2">
        <v>0</v>
      </c>
    </row>
    <row r="657" spans="1:9" hidden="1" x14ac:dyDescent="0.35">
      <c r="A657" s="52" t="s">
        <v>78</v>
      </c>
      <c r="B657" s="52" t="s">
        <v>79</v>
      </c>
      <c r="C657" s="3">
        <v>20</v>
      </c>
      <c r="D657" s="52" t="s">
        <v>84</v>
      </c>
      <c r="E657" s="52" t="s">
        <v>102</v>
      </c>
      <c r="F657" s="52" t="s">
        <v>107</v>
      </c>
      <c r="G657" s="52" t="s">
        <v>108</v>
      </c>
      <c r="H657" s="4">
        <v>139</v>
      </c>
      <c r="I657" s="2">
        <v>0</v>
      </c>
    </row>
    <row r="658" spans="1:9" hidden="1" x14ac:dyDescent="0.35">
      <c r="A658" s="52" t="s">
        <v>78</v>
      </c>
      <c r="B658" s="52" t="s">
        <v>79</v>
      </c>
      <c r="C658" s="3">
        <v>20</v>
      </c>
      <c r="D658" s="52" t="s">
        <v>84</v>
      </c>
      <c r="E658" s="52" t="s">
        <v>126</v>
      </c>
      <c r="F658" s="52" t="s">
        <v>101</v>
      </c>
      <c r="G658" s="52" t="s">
        <v>82</v>
      </c>
      <c r="H658" s="4">
        <v>151</v>
      </c>
      <c r="I658" s="2">
        <v>0</v>
      </c>
    </row>
    <row r="659" spans="1:9" hidden="1" x14ac:dyDescent="0.35">
      <c r="A659" s="52" t="s">
        <v>78</v>
      </c>
      <c r="B659" s="52" t="s">
        <v>79</v>
      </c>
      <c r="C659" s="3">
        <v>20</v>
      </c>
      <c r="D659" s="52" t="s">
        <v>84</v>
      </c>
      <c r="E659" s="52" t="s">
        <v>111</v>
      </c>
      <c r="F659" s="52" t="s">
        <v>105</v>
      </c>
      <c r="G659" s="52" t="s">
        <v>82</v>
      </c>
      <c r="H659" s="4">
        <v>190</v>
      </c>
      <c r="I659" s="2">
        <v>0</v>
      </c>
    </row>
    <row r="660" spans="1:9" hidden="1" x14ac:dyDescent="0.35">
      <c r="A660" s="52" t="s">
        <v>78</v>
      </c>
      <c r="B660" s="52" t="s">
        <v>79</v>
      </c>
      <c r="C660" s="3">
        <v>20</v>
      </c>
      <c r="D660" s="52" t="s">
        <v>84</v>
      </c>
      <c r="E660" s="52" t="s">
        <v>102</v>
      </c>
      <c r="F660" s="52" t="s">
        <v>101</v>
      </c>
      <c r="G660" s="52" t="s">
        <v>108</v>
      </c>
      <c r="H660" s="4">
        <v>12</v>
      </c>
      <c r="I660" s="2">
        <v>0</v>
      </c>
    </row>
    <row r="661" spans="1:9" hidden="1" x14ac:dyDescent="0.35">
      <c r="A661" s="52" t="s">
        <v>78</v>
      </c>
      <c r="B661" s="52" t="s">
        <v>79</v>
      </c>
      <c r="C661" s="3">
        <v>20</v>
      </c>
      <c r="D661" s="52" t="s">
        <v>84</v>
      </c>
      <c r="E661" s="52" t="s">
        <v>111</v>
      </c>
      <c r="F661" s="52" t="s">
        <v>130</v>
      </c>
      <c r="G661" s="52" t="s">
        <v>108</v>
      </c>
      <c r="H661" s="4">
        <v>2</v>
      </c>
      <c r="I661" s="2">
        <v>0</v>
      </c>
    </row>
    <row r="662" spans="1:9" hidden="1" x14ac:dyDescent="0.35">
      <c r="A662" s="52" t="s">
        <v>78</v>
      </c>
      <c r="B662" s="52" t="s">
        <v>79</v>
      </c>
      <c r="C662" s="3">
        <v>20</v>
      </c>
      <c r="D662" s="52" t="s">
        <v>84</v>
      </c>
      <c r="E662" s="52" t="s">
        <v>102</v>
      </c>
      <c r="F662" s="52" t="s">
        <v>124</v>
      </c>
      <c r="G662" s="52" t="s">
        <v>108</v>
      </c>
      <c r="H662" s="4">
        <v>174</v>
      </c>
      <c r="I662" s="2">
        <v>0</v>
      </c>
    </row>
    <row r="663" spans="1:9" hidden="1" x14ac:dyDescent="0.35">
      <c r="A663" s="52" t="s">
        <v>78</v>
      </c>
      <c r="B663" s="52" t="s">
        <v>79</v>
      </c>
      <c r="C663" s="3">
        <v>20</v>
      </c>
      <c r="D663" s="52" t="s">
        <v>84</v>
      </c>
      <c r="E663" s="52" t="s">
        <v>111</v>
      </c>
      <c r="F663" s="52" t="s">
        <v>103</v>
      </c>
      <c r="G663" s="52" t="s">
        <v>82</v>
      </c>
      <c r="H663" s="4">
        <v>34</v>
      </c>
      <c r="I663" s="2">
        <v>0</v>
      </c>
    </row>
    <row r="664" spans="1:9" hidden="1" x14ac:dyDescent="0.35">
      <c r="A664" s="52" t="s">
        <v>78</v>
      </c>
      <c r="B664" s="52" t="s">
        <v>79</v>
      </c>
      <c r="C664" s="3">
        <v>20</v>
      </c>
      <c r="D664" s="52" t="s">
        <v>84</v>
      </c>
      <c r="E664" s="52" t="s">
        <v>120</v>
      </c>
      <c r="F664" s="52" t="s">
        <v>116</v>
      </c>
      <c r="G664" s="52" t="s">
        <v>115</v>
      </c>
      <c r="H664" s="4">
        <v>1241</v>
      </c>
      <c r="I664" s="2">
        <v>0</v>
      </c>
    </row>
    <row r="665" spans="1:9" hidden="1" x14ac:dyDescent="0.35">
      <c r="A665" s="52" t="s">
        <v>78</v>
      </c>
      <c r="B665" s="52" t="s">
        <v>79</v>
      </c>
      <c r="C665" s="3">
        <v>20</v>
      </c>
      <c r="D665" s="52" t="s">
        <v>84</v>
      </c>
      <c r="E665" s="52" t="s">
        <v>132</v>
      </c>
      <c r="F665" s="52" t="s">
        <v>133</v>
      </c>
      <c r="G665" s="52" t="s">
        <v>108</v>
      </c>
      <c r="H665" s="4">
        <v>5</v>
      </c>
      <c r="I665" s="2">
        <v>0</v>
      </c>
    </row>
    <row r="666" spans="1:9" hidden="1" x14ac:dyDescent="0.35">
      <c r="A666" s="52" t="s">
        <v>78</v>
      </c>
      <c r="B666" s="52" t="s">
        <v>79</v>
      </c>
      <c r="C666" s="3">
        <v>20</v>
      </c>
      <c r="D666" s="52" t="s">
        <v>84</v>
      </c>
      <c r="E666" s="52" t="s">
        <v>122</v>
      </c>
      <c r="F666" s="52" t="s">
        <v>123</v>
      </c>
      <c r="G666" s="52" t="s">
        <v>108</v>
      </c>
      <c r="H666" s="4">
        <v>1358</v>
      </c>
      <c r="I666" s="2">
        <v>0</v>
      </c>
    </row>
    <row r="667" spans="1:9" hidden="1" x14ac:dyDescent="0.35">
      <c r="A667" s="52" t="s">
        <v>78</v>
      </c>
      <c r="B667" s="52" t="s">
        <v>79</v>
      </c>
      <c r="C667" s="3">
        <v>20</v>
      </c>
      <c r="D667" s="52" t="s">
        <v>84</v>
      </c>
      <c r="E667" s="52" t="s">
        <v>102</v>
      </c>
      <c r="F667" s="52" t="s">
        <v>116</v>
      </c>
      <c r="G667" s="52" t="s">
        <v>115</v>
      </c>
      <c r="H667" s="4">
        <v>1080</v>
      </c>
      <c r="I667" s="2">
        <v>0</v>
      </c>
    </row>
    <row r="668" spans="1:9" hidden="1" x14ac:dyDescent="0.35">
      <c r="A668" s="52" t="s">
        <v>78</v>
      </c>
      <c r="B668" s="52" t="s">
        <v>79</v>
      </c>
      <c r="C668" s="3">
        <v>20</v>
      </c>
      <c r="D668" s="52" t="s">
        <v>84</v>
      </c>
      <c r="E668" s="52" t="s">
        <v>111</v>
      </c>
      <c r="F668" s="52" t="s">
        <v>94</v>
      </c>
      <c r="G668" s="52" t="s">
        <v>82</v>
      </c>
      <c r="H668" s="4">
        <v>2</v>
      </c>
      <c r="I668" s="2">
        <v>0</v>
      </c>
    </row>
    <row r="669" spans="1:9" hidden="1" x14ac:dyDescent="0.35">
      <c r="A669" s="52" t="s">
        <v>78</v>
      </c>
      <c r="B669" s="52" t="s">
        <v>79</v>
      </c>
      <c r="C669" s="3">
        <v>20</v>
      </c>
      <c r="D669" s="52" t="s">
        <v>84</v>
      </c>
      <c r="E669" s="52" t="s">
        <v>111</v>
      </c>
      <c r="F669" s="52" t="s">
        <v>93</v>
      </c>
      <c r="G669" s="52" t="s">
        <v>82</v>
      </c>
      <c r="H669" s="4">
        <v>63</v>
      </c>
      <c r="I669" s="2">
        <v>0</v>
      </c>
    </row>
    <row r="670" spans="1:9" hidden="1" x14ac:dyDescent="0.35">
      <c r="A670" s="52" t="s">
        <v>78</v>
      </c>
      <c r="B670" s="52" t="s">
        <v>79</v>
      </c>
      <c r="C670" s="3">
        <v>20</v>
      </c>
      <c r="D670" s="52" t="s">
        <v>84</v>
      </c>
      <c r="E670" s="52" t="s">
        <v>102</v>
      </c>
      <c r="F670" s="52" t="s">
        <v>130</v>
      </c>
      <c r="G670" s="52" t="s">
        <v>108</v>
      </c>
      <c r="H670" s="4">
        <v>9</v>
      </c>
      <c r="I670" s="2">
        <v>0</v>
      </c>
    </row>
    <row r="671" spans="1:9" hidden="1" x14ac:dyDescent="0.35">
      <c r="A671" s="52" t="s">
        <v>78</v>
      </c>
      <c r="B671" s="52" t="s">
        <v>79</v>
      </c>
      <c r="C671" s="3">
        <v>20</v>
      </c>
      <c r="D671" s="52" t="s">
        <v>84</v>
      </c>
      <c r="E671" s="52" t="s">
        <v>139</v>
      </c>
      <c r="F671" s="52" t="s">
        <v>140</v>
      </c>
      <c r="G671" s="52" t="s">
        <v>82</v>
      </c>
      <c r="H671" s="4">
        <v>124</v>
      </c>
      <c r="I671" s="2">
        <v>0</v>
      </c>
    </row>
    <row r="672" spans="1:9" hidden="1" x14ac:dyDescent="0.35">
      <c r="A672" s="52" t="s">
        <v>78</v>
      </c>
      <c r="B672" s="52" t="s">
        <v>79</v>
      </c>
      <c r="C672" s="3">
        <v>20</v>
      </c>
      <c r="D672" s="52" t="s">
        <v>84</v>
      </c>
      <c r="E672" s="52" t="s">
        <v>102</v>
      </c>
      <c r="F672" s="52" t="s">
        <v>141</v>
      </c>
      <c r="G672" s="52" t="s">
        <v>108</v>
      </c>
      <c r="H672" s="4">
        <v>7</v>
      </c>
      <c r="I672" s="2">
        <v>0</v>
      </c>
    </row>
    <row r="673" spans="1:9" hidden="1" x14ac:dyDescent="0.35">
      <c r="A673" s="52" t="s">
        <v>78</v>
      </c>
      <c r="B673" s="52" t="s">
        <v>79</v>
      </c>
      <c r="C673" s="3">
        <v>20</v>
      </c>
      <c r="D673" s="52" t="s">
        <v>84</v>
      </c>
      <c r="E673" s="52" t="s">
        <v>102</v>
      </c>
      <c r="F673" s="52" t="s">
        <v>125</v>
      </c>
      <c r="G673" s="52" t="s">
        <v>108</v>
      </c>
      <c r="H673" s="4">
        <v>5</v>
      </c>
      <c r="I673" s="2">
        <v>0</v>
      </c>
    </row>
    <row r="674" spans="1:9" hidden="1" x14ac:dyDescent="0.35">
      <c r="A674" s="52" t="s">
        <v>78</v>
      </c>
      <c r="B674" s="52" t="s">
        <v>79</v>
      </c>
      <c r="C674" s="3">
        <v>20</v>
      </c>
      <c r="D674" s="52" t="s">
        <v>84</v>
      </c>
      <c r="E674" s="52" t="s">
        <v>126</v>
      </c>
      <c r="F674" s="52" t="s">
        <v>103</v>
      </c>
      <c r="G674" s="52" t="s">
        <v>82</v>
      </c>
      <c r="H674" s="4">
        <v>11</v>
      </c>
      <c r="I674" s="2">
        <v>0</v>
      </c>
    </row>
    <row r="675" spans="1:9" hidden="1" x14ac:dyDescent="0.35">
      <c r="A675" s="52" t="s">
        <v>78</v>
      </c>
      <c r="B675" s="52" t="s">
        <v>79</v>
      </c>
      <c r="C675" s="3">
        <v>20</v>
      </c>
      <c r="D675" s="52" t="s">
        <v>84</v>
      </c>
      <c r="E675" s="52" t="s">
        <v>106</v>
      </c>
      <c r="F675" s="52" t="s">
        <v>101</v>
      </c>
      <c r="G675" s="52" t="s">
        <v>108</v>
      </c>
      <c r="H675" s="4">
        <v>3</v>
      </c>
      <c r="I675" s="2">
        <v>0</v>
      </c>
    </row>
    <row r="676" spans="1:9" hidden="1" x14ac:dyDescent="0.35">
      <c r="A676" s="52" t="s">
        <v>78</v>
      </c>
      <c r="B676" s="52" t="s">
        <v>79</v>
      </c>
      <c r="C676" s="3">
        <v>20</v>
      </c>
      <c r="D676" s="52" t="s">
        <v>84</v>
      </c>
      <c r="E676" s="52" t="s">
        <v>102</v>
      </c>
      <c r="F676" s="52" t="s">
        <v>136</v>
      </c>
      <c r="G676" s="52" t="s">
        <v>108</v>
      </c>
      <c r="H676" s="4">
        <v>3</v>
      </c>
      <c r="I676" s="2">
        <v>0</v>
      </c>
    </row>
    <row r="677" spans="1:9" hidden="1" x14ac:dyDescent="0.35">
      <c r="A677" s="52" t="s">
        <v>78</v>
      </c>
      <c r="B677" s="52" t="s">
        <v>79</v>
      </c>
      <c r="C677" s="3">
        <v>20</v>
      </c>
      <c r="D677" s="52" t="s">
        <v>84</v>
      </c>
      <c r="E677" s="52" t="s">
        <v>134</v>
      </c>
      <c r="F677" s="52" t="s">
        <v>123</v>
      </c>
      <c r="G677" s="52" t="s">
        <v>82</v>
      </c>
      <c r="H677" s="4">
        <v>4716</v>
      </c>
      <c r="I677" s="2">
        <v>0</v>
      </c>
    </row>
    <row r="678" spans="1:9" hidden="1" x14ac:dyDescent="0.35">
      <c r="A678" s="52" t="s">
        <v>78</v>
      </c>
      <c r="B678" s="52" t="s">
        <v>79</v>
      </c>
      <c r="C678" s="3">
        <v>20</v>
      </c>
      <c r="D678" s="52" t="s">
        <v>84</v>
      </c>
      <c r="E678" s="52" t="s">
        <v>111</v>
      </c>
      <c r="F678" s="52" t="s">
        <v>97</v>
      </c>
      <c r="G678" s="52" t="s">
        <v>82</v>
      </c>
      <c r="H678" s="4">
        <v>2</v>
      </c>
      <c r="I678" s="2">
        <v>0</v>
      </c>
    </row>
    <row r="679" spans="1:9" hidden="1" x14ac:dyDescent="0.35">
      <c r="A679" s="52" t="s">
        <v>78</v>
      </c>
      <c r="B679" s="52" t="s">
        <v>79</v>
      </c>
      <c r="C679" s="3">
        <v>20</v>
      </c>
      <c r="D679" s="52" t="s">
        <v>84</v>
      </c>
      <c r="E679" s="52" t="s">
        <v>113</v>
      </c>
      <c r="F679" s="52" t="s">
        <v>114</v>
      </c>
      <c r="G679" s="52" t="s">
        <v>115</v>
      </c>
      <c r="H679" s="4">
        <v>2912</v>
      </c>
      <c r="I679" s="2">
        <v>0</v>
      </c>
    </row>
    <row r="680" spans="1:9" hidden="1" x14ac:dyDescent="0.35">
      <c r="A680" s="52" t="s">
        <v>78</v>
      </c>
      <c r="B680" s="52" t="s">
        <v>79</v>
      </c>
      <c r="C680" s="3">
        <v>20</v>
      </c>
      <c r="D680" s="52" t="s">
        <v>84</v>
      </c>
      <c r="E680" s="52" t="s">
        <v>111</v>
      </c>
      <c r="F680" s="52" t="s">
        <v>81</v>
      </c>
      <c r="G680" s="52" t="s">
        <v>82</v>
      </c>
      <c r="H680" s="4">
        <v>6</v>
      </c>
      <c r="I680" s="2">
        <v>0</v>
      </c>
    </row>
    <row r="681" spans="1:9" hidden="1" x14ac:dyDescent="0.35">
      <c r="A681" s="52" t="s">
        <v>78</v>
      </c>
      <c r="B681" s="52" t="s">
        <v>79</v>
      </c>
      <c r="C681" s="3">
        <v>20</v>
      </c>
      <c r="D681" s="52" t="s">
        <v>84</v>
      </c>
      <c r="E681" s="52" t="s">
        <v>131</v>
      </c>
      <c r="F681" s="52" t="s">
        <v>129</v>
      </c>
      <c r="G681" s="52" t="s">
        <v>108</v>
      </c>
      <c r="H681" s="4">
        <v>2</v>
      </c>
      <c r="I681" s="2">
        <v>0</v>
      </c>
    </row>
    <row r="682" spans="1:9" hidden="1" x14ac:dyDescent="0.35">
      <c r="A682" s="52" t="s">
        <v>78</v>
      </c>
      <c r="B682" s="52" t="s">
        <v>79</v>
      </c>
      <c r="C682" s="3">
        <v>20</v>
      </c>
      <c r="D682" s="52" t="s">
        <v>84</v>
      </c>
      <c r="E682" s="52" t="s">
        <v>111</v>
      </c>
      <c r="F682" s="52" t="s">
        <v>95</v>
      </c>
      <c r="G682" s="52" t="s">
        <v>82</v>
      </c>
      <c r="H682" s="4">
        <v>102</v>
      </c>
      <c r="I682" s="2">
        <v>0</v>
      </c>
    </row>
    <row r="683" spans="1:9" hidden="1" x14ac:dyDescent="0.35">
      <c r="A683" s="52" t="s">
        <v>78</v>
      </c>
      <c r="B683" s="52" t="s">
        <v>79</v>
      </c>
      <c r="C683" s="3">
        <v>20</v>
      </c>
      <c r="D683" s="52" t="s">
        <v>84</v>
      </c>
      <c r="E683" s="52" t="s">
        <v>118</v>
      </c>
      <c r="F683" s="52" t="s">
        <v>119</v>
      </c>
      <c r="G683" s="52" t="s">
        <v>115</v>
      </c>
      <c r="H683" s="4">
        <v>1241</v>
      </c>
      <c r="I683" s="2">
        <v>0</v>
      </c>
    </row>
    <row r="684" spans="1:9" hidden="1" x14ac:dyDescent="0.35">
      <c r="A684" s="52" t="s">
        <v>78</v>
      </c>
      <c r="B684" s="52" t="s">
        <v>79</v>
      </c>
      <c r="C684" s="3">
        <v>211</v>
      </c>
      <c r="D684" s="52" t="s">
        <v>84</v>
      </c>
      <c r="E684" s="52" t="s">
        <v>92</v>
      </c>
      <c r="F684" s="52" t="s">
        <v>93</v>
      </c>
      <c r="G684" s="52" t="s">
        <v>82</v>
      </c>
      <c r="H684" s="4">
        <v>3912</v>
      </c>
      <c r="I684" s="2">
        <v>33139.03</v>
      </c>
    </row>
    <row r="685" spans="1:9" hidden="1" x14ac:dyDescent="0.35">
      <c r="A685" s="52" t="s">
        <v>78</v>
      </c>
      <c r="B685" s="52" t="s">
        <v>79</v>
      </c>
      <c r="C685" s="3">
        <v>211</v>
      </c>
      <c r="D685" s="52" t="s">
        <v>84</v>
      </c>
      <c r="E685" s="52" t="s">
        <v>40</v>
      </c>
      <c r="F685" s="52" t="s">
        <v>96</v>
      </c>
      <c r="G685" s="52" t="s">
        <v>82</v>
      </c>
      <c r="H685" s="4">
        <v>35</v>
      </c>
      <c r="I685" s="2">
        <v>875</v>
      </c>
    </row>
    <row r="686" spans="1:9" hidden="1" x14ac:dyDescent="0.35">
      <c r="A686" s="52" t="s">
        <v>78</v>
      </c>
      <c r="B686" s="52" t="s">
        <v>79</v>
      </c>
      <c r="C686" s="3">
        <v>211</v>
      </c>
      <c r="D686" s="52" t="s">
        <v>84</v>
      </c>
      <c r="E686" s="52" t="s">
        <v>36</v>
      </c>
      <c r="F686" s="52" t="s">
        <v>95</v>
      </c>
      <c r="G686" s="52" t="s">
        <v>82</v>
      </c>
      <c r="H686" s="4">
        <v>125</v>
      </c>
      <c r="I686" s="2">
        <v>587.5</v>
      </c>
    </row>
    <row r="687" spans="1:9" hidden="1" x14ac:dyDescent="0.35">
      <c r="A687" s="52" t="s">
        <v>78</v>
      </c>
      <c r="B687" s="52" t="s">
        <v>79</v>
      </c>
      <c r="C687" s="3">
        <v>211</v>
      </c>
      <c r="D687" s="52" t="s">
        <v>84</v>
      </c>
      <c r="E687" s="52" t="s">
        <v>26</v>
      </c>
      <c r="F687" s="52" t="s">
        <v>81</v>
      </c>
      <c r="G687" s="52" t="s">
        <v>82</v>
      </c>
      <c r="H687" s="4">
        <v>23</v>
      </c>
      <c r="I687" s="2">
        <v>336.95</v>
      </c>
    </row>
    <row r="688" spans="1:9" hidden="1" x14ac:dyDescent="0.35">
      <c r="A688" s="52" t="s">
        <v>78</v>
      </c>
      <c r="B688" s="52" t="s">
        <v>79</v>
      </c>
      <c r="C688" s="3">
        <v>211</v>
      </c>
      <c r="D688" s="52" t="s">
        <v>84</v>
      </c>
      <c r="E688" s="52" t="s">
        <v>38</v>
      </c>
      <c r="F688" s="52" t="s">
        <v>97</v>
      </c>
      <c r="G688" s="52" t="s">
        <v>82</v>
      </c>
      <c r="H688" s="4">
        <v>21</v>
      </c>
      <c r="I688" s="2">
        <v>264.89999999999998</v>
      </c>
    </row>
    <row r="689" spans="1:9" hidden="1" x14ac:dyDescent="0.35">
      <c r="A689" s="52" t="s">
        <v>78</v>
      </c>
      <c r="B689" s="52" t="s">
        <v>79</v>
      </c>
      <c r="C689" s="3">
        <v>211</v>
      </c>
      <c r="D689" s="52" t="s">
        <v>84</v>
      </c>
      <c r="E689" s="52" t="s">
        <v>90</v>
      </c>
      <c r="F689" s="52" t="s">
        <v>91</v>
      </c>
      <c r="G689" s="52" t="s">
        <v>82</v>
      </c>
      <c r="H689" s="4">
        <v>13</v>
      </c>
      <c r="I689" s="2">
        <v>82.85</v>
      </c>
    </row>
    <row r="690" spans="1:9" hidden="1" x14ac:dyDescent="0.35">
      <c r="A690" s="52" t="s">
        <v>78</v>
      </c>
      <c r="B690" s="52" t="s">
        <v>79</v>
      </c>
      <c r="C690" s="3">
        <v>211</v>
      </c>
      <c r="D690" s="52" t="s">
        <v>84</v>
      </c>
      <c r="E690" s="52" t="s">
        <v>117</v>
      </c>
      <c r="F690" s="52" t="s">
        <v>116</v>
      </c>
      <c r="G690" s="52" t="s">
        <v>82</v>
      </c>
      <c r="H690" s="4">
        <v>262</v>
      </c>
      <c r="I690" s="2">
        <v>0</v>
      </c>
    </row>
    <row r="691" spans="1:9" hidden="1" x14ac:dyDescent="0.35">
      <c r="A691" s="52" t="s">
        <v>78</v>
      </c>
      <c r="B691" s="52" t="s">
        <v>79</v>
      </c>
      <c r="C691" s="3">
        <v>211</v>
      </c>
      <c r="D691" s="52" t="s">
        <v>84</v>
      </c>
      <c r="E691" s="52" t="s">
        <v>104</v>
      </c>
      <c r="F691" s="52" t="s">
        <v>105</v>
      </c>
      <c r="G691" s="52" t="s">
        <v>82</v>
      </c>
      <c r="H691" s="4">
        <v>26</v>
      </c>
      <c r="I691" s="2">
        <v>0</v>
      </c>
    </row>
    <row r="692" spans="1:9" hidden="1" x14ac:dyDescent="0.35">
      <c r="A692" s="52" t="s">
        <v>78</v>
      </c>
      <c r="B692" s="52" t="s">
        <v>79</v>
      </c>
      <c r="C692" s="3">
        <v>211</v>
      </c>
      <c r="D692" s="52" t="s">
        <v>84</v>
      </c>
      <c r="E692" s="52" t="s">
        <v>109</v>
      </c>
      <c r="F692" s="52" t="s">
        <v>110</v>
      </c>
      <c r="G692" s="52" t="s">
        <v>108</v>
      </c>
      <c r="H692" s="4">
        <v>7</v>
      </c>
      <c r="I692" s="2">
        <v>0</v>
      </c>
    </row>
    <row r="693" spans="1:9" hidden="1" x14ac:dyDescent="0.35">
      <c r="A693" s="52" t="s">
        <v>78</v>
      </c>
      <c r="B693" s="52" t="s">
        <v>79</v>
      </c>
      <c r="C693" s="3">
        <v>211</v>
      </c>
      <c r="D693" s="52" t="s">
        <v>84</v>
      </c>
      <c r="E693" s="52" t="s">
        <v>104</v>
      </c>
      <c r="F693" s="52" t="s">
        <v>101</v>
      </c>
      <c r="G693" s="52" t="s">
        <v>82</v>
      </c>
      <c r="H693" s="4">
        <v>33</v>
      </c>
      <c r="I693" s="2">
        <v>0</v>
      </c>
    </row>
    <row r="694" spans="1:9" hidden="1" x14ac:dyDescent="0.35">
      <c r="A694" s="52" t="s">
        <v>78</v>
      </c>
      <c r="B694" s="52" t="s">
        <v>79</v>
      </c>
      <c r="C694" s="3">
        <v>211</v>
      </c>
      <c r="D694" s="52" t="s">
        <v>84</v>
      </c>
      <c r="E694" s="52" t="s">
        <v>121</v>
      </c>
      <c r="F694" s="52" t="s">
        <v>112</v>
      </c>
      <c r="G694" s="52" t="s">
        <v>108</v>
      </c>
      <c r="H694" s="4">
        <v>3</v>
      </c>
      <c r="I694" s="2">
        <v>0</v>
      </c>
    </row>
    <row r="695" spans="1:9" hidden="1" x14ac:dyDescent="0.35">
      <c r="A695" s="52" t="s">
        <v>78</v>
      </c>
      <c r="B695" s="52" t="s">
        <v>79</v>
      </c>
      <c r="C695" s="3">
        <v>211</v>
      </c>
      <c r="D695" s="52" t="s">
        <v>84</v>
      </c>
      <c r="E695" s="52" t="s">
        <v>111</v>
      </c>
      <c r="F695" s="52" t="s">
        <v>103</v>
      </c>
      <c r="G695" s="52" t="s">
        <v>82</v>
      </c>
      <c r="H695" s="4">
        <v>3</v>
      </c>
      <c r="I695" s="2">
        <v>0</v>
      </c>
    </row>
    <row r="696" spans="1:9" hidden="1" x14ac:dyDescent="0.35">
      <c r="A696" s="52" t="s">
        <v>78</v>
      </c>
      <c r="B696" s="52" t="s">
        <v>79</v>
      </c>
      <c r="C696" s="3">
        <v>211</v>
      </c>
      <c r="D696" s="52" t="s">
        <v>84</v>
      </c>
      <c r="E696" s="52" t="s">
        <v>120</v>
      </c>
      <c r="F696" s="52" t="s">
        <v>116</v>
      </c>
      <c r="G696" s="52" t="s">
        <v>115</v>
      </c>
      <c r="H696" s="4">
        <v>128</v>
      </c>
      <c r="I696" s="2">
        <v>0</v>
      </c>
    </row>
    <row r="697" spans="1:9" x14ac:dyDescent="0.35">
      <c r="A697" s="52" t="s">
        <v>78</v>
      </c>
      <c r="B697" s="52" t="s">
        <v>79</v>
      </c>
      <c r="C697" s="3">
        <v>211</v>
      </c>
      <c r="D697" s="52" t="s">
        <v>84</v>
      </c>
      <c r="E697" s="52" t="s">
        <v>132</v>
      </c>
      <c r="F697" s="52" t="s">
        <v>133</v>
      </c>
      <c r="G697" s="52" t="s">
        <v>108</v>
      </c>
      <c r="H697" s="4">
        <v>1</v>
      </c>
      <c r="I697" s="2">
        <v>0</v>
      </c>
    </row>
    <row r="698" spans="1:9" hidden="1" x14ac:dyDescent="0.35">
      <c r="A698" s="52" t="s">
        <v>78</v>
      </c>
      <c r="B698" s="52" t="s">
        <v>79</v>
      </c>
      <c r="C698" s="3">
        <v>211</v>
      </c>
      <c r="D698" s="52" t="s">
        <v>84</v>
      </c>
      <c r="E698" s="52" t="s">
        <v>113</v>
      </c>
      <c r="F698" s="52" t="s">
        <v>114</v>
      </c>
      <c r="G698" s="52" t="s">
        <v>115</v>
      </c>
      <c r="H698" s="4">
        <v>279</v>
      </c>
      <c r="I698" s="2">
        <v>0</v>
      </c>
    </row>
    <row r="699" spans="1:9" hidden="1" x14ac:dyDescent="0.35">
      <c r="A699" s="52" t="s">
        <v>78</v>
      </c>
      <c r="B699" s="52" t="s">
        <v>79</v>
      </c>
      <c r="C699" s="3">
        <v>211</v>
      </c>
      <c r="D699" s="52" t="s">
        <v>84</v>
      </c>
      <c r="E699" s="52" t="s">
        <v>102</v>
      </c>
      <c r="F699" s="52" t="s">
        <v>103</v>
      </c>
      <c r="G699" s="52" t="s">
        <v>82</v>
      </c>
      <c r="H699" s="4">
        <v>100</v>
      </c>
      <c r="I699" s="2">
        <v>0</v>
      </c>
    </row>
    <row r="700" spans="1:9" hidden="1" x14ac:dyDescent="0.35">
      <c r="A700" s="52" t="s">
        <v>78</v>
      </c>
      <c r="B700" s="52" t="s">
        <v>79</v>
      </c>
      <c r="C700" s="3">
        <v>211</v>
      </c>
      <c r="D700" s="52" t="s">
        <v>84</v>
      </c>
      <c r="E700" s="52" t="s">
        <v>122</v>
      </c>
      <c r="F700" s="52" t="s">
        <v>123</v>
      </c>
      <c r="G700" s="52" t="s">
        <v>108</v>
      </c>
      <c r="H700" s="4">
        <v>18</v>
      </c>
      <c r="I700" s="2">
        <v>0</v>
      </c>
    </row>
    <row r="701" spans="1:9" hidden="1" x14ac:dyDescent="0.35">
      <c r="A701" s="52" t="s">
        <v>78</v>
      </c>
      <c r="B701" s="52" t="s">
        <v>79</v>
      </c>
      <c r="C701" s="3">
        <v>211</v>
      </c>
      <c r="D701" s="52" t="s">
        <v>84</v>
      </c>
      <c r="E701" s="52" t="s">
        <v>126</v>
      </c>
      <c r="F701" s="52" t="s">
        <v>101</v>
      </c>
      <c r="G701" s="52" t="s">
        <v>82</v>
      </c>
      <c r="H701" s="4">
        <v>2</v>
      </c>
      <c r="I701" s="2">
        <v>0</v>
      </c>
    </row>
    <row r="702" spans="1:9" hidden="1" x14ac:dyDescent="0.35">
      <c r="A702" s="52" t="s">
        <v>78</v>
      </c>
      <c r="B702" s="52" t="s">
        <v>79</v>
      </c>
      <c r="C702" s="3">
        <v>211</v>
      </c>
      <c r="D702" s="52" t="s">
        <v>84</v>
      </c>
      <c r="E702" s="52" t="s">
        <v>134</v>
      </c>
      <c r="F702" s="52" t="s">
        <v>123</v>
      </c>
      <c r="G702" s="52" t="s">
        <v>82</v>
      </c>
      <c r="H702" s="4">
        <v>36</v>
      </c>
      <c r="I702" s="2">
        <v>0</v>
      </c>
    </row>
    <row r="703" spans="1:9" hidden="1" x14ac:dyDescent="0.35">
      <c r="A703" s="52" t="s">
        <v>78</v>
      </c>
      <c r="B703" s="52" t="s">
        <v>79</v>
      </c>
      <c r="C703" s="3">
        <v>211</v>
      </c>
      <c r="D703" s="52" t="s">
        <v>84</v>
      </c>
      <c r="E703" s="52" t="s">
        <v>106</v>
      </c>
      <c r="F703" s="52" t="s">
        <v>107</v>
      </c>
      <c r="G703" s="52" t="s">
        <v>108</v>
      </c>
      <c r="H703" s="4">
        <v>4</v>
      </c>
      <c r="I703" s="2">
        <v>0</v>
      </c>
    </row>
    <row r="704" spans="1:9" hidden="1" x14ac:dyDescent="0.35">
      <c r="A704" s="52" t="s">
        <v>78</v>
      </c>
      <c r="B704" s="52" t="s">
        <v>79</v>
      </c>
      <c r="C704" s="3">
        <v>211</v>
      </c>
      <c r="D704" s="52" t="s">
        <v>84</v>
      </c>
      <c r="E704" s="52" t="s">
        <v>102</v>
      </c>
      <c r="F704" s="52" t="s">
        <v>116</v>
      </c>
      <c r="G704" s="52" t="s">
        <v>115</v>
      </c>
      <c r="H704" s="4">
        <v>128</v>
      </c>
      <c r="I704" s="2">
        <v>0</v>
      </c>
    </row>
    <row r="705" spans="1:9" x14ac:dyDescent="0.35">
      <c r="A705" s="52" t="s">
        <v>78</v>
      </c>
      <c r="B705" s="52" t="s">
        <v>79</v>
      </c>
      <c r="C705" s="3">
        <v>211</v>
      </c>
      <c r="D705" s="52" t="s">
        <v>84</v>
      </c>
      <c r="E705" s="52" t="s">
        <v>102</v>
      </c>
      <c r="F705" s="52" t="s">
        <v>112</v>
      </c>
      <c r="G705" s="52" t="s">
        <v>108</v>
      </c>
      <c r="H705" s="4">
        <v>1</v>
      </c>
      <c r="I705" s="2">
        <v>0</v>
      </c>
    </row>
    <row r="706" spans="1:9" hidden="1" x14ac:dyDescent="0.35">
      <c r="A706" s="52" t="s">
        <v>78</v>
      </c>
      <c r="B706" s="52" t="s">
        <v>79</v>
      </c>
      <c r="C706" s="3">
        <v>211</v>
      </c>
      <c r="D706" s="52" t="s">
        <v>84</v>
      </c>
      <c r="E706" s="52" t="s">
        <v>111</v>
      </c>
      <c r="F706" s="52" t="s">
        <v>93</v>
      </c>
      <c r="G706" s="52" t="s">
        <v>82</v>
      </c>
      <c r="H706" s="4">
        <v>20</v>
      </c>
      <c r="I706" s="2">
        <v>0</v>
      </c>
    </row>
    <row r="707" spans="1:9" hidden="1" x14ac:dyDescent="0.35">
      <c r="A707" s="52" t="s">
        <v>78</v>
      </c>
      <c r="B707" s="52" t="s">
        <v>79</v>
      </c>
      <c r="C707" s="3">
        <v>211</v>
      </c>
      <c r="D707" s="52" t="s">
        <v>84</v>
      </c>
      <c r="E707" s="52" t="s">
        <v>111</v>
      </c>
      <c r="F707" s="52" t="s">
        <v>101</v>
      </c>
      <c r="G707" s="52" t="s">
        <v>82</v>
      </c>
      <c r="H707" s="4">
        <v>28</v>
      </c>
      <c r="I707" s="2">
        <v>0</v>
      </c>
    </row>
    <row r="708" spans="1:9" hidden="1" x14ac:dyDescent="0.35">
      <c r="A708" s="52" t="s">
        <v>78</v>
      </c>
      <c r="B708" s="52" t="s">
        <v>79</v>
      </c>
      <c r="C708" s="3">
        <v>211</v>
      </c>
      <c r="D708" s="52" t="s">
        <v>84</v>
      </c>
      <c r="E708" s="52" t="s">
        <v>111</v>
      </c>
      <c r="F708" s="52" t="s">
        <v>105</v>
      </c>
      <c r="G708" s="52" t="s">
        <v>82</v>
      </c>
      <c r="H708" s="4">
        <v>7</v>
      </c>
      <c r="I708" s="2">
        <v>0</v>
      </c>
    </row>
    <row r="709" spans="1:9" hidden="1" x14ac:dyDescent="0.35">
      <c r="A709" s="52" t="s">
        <v>78</v>
      </c>
      <c r="B709" s="52" t="s">
        <v>79</v>
      </c>
      <c r="C709" s="3">
        <v>211</v>
      </c>
      <c r="D709" s="52" t="s">
        <v>84</v>
      </c>
      <c r="E709" s="52" t="s">
        <v>102</v>
      </c>
      <c r="F709" s="52" t="s">
        <v>101</v>
      </c>
      <c r="G709" s="52" t="s">
        <v>108</v>
      </c>
      <c r="H709" s="4">
        <v>3</v>
      </c>
      <c r="I709" s="2">
        <v>0</v>
      </c>
    </row>
    <row r="710" spans="1:9" hidden="1" x14ac:dyDescent="0.35">
      <c r="A710" s="52" t="s">
        <v>78</v>
      </c>
      <c r="B710" s="52" t="s">
        <v>79</v>
      </c>
      <c r="C710" s="3">
        <v>211</v>
      </c>
      <c r="D710" s="52" t="s">
        <v>84</v>
      </c>
      <c r="E710" s="52" t="s">
        <v>139</v>
      </c>
      <c r="F710" s="52" t="s">
        <v>140</v>
      </c>
      <c r="G710" s="52" t="s">
        <v>82</v>
      </c>
      <c r="H710" s="4">
        <v>25</v>
      </c>
      <c r="I710" s="2">
        <v>0</v>
      </c>
    </row>
    <row r="711" spans="1:9" hidden="1" x14ac:dyDescent="0.35">
      <c r="A711" s="52" t="s">
        <v>78</v>
      </c>
      <c r="B711" s="52" t="s">
        <v>79</v>
      </c>
      <c r="C711" s="3">
        <v>211</v>
      </c>
      <c r="D711" s="52" t="s">
        <v>84</v>
      </c>
      <c r="E711" s="52" t="s">
        <v>111</v>
      </c>
      <c r="F711" s="52" t="s">
        <v>95</v>
      </c>
      <c r="G711" s="52" t="s">
        <v>82</v>
      </c>
      <c r="H711" s="4">
        <v>5</v>
      </c>
      <c r="I711" s="2">
        <v>0</v>
      </c>
    </row>
    <row r="712" spans="1:9" x14ac:dyDescent="0.35">
      <c r="A712" s="52" t="s">
        <v>78</v>
      </c>
      <c r="B712" s="52" t="s">
        <v>79</v>
      </c>
      <c r="C712" s="3">
        <v>211</v>
      </c>
      <c r="D712" s="52" t="s">
        <v>84</v>
      </c>
      <c r="E712" s="52" t="s">
        <v>111</v>
      </c>
      <c r="F712" s="52" t="s">
        <v>107</v>
      </c>
      <c r="G712" s="52" t="s">
        <v>108</v>
      </c>
      <c r="H712" s="4">
        <v>1</v>
      </c>
      <c r="I712" s="2">
        <v>0</v>
      </c>
    </row>
    <row r="713" spans="1:9" hidden="1" x14ac:dyDescent="0.35">
      <c r="A713" s="52" t="s">
        <v>78</v>
      </c>
      <c r="B713" s="52" t="s">
        <v>79</v>
      </c>
      <c r="C713" s="3">
        <v>211</v>
      </c>
      <c r="D713" s="52" t="s">
        <v>84</v>
      </c>
      <c r="E713" s="52" t="s">
        <v>102</v>
      </c>
      <c r="F713" s="52" t="s">
        <v>124</v>
      </c>
      <c r="G713" s="52" t="s">
        <v>108</v>
      </c>
      <c r="H713" s="4">
        <v>6</v>
      </c>
      <c r="I713" s="2">
        <v>0</v>
      </c>
    </row>
    <row r="714" spans="1:9" hidden="1" x14ac:dyDescent="0.35">
      <c r="A714" s="52" t="s">
        <v>78</v>
      </c>
      <c r="B714" s="52" t="s">
        <v>79</v>
      </c>
      <c r="C714" s="3">
        <v>211</v>
      </c>
      <c r="D714" s="52" t="s">
        <v>84</v>
      </c>
      <c r="E714" s="52" t="s">
        <v>118</v>
      </c>
      <c r="F714" s="52" t="s">
        <v>119</v>
      </c>
      <c r="G714" s="52" t="s">
        <v>115</v>
      </c>
      <c r="H714" s="4">
        <v>128</v>
      </c>
      <c r="I714" s="2">
        <v>0</v>
      </c>
    </row>
    <row r="715" spans="1:9" hidden="1" x14ac:dyDescent="0.35">
      <c r="A715" s="52" t="s">
        <v>78</v>
      </c>
      <c r="B715" s="52" t="s">
        <v>79</v>
      </c>
      <c r="C715" s="3">
        <v>211</v>
      </c>
      <c r="D715" s="52" t="s">
        <v>84</v>
      </c>
      <c r="E715" s="52" t="s">
        <v>102</v>
      </c>
      <c r="F715" s="52" t="s">
        <v>107</v>
      </c>
      <c r="G715" s="52" t="s">
        <v>108</v>
      </c>
      <c r="H715" s="4">
        <v>30</v>
      </c>
      <c r="I715" s="2">
        <v>0</v>
      </c>
    </row>
    <row r="716" spans="1:9" hidden="1" x14ac:dyDescent="0.35">
      <c r="A716" s="52" t="s">
        <v>78</v>
      </c>
      <c r="B716" s="52" t="s">
        <v>79</v>
      </c>
      <c r="C716" s="3">
        <v>211</v>
      </c>
      <c r="D716" s="52" t="s">
        <v>84</v>
      </c>
      <c r="E716" s="52" t="s">
        <v>135</v>
      </c>
      <c r="F716" s="52" t="s">
        <v>112</v>
      </c>
      <c r="G716" s="52" t="s">
        <v>82</v>
      </c>
      <c r="H716" s="4">
        <v>290</v>
      </c>
      <c r="I716" s="2">
        <v>0</v>
      </c>
    </row>
    <row r="717" spans="1:9" hidden="1" x14ac:dyDescent="0.35">
      <c r="A717" s="52" t="s">
        <v>78</v>
      </c>
      <c r="B717" s="52" t="s">
        <v>79</v>
      </c>
      <c r="C717" s="3">
        <v>212</v>
      </c>
      <c r="D717" s="52" t="s">
        <v>84</v>
      </c>
      <c r="E717" s="52" t="s">
        <v>92</v>
      </c>
      <c r="F717" s="52" t="s">
        <v>93</v>
      </c>
      <c r="G717" s="52" t="s">
        <v>82</v>
      </c>
      <c r="H717" s="4">
        <v>909</v>
      </c>
      <c r="I717" s="2">
        <v>18675.900000000001</v>
      </c>
    </row>
    <row r="718" spans="1:9" hidden="1" x14ac:dyDescent="0.35">
      <c r="A718" s="52" t="s">
        <v>78</v>
      </c>
      <c r="B718" s="52" t="s">
        <v>79</v>
      </c>
      <c r="C718" s="3">
        <v>212</v>
      </c>
      <c r="D718" s="52" t="s">
        <v>84</v>
      </c>
      <c r="E718" s="52" t="s">
        <v>36</v>
      </c>
      <c r="F718" s="52" t="s">
        <v>95</v>
      </c>
      <c r="G718" s="52" t="s">
        <v>82</v>
      </c>
      <c r="H718" s="4">
        <v>46</v>
      </c>
      <c r="I718" s="2">
        <v>216.2</v>
      </c>
    </row>
    <row r="719" spans="1:9" hidden="1" x14ac:dyDescent="0.35">
      <c r="A719" s="52" t="s">
        <v>78</v>
      </c>
      <c r="B719" s="52" t="s">
        <v>79</v>
      </c>
      <c r="C719" s="3">
        <v>212</v>
      </c>
      <c r="D719" s="52" t="s">
        <v>84</v>
      </c>
      <c r="E719" s="52" t="s">
        <v>26</v>
      </c>
      <c r="F719" s="52" t="s">
        <v>81</v>
      </c>
      <c r="G719" s="52" t="s">
        <v>82</v>
      </c>
      <c r="H719" s="4">
        <v>8</v>
      </c>
      <c r="I719" s="2">
        <v>117.2</v>
      </c>
    </row>
    <row r="720" spans="1:9" hidden="1" x14ac:dyDescent="0.35">
      <c r="A720" s="52" t="s">
        <v>78</v>
      </c>
      <c r="B720" s="52" t="s">
        <v>79</v>
      </c>
      <c r="C720" s="3">
        <v>212</v>
      </c>
      <c r="D720" s="52" t="s">
        <v>84</v>
      </c>
      <c r="E720" s="52" t="s">
        <v>38</v>
      </c>
      <c r="F720" s="52" t="s">
        <v>97</v>
      </c>
      <c r="G720" s="52" t="s">
        <v>82</v>
      </c>
      <c r="H720" s="4">
        <v>4</v>
      </c>
      <c r="I720" s="2">
        <v>18.8</v>
      </c>
    </row>
    <row r="721" spans="1:9" x14ac:dyDescent="0.35">
      <c r="A721" s="52" t="s">
        <v>78</v>
      </c>
      <c r="B721" s="52" t="s">
        <v>79</v>
      </c>
      <c r="C721" s="3">
        <v>212</v>
      </c>
      <c r="D721" s="52" t="s">
        <v>84</v>
      </c>
      <c r="E721" s="52" t="s">
        <v>90</v>
      </c>
      <c r="F721" s="52" t="s">
        <v>91</v>
      </c>
      <c r="G721" s="52" t="s">
        <v>82</v>
      </c>
      <c r="H721" s="4">
        <v>1</v>
      </c>
      <c r="I721" s="2">
        <v>6.99</v>
      </c>
    </row>
    <row r="722" spans="1:9" x14ac:dyDescent="0.35">
      <c r="A722" s="52" t="s">
        <v>78</v>
      </c>
      <c r="B722" s="52" t="s">
        <v>79</v>
      </c>
      <c r="C722" s="3">
        <v>212</v>
      </c>
      <c r="D722" s="52" t="s">
        <v>84</v>
      </c>
      <c r="E722" s="52" t="s">
        <v>111</v>
      </c>
      <c r="F722" s="52" t="s">
        <v>107</v>
      </c>
      <c r="G722" s="52" t="s">
        <v>108</v>
      </c>
      <c r="H722" s="4">
        <v>1</v>
      </c>
      <c r="I722" s="2">
        <v>0</v>
      </c>
    </row>
    <row r="723" spans="1:9" x14ac:dyDescent="0.35">
      <c r="A723" s="52" t="s">
        <v>78</v>
      </c>
      <c r="B723" s="52" t="s">
        <v>79</v>
      </c>
      <c r="C723" s="3">
        <v>212</v>
      </c>
      <c r="D723" s="52" t="s">
        <v>84</v>
      </c>
      <c r="E723" s="52" t="s">
        <v>106</v>
      </c>
      <c r="F723" s="52" t="s">
        <v>103</v>
      </c>
      <c r="G723" s="52" t="s">
        <v>82</v>
      </c>
      <c r="H723" s="4">
        <v>1</v>
      </c>
      <c r="I723" s="2">
        <v>0</v>
      </c>
    </row>
    <row r="724" spans="1:9" hidden="1" x14ac:dyDescent="0.35">
      <c r="A724" s="52" t="s">
        <v>78</v>
      </c>
      <c r="B724" s="52" t="s">
        <v>79</v>
      </c>
      <c r="C724" s="3">
        <v>212</v>
      </c>
      <c r="D724" s="52" t="s">
        <v>84</v>
      </c>
      <c r="E724" s="52" t="s">
        <v>117</v>
      </c>
      <c r="F724" s="52" t="s">
        <v>116</v>
      </c>
      <c r="G724" s="52" t="s">
        <v>82</v>
      </c>
      <c r="H724" s="4">
        <v>79</v>
      </c>
      <c r="I724" s="2">
        <v>0</v>
      </c>
    </row>
    <row r="725" spans="1:9" x14ac:dyDescent="0.35">
      <c r="A725" s="52" t="s">
        <v>78</v>
      </c>
      <c r="B725" s="52" t="s">
        <v>79</v>
      </c>
      <c r="C725" s="3">
        <v>212</v>
      </c>
      <c r="D725" s="52" t="s">
        <v>84</v>
      </c>
      <c r="E725" s="52" t="s">
        <v>111</v>
      </c>
      <c r="F725" s="52" t="s">
        <v>95</v>
      </c>
      <c r="G725" s="52" t="s">
        <v>82</v>
      </c>
      <c r="H725" s="4">
        <v>1</v>
      </c>
      <c r="I725" s="2">
        <v>0</v>
      </c>
    </row>
    <row r="726" spans="1:9" hidden="1" x14ac:dyDescent="0.35">
      <c r="A726" s="52" t="s">
        <v>78</v>
      </c>
      <c r="B726" s="52" t="s">
        <v>79</v>
      </c>
      <c r="C726" s="3">
        <v>212</v>
      </c>
      <c r="D726" s="52" t="s">
        <v>84</v>
      </c>
      <c r="E726" s="52" t="s">
        <v>102</v>
      </c>
      <c r="F726" s="52" t="s">
        <v>103</v>
      </c>
      <c r="G726" s="52" t="s">
        <v>82</v>
      </c>
      <c r="H726" s="4">
        <v>20</v>
      </c>
      <c r="I726" s="2">
        <v>0</v>
      </c>
    </row>
    <row r="727" spans="1:9" hidden="1" x14ac:dyDescent="0.35">
      <c r="A727" s="52" t="s">
        <v>78</v>
      </c>
      <c r="B727" s="52" t="s">
        <v>79</v>
      </c>
      <c r="C727" s="3">
        <v>212</v>
      </c>
      <c r="D727" s="52" t="s">
        <v>84</v>
      </c>
      <c r="E727" s="52" t="s">
        <v>134</v>
      </c>
      <c r="F727" s="52" t="s">
        <v>123</v>
      </c>
      <c r="G727" s="52" t="s">
        <v>82</v>
      </c>
      <c r="H727" s="4">
        <v>4</v>
      </c>
      <c r="I727" s="2">
        <v>0</v>
      </c>
    </row>
    <row r="728" spans="1:9" hidden="1" x14ac:dyDescent="0.35">
      <c r="A728" s="52" t="s">
        <v>78</v>
      </c>
      <c r="B728" s="52" t="s">
        <v>79</v>
      </c>
      <c r="C728" s="3">
        <v>212</v>
      </c>
      <c r="D728" s="52" t="s">
        <v>84</v>
      </c>
      <c r="E728" s="52" t="s">
        <v>135</v>
      </c>
      <c r="F728" s="52" t="s">
        <v>112</v>
      </c>
      <c r="G728" s="52" t="s">
        <v>82</v>
      </c>
      <c r="H728" s="4">
        <v>81</v>
      </c>
      <c r="I728" s="2">
        <v>0</v>
      </c>
    </row>
    <row r="729" spans="1:9" hidden="1" x14ac:dyDescent="0.35">
      <c r="A729" s="52" t="s">
        <v>78</v>
      </c>
      <c r="B729" s="52" t="s">
        <v>79</v>
      </c>
      <c r="C729" s="3">
        <v>212</v>
      </c>
      <c r="D729" s="52" t="s">
        <v>84</v>
      </c>
      <c r="E729" s="52" t="s">
        <v>122</v>
      </c>
      <c r="F729" s="52" t="s">
        <v>123</v>
      </c>
      <c r="G729" s="52" t="s">
        <v>108</v>
      </c>
      <c r="H729" s="4">
        <v>3</v>
      </c>
      <c r="I729" s="2">
        <v>0</v>
      </c>
    </row>
    <row r="730" spans="1:9" hidden="1" x14ac:dyDescent="0.35">
      <c r="A730" s="52" t="s">
        <v>78</v>
      </c>
      <c r="B730" s="52" t="s">
        <v>79</v>
      </c>
      <c r="C730" s="3">
        <v>212</v>
      </c>
      <c r="D730" s="52" t="s">
        <v>84</v>
      </c>
      <c r="E730" s="52" t="s">
        <v>102</v>
      </c>
      <c r="F730" s="52" t="s">
        <v>107</v>
      </c>
      <c r="G730" s="52" t="s">
        <v>108</v>
      </c>
      <c r="H730" s="4">
        <v>8</v>
      </c>
      <c r="I730" s="2">
        <v>0</v>
      </c>
    </row>
    <row r="731" spans="1:9" hidden="1" x14ac:dyDescent="0.35">
      <c r="A731" s="52" t="s">
        <v>78</v>
      </c>
      <c r="B731" s="52" t="s">
        <v>79</v>
      </c>
      <c r="C731" s="3">
        <v>212</v>
      </c>
      <c r="D731" s="52" t="s">
        <v>84</v>
      </c>
      <c r="E731" s="52" t="s">
        <v>118</v>
      </c>
      <c r="F731" s="52" t="s">
        <v>119</v>
      </c>
      <c r="G731" s="52" t="s">
        <v>115</v>
      </c>
      <c r="H731" s="4">
        <v>43</v>
      </c>
      <c r="I731" s="2">
        <v>0</v>
      </c>
    </row>
    <row r="732" spans="1:9" hidden="1" x14ac:dyDescent="0.35">
      <c r="A732" s="52" t="s">
        <v>78</v>
      </c>
      <c r="B732" s="52" t="s">
        <v>79</v>
      </c>
      <c r="C732" s="3">
        <v>212</v>
      </c>
      <c r="D732" s="52" t="s">
        <v>84</v>
      </c>
      <c r="E732" s="52" t="s">
        <v>102</v>
      </c>
      <c r="F732" s="52" t="s">
        <v>116</v>
      </c>
      <c r="G732" s="52" t="s">
        <v>115</v>
      </c>
      <c r="H732" s="4">
        <v>42</v>
      </c>
      <c r="I732" s="2">
        <v>0</v>
      </c>
    </row>
    <row r="733" spans="1:9" hidden="1" x14ac:dyDescent="0.35">
      <c r="A733" s="52" t="s">
        <v>78</v>
      </c>
      <c r="B733" s="52" t="s">
        <v>79</v>
      </c>
      <c r="C733" s="3">
        <v>212</v>
      </c>
      <c r="D733" s="52" t="s">
        <v>84</v>
      </c>
      <c r="E733" s="52" t="s">
        <v>111</v>
      </c>
      <c r="F733" s="52" t="s">
        <v>101</v>
      </c>
      <c r="G733" s="52" t="s">
        <v>82</v>
      </c>
      <c r="H733" s="4">
        <v>3</v>
      </c>
      <c r="I733" s="2">
        <v>0</v>
      </c>
    </row>
    <row r="734" spans="1:9" hidden="1" x14ac:dyDescent="0.35">
      <c r="A734" s="52" t="s">
        <v>78</v>
      </c>
      <c r="B734" s="52" t="s">
        <v>79</v>
      </c>
      <c r="C734" s="3">
        <v>212</v>
      </c>
      <c r="D734" s="52" t="s">
        <v>84</v>
      </c>
      <c r="E734" s="52" t="s">
        <v>113</v>
      </c>
      <c r="F734" s="52" t="s">
        <v>114</v>
      </c>
      <c r="G734" s="52" t="s">
        <v>115</v>
      </c>
      <c r="H734" s="4">
        <v>71</v>
      </c>
      <c r="I734" s="2">
        <v>0</v>
      </c>
    </row>
    <row r="735" spans="1:9" hidden="1" x14ac:dyDescent="0.35">
      <c r="A735" s="52" t="s">
        <v>78</v>
      </c>
      <c r="B735" s="52" t="s">
        <v>79</v>
      </c>
      <c r="C735" s="3">
        <v>212</v>
      </c>
      <c r="D735" s="52" t="s">
        <v>84</v>
      </c>
      <c r="E735" s="52" t="s">
        <v>120</v>
      </c>
      <c r="F735" s="52" t="s">
        <v>116</v>
      </c>
      <c r="G735" s="52" t="s">
        <v>115</v>
      </c>
      <c r="H735" s="4">
        <v>43</v>
      </c>
      <c r="I735" s="2">
        <v>0</v>
      </c>
    </row>
    <row r="736" spans="1:9" x14ac:dyDescent="0.35">
      <c r="A736" s="52" t="s">
        <v>78</v>
      </c>
      <c r="B736" s="52" t="s">
        <v>79</v>
      </c>
      <c r="C736" s="3">
        <v>212</v>
      </c>
      <c r="D736" s="52" t="s">
        <v>84</v>
      </c>
      <c r="E736" s="52" t="s">
        <v>111</v>
      </c>
      <c r="F736" s="52" t="s">
        <v>93</v>
      </c>
      <c r="G736" s="52" t="s">
        <v>82</v>
      </c>
      <c r="H736" s="4">
        <v>1</v>
      </c>
      <c r="I736" s="2">
        <v>0</v>
      </c>
    </row>
    <row r="737" spans="1:9" hidden="1" x14ac:dyDescent="0.35">
      <c r="A737" s="52" t="s">
        <v>78</v>
      </c>
      <c r="B737" s="52" t="s">
        <v>79</v>
      </c>
      <c r="C737" s="3">
        <v>212</v>
      </c>
      <c r="D737" s="52" t="s">
        <v>84</v>
      </c>
      <c r="E737" s="52" t="s">
        <v>139</v>
      </c>
      <c r="F737" s="52" t="s">
        <v>140</v>
      </c>
      <c r="G737" s="52" t="s">
        <v>82</v>
      </c>
      <c r="H737" s="4">
        <v>3</v>
      </c>
      <c r="I737" s="2">
        <v>0</v>
      </c>
    </row>
    <row r="738" spans="1:9" hidden="1" x14ac:dyDescent="0.35">
      <c r="A738" s="52" t="s">
        <v>78</v>
      </c>
      <c r="B738" s="52" t="s">
        <v>79</v>
      </c>
      <c r="C738" s="3">
        <v>213</v>
      </c>
      <c r="D738" s="52" t="s">
        <v>84</v>
      </c>
      <c r="E738" s="52" t="s">
        <v>102</v>
      </c>
      <c r="F738" s="52" t="s">
        <v>103</v>
      </c>
      <c r="G738" s="52" t="s">
        <v>82</v>
      </c>
      <c r="H738" s="4">
        <v>2</v>
      </c>
      <c r="I738" s="2">
        <v>0</v>
      </c>
    </row>
    <row r="739" spans="1:9" hidden="1" x14ac:dyDescent="0.35">
      <c r="A739" s="52" t="s">
        <v>78</v>
      </c>
      <c r="B739" s="52" t="s">
        <v>79</v>
      </c>
      <c r="C739" s="3">
        <v>216</v>
      </c>
      <c r="D739" s="52" t="s">
        <v>84</v>
      </c>
      <c r="E739" s="52" t="s">
        <v>92</v>
      </c>
      <c r="F739" s="52" t="s">
        <v>93</v>
      </c>
      <c r="G739" s="52" t="s">
        <v>82</v>
      </c>
      <c r="H739" s="4">
        <v>32</v>
      </c>
      <c r="I739" s="2">
        <v>1256.33</v>
      </c>
    </row>
    <row r="740" spans="1:9" hidden="1" x14ac:dyDescent="0.35">
      <c r="A740" s="52" t="s">
        <v>78</v>
      </c>
      <c r="B740" s="52" t="s">
        <v>79</v>
      </c>
      <c r="C740" s="3">
        <v>216</v>
      </c>
      <c r="D740" s="52" t="s">
        <v>84</v>
      </c>
      <c r="E740" s="52" t="s">
        <v>40</v>
      </c>
      <c r="F740" s="52" t="s">
        <v>96</v>
      </c>
      <c r="G740" s="52" t="s">
        <v>82</v>
      </c>
      <c r="H740" s="4">
        <v>5</v>
      </c>
      <c r="I740" s="2">
        <v>650</v>
      </c>
    </row>
    <row r="741" spans="1:9" x14ac:dyDescent="0.35">
      <c r="A741" s="52" t="s">
        <v>78</v>
      </c>
      <c r="B741" s="52" t="s">
        <v>79</v>
      </c>
      <c r="C741" s="3">
        <v>216</v>
      </c>
      <c r="D741" s="52" t="s">
        <v>84</v>
      </c>
      <c r="E741" s="52" t="s">
        <v>36</v>
      </c>
      <c r="F741" s="52" t="s">
        <v>95</v>
      </c>
      <c r="G741" s="52" t="s">
        <v>82</v>
      </c>
      <c r="H741" s="4">
        <v>1</v>
      </c>
      <c r="I741" s="2">
        <v>4.7</v>
      </c>
    </row>
    <row r="742" spans="1:9" hidden="1" x14ac:dyDescent="0.35">
      <c r="A742" s="52" t="s">
        <v>78</v>
      </c>
      <c r="B742" s="52" t="s">
        <v>79</v>
      </c>
      <c r="C742" s="3">
        <v>216</v>
      </c>
      <c r="D742" s="52" t="s">
        <v>84</v>
      </c>
      <c r="E742" s="52" t="s">
        <v>113</v>
      </c>
      <c r="F742" s="52" t="s">
        <v>114</v>
      </c>
      <c r="G742" s="52" t="s">
        <v>115</v>
      </c>
      <c r="H742" s="4">
        <v>4</v>
      </c>
      <c r="I742" s="2">
        <v>0</v>
      </c>
    </row>
    <row r="743" spans="1:9" x14ac:dyDescent="0.35">
      <c r="A743" s="52" t="s">
        <v>78</v>
      </c>
      <c r="B743" s="52" t="s">
        <v>79</v>
      </c>
      <c r="C743" s="3">
        <v>216</v>
      </c>
      <c r="D743" s="52" t="s">
        <v>84</v>
      </c>
      <c r="E743" s="52" t="s">
        <v>102</v>
      </c>
      <c r="F743" s="52" t="s">
        <v>107</v>
      </c>
      <c r="G743" s="52" t="s">
        <v>108</v>
      </c>
      <c r="H743" s="4">
        <v>1</v>
      </c>
      <c r="I743" s="2">
        <v>0</v>
      </c>
    </row>
    <row r="744" spans="1:9" hidden="1" x14ac:dyDescent="0.35">
      <c r="A744" s="52" t="s">
        <v>78</v>
      </c>
      <c r="B744" s="52" t="s">
        <v>79</v>
      </c>
      <c r="C744" s="3">
        <v>216</v>
      </c>
      <c r="D744" s="52" t="s">
        <v>84</v>
      </c>
      <c r="E744" s="52" t="s">
        <v>102</v>
      </c>
      <c r="F744" s="52" t="s">
        <v>103</v>
      </c>
      <c r="G744" s="52" t="s">
        <v>82</v>
      </c>
      <c r="H744" s="4">
        <v>10</v>
      </c>
      <c r="I744" s="2">
        <v>0</v>
      </c>
    </row>
    <row r="745" spans="1:9" hidden="1" x14ac:dyDescent="0.35">
      <c r="A745" s="52" t="s">
        <v>78</v>
      </c>
      <c r="B745" s="52" t="s">
        <v>79</v>
      </c>
      <c r="C745" s="3">
        <v>216</v>
      </c>
      <c r="D745" s="52" t="s">
        <v>84</v>
      </c>
      <c r="E745" s="52" t="s">
        <v>135</v>
      </c>
      <c r="F745" s="52" t="s">
        <v>112</v>
      </c>
      <c r="G745" s="52" t="s">
        <v>82</v>
      </c>
      <c r="H745" s="4">
        <v>2</v>
      </c>
      <c r="I745" s="2">
        <v>0</v>
      </c>
    </row>
    <row r="746" spans="1:9" hidden="1" x14ac:dyDescent="0.35">
      <c r="A746" s="52" t="s">
        <v>78</v>
      </c>
      <c r="B746" s="52" t="s">
        <v>79</v>
      </c>
      <c r="C746" s="3">
        <v>221</v>
      </c>
      <c r="D746" s="52" t="s">
        <v>84</v>
      </c>
      <c r="E746" s="52" t="s">
        <v>92</v>
      </c>
      <c r="F746" s="52" t="s">
        <v>93</v>
      </c>
      <c r="G746" s="52" t="s">
        <v>82</v>
      </c>
      <c r="H746" s="4">
        <v>79</v>
      </c>
      <c r="I746" s="2">
        <v>1948.13</v>
      </c>
    </row>
    <row r="747" spans="1:9" hidden="1" x14ac:dyDescent="0.35">
      <c r="A747" s="52" t="s">
        <v>78</v>
      </c>
      <c r="B747" s="52" t="s">
        <v>79</v>
      </c>
      <c r="C747" s="3">
        <v>221</v>
      </c>
      <c r="D747" s="52" t="s">
        <v>84</v>
      </c>
      <c r="E747" s="52" t="s">
        <v>36</v>
      </c>
      <c r="F747" s="52" t="s">
        <v>95</v>
      </c>
      <c r="G747" s="52" t="s">
        <v>82</v>
      </c>
      <c r="H747" s="4">
        <v>2</v>
      </c>
      <c r="I747" s="2">
        <v>9.4</v>
      </c>
    </row>
    <row r="748" spans="1:9" hidden="1" x14ac:dyDescent="0.35">
      <c r="A748" s="52" t="s">
        <v>78</v>
      </c>
      <c r="B748" s="52" t="s">
        <v>79</v>
      </c>
      <c r="C748" s="3">
        <v>221</v>
      </c>
      <c r="D748" s="52" t="s">
        <v>84</v>
      </c>
      <c r="E748" s="52" t="s">
        <v>113</v>
      </c>
      <c r="F748" s="52" t="s">
        <v>114</v>
      </c>
      <c r="G748" s="52" t="s">
        <v>115</v>
      </c>
      <c r="H748" s="4">
        <v>5</v>
      </c>
      <c r="I748" s="2">
        <v>0</v>
      </c>
    </row>
    <row r="749" spans="1:9" x14ac:dyDescent="0.35">
      <c r="A749" s="52" t="s">
        <v>78</v>
      </c>
      <c r="B749" s="52" t="s">
        <v>79</v>
      </c>
      <c r="C749" s="3">
        <v>221</v>
      </c>
      <c r="D749" s="52" t="s">
        <v>84</v>
      </c>
      <c r="E749" s="52" t="s">
        <v>135</v>
      </c>
      <c r="F749" s="52" t="s">
        <v>112</v>
      </c>
      <c r="G749" s="52" t="s">
        <v>82</v>
      </c>
      <c r="H749" s="4">
        <v>1</v>
      </c>
      <c r="I749" s="2">
        <v>0</v>
      </c>
    </row>
    <row r="750" spans="1:9" hidden="1" x14ac:dyDescent="0.35">
      <c r="A750" s="52" t="s">
        <v>78</v>
      </c>
      <c r="B750" s="52" t="s">
        <v>79</v>
      </c>
      <c r="C750" s="3">
        <v>221</v>
      </c>
      <c r="D750" s="52" t="s">
        <v>84</v>
      </c>
      <c r="E750" s="52" t="s">
        <v>102</v>
      </c>
      <c r="F750" s="52" t="s">
        <v>107</v>
      </c>
      <c r="G750" s="52" t="s">
        <v>108</v>
      </c>
      <c r="H750" s="4">
        <v>3</v>
      </c>
      <c r="I750" s="2">
        <v>0</v>
      </c>
    </row>
    <row r="751" spans="1:9" hidden="1" x14ac:dyDescent="0.35">
      <c r="A751" s="52" t="s">
        <v>78</v>
      </c>
      <c r="B751" s="52" t="s">
        <v>79</v>
      </c>
      <c r="C751" s="3">
        <v>221</v>
      </c>
      <c r="D751" s="52" t="s">
        <v>84</v>
      </c>
      <c r="E751" s="52" t="s">
        <v>102</v>
      </c>
      <c r="F751" s="52" t="s">
        <v>116</v>
      </c>
      <c r="G751" s="52" t="s">
        <v>115</v>
      </c>
      <c r="H751" s="4">
        <v>2</v>
      </c>
      <c r="I751" s="2">
        <v>0</v>
      </c>
    </row>
    <row r="752" spans="1:9" x14ac:dyDescent="0.35">
      <c r="A752" s="52" t="s">
        <v>78</v>
      </c>
      <c r="B752" s="52" t="s">
        <v>79</v>
      </c>
      <c r="C752" s="3">
        <v>221</v>
      </c>
      <c r="D752" s="52" t="s">
        <v>84</v>
      </c>
      <c r="E752" s="52" t="s">
        <v>111</v>
      </c>
      <c r="F752" s="52" t="s">
        <v>101</v>
      </c>
      <c r="G752" s="52" t="s">
        <v>82</v>
      </c>
      <c r="H752" s="4">
        <v>1</v>
      </c>
      <c r="I752" s="2">
        <v>0</v>
      </c>
    </row>
    <row r="753" spans="1:9" hidden="1" x14ac:dyDescent="0.35">
      <c r="A753" s="52" t="s">
        <v>78</v>
      </c>
      <c r="B753" s="52" t="s">
        <v>79</v>
      </c>
      <c r="C753" s="3">
        <v>221</v>
      </c>
      <c r="D753" s="52" t="s">
        <v>84</v>
      </c>
      <c r="E753" s="52" t="s">
        <v>120</v>
      </c>
      <c r="F753" s="52" t="s">
        <v>116</v>
      </c>
      <c r="G753" s="52" t="s">
        <v>115</v>
      </c>
      <c r="H753" s="4">
        <v>2</v>
      </c>
      <c r="I753" s="2">
        <v>0</v>
      </c>
    </row>
    <row r="754" spans="1:9" hidden="1" x14ac:dyDescent="0.35">
      <c r="A754" s="52" t="s">
        <v>78</v>
      </c>
      <c r="B754" s="52" t="s">
        <v>79</v>
      </c>
      <c r="C754" s="3">
        <v>221</v>
      </c>
      <c r="D754" s="52" t="s">
        <v>84</v>
      </c>
      <c r="E754" s="52" t="s">
        <v>117</v>
      </c>
      <c r="F754" s="52" t="s">
        <v>116</v>
      </c>
      <c r="G754" s="52" t="s">
        <v>82</v>
      </c>
      <c r="H754" s="4">
        <v>4</v>
      </c>
      <c r="I754" s="2">
        <v>0</v>
      </c>
    </row>
    <row r="755" spans="1:9" hidden="1" x14ac:dyDescent="0.35">
      <c r="A755" s="52" t="s">
        <v>78</v>
      </c>
      <c r="B755" s="52" t="s">
        <v>79</v>
      </c>
      <c r="C755" s="3">
        <v>221</v>
      </c>
      <c r="D755" s="52" t="s">
        <v>84</v>
      </c>
      <c r="E755" s="52" t="s">
        <v>118</v>
      </c>
      <c r="F755" s="52" t="s">
        <v>119</v>
      </c>
      <c r="G755" s="52" t="s">
        <v>115</v>
      </c>
      <c r="H755" s="4">
        <v>2</v>
      </c>
      <c r="I755" s="2">
        <v>0</v>
      </c>
    </row>
    <row r="756" spans="1:9" x14ac:dyDescent="0.35">
      <c r="A756" s="52" t="s">
        <v>78</v>
      </c>
      <c r="B756" s="52" t="s">
        <v>79</v>
      </c>
      <c r="C756" s="3">
        <v>221</v>
      </c>
      <c r="D756" s="52" t="s">
        <v>84</v>
      </c>
      <c r="E756" s="52" t="s">
        <v>139</v>
      </c>
      <c r="F756" s="52" t="s">
        <v>140</v>
      </c>
      <c r="G756" s="52" t="s">
        <v>82</v>
      </c>
      <c r="H756" s="4">
        <v>1</v>
      </c>
      <c r="I756" s="2">
        <v>0</v>
      </c>
    </row>
    <row r="757" spans="1:9" hidden="1" x14ac:dyDescent="0.35">
      <c r="A757" s="52" t="s">
        <v>78</v>
      </c>
      <c r="B757" s="52" t="s">
        <v>79</v>
      </c>
      <c r="C757" s="3">
        <v>222</v>
      </c>
      <c r="D757" s="52" t="s">
        <v>84</v>
      </c>
      <c r="E757" s="52" t="s">
        <v>92</v>
      </c>
      <c r="F757" s="52" t="s">
        <v>93</v>
      </c>
      <c r="G757" s="52" t="s">
        <v>82</v>
      </c>
      <c r="H757" s="4">
        <v>7</v>
      </c>
      <c r="I757" s="2">
        <v>205.33</v>
      </c>
    </row>
    <row r="758" spans="1:9" hidden="1" x14ac:dyDescent="0.35">
      <c r="A758" s="52" t="s">
        <v>78</v>
      </c>
      <c r="B758" s="52" t="s">
        <v>79</v>
      </c>
      <c r="C758" s="3">
        <v>230</v>
      </c>
      <c r="D758" s="52" t="s">
        <v>84</v>
      </c>
      <c r="E758" s="52" t="s">
        <v>92</v>
      </c>
      <c r="F758" s="52" t="s">
        <v>93</v>
      </c>
      <c r="G758" s="52" t="s">
        <v>82</v>
      </c>
      <c r="H758" s="4">
        <v>30</v>
      </c>
      <c r="I758" s="2">
        <v>9056.16</v>
      </c>
    </row>
    <row r="759" spans="1:9" hidden="1" x14ac:dyDescent="0.35">
      <c r="A759" s="52" t="s">
        <v>78</v>
      </c>
      <c r="B759" s="52" t="s">
        <v>79</v>
      </c>
      <c r="C759" s="3">
        <v>230</v>
      </c>
      <c r="D759" s="52" t="s">
        <v>84</v>
      </c>
      <c r="E759" s="52" t="s">
        <v>36</v>
      </c>
      <c r="F759" s="52" t="s">
        <v>95</v>
      </c>
      <c r="G759" s="52" t="s">
        <v>82</v>
      </c>
      <c r="H759" s="4">
        <v>3</v>
      </c>
      <c r="I759" s="2">
        <v>14.1</v>
      </c>
    </row>
    <row r="760" spans="1:9" hidden="1" x14ac:dyDescent="0.35">
      <c r="A760" s="52" t="s">
        <v>78</v>
      </c>
      <c r="B760" s="52" t="s">
        <v>79</v>
      </c>
      <c r="C760" s="3">
        <v>230</v>
      </c>
      <c r="D760" s="52" t="s">
        <v>84</v>
      </c>
      <c r="E760" s="52" t="s">
        <v>117</v>
      </c>
      <c r="F760" s="52" t="s">
        <v>116</v>
      </c>
      <c r="G760" s="52" t="s">
        <v>82</v>
      </c>
      <c r="H760" s="4">
        <v>5</v>
      </c>
      <c r="I760" s="2">
        <v>0</v>
      </c>
    </row>
    <row r="761" spans="1:9" hidden="1" x14ac:dyDescent="0.35">
      <c r="A761" s="52" t="s">
        <v>78</v>
      </c>
      <c r="B761" s="52" t="s">
        <v>79</v>
      </c>
      <c r="C761" s="3">
        <v>230</v>
      </c>
      <c r="D761" s="52" t="s">
        <v>84</v>
      </c>
      <c r="E761" s="52" t="s">
        <v>120</v>
      </c>
      <c r="F761" s="52" t="s">
        <v>116</v>
      </c>
      <c r="G761" s="52" t="s">
        <v>115</v>
      </c>
      <c r="H761" s="4">
        <v>4</v>
      </c>
      <c r="I761" s="2">
        <v>0</v>
      </c>
    </row>
    <row r="762" spans="1:9" hidden="1" x14ac:dyDescent="0.35">
      <c r="A762" s="52" t="s">
        <v>78</v>
      </c>
      <c r="B762" s="52" t="s">
        <v>79</v>
      </c>
      <c r="C762" s="3">
        <v>230</v>
      </c>
      <c r="D762" s="52" t="s">
        <v>84</v>
      </c>
      <c r="E762" s="52" t="s">
        <v>102</v>
      </c>
      <c r="F762" s="52" t="s">
        <v>116</v>
      </c>
      <c r="G762" s="52" t="s">
        <v>115</v>
      </c>
      <c r="H762" s="4">
        <v>4</v>
      </c>
      <c r="I762" s="2">
        <v>0</v>
      </c>
    </row>
    <row r="763" spans="1:9" x14ac:dyDescent="0.35">
      <c r="A763" s="52" t="s">
        <v>78</v>
      </c>
      <c r="B763" s="52" t="s">
        <v>79</v>
      </c>
      <c r="C763" s="3">
        <v>230</v>
      </c>
      <c r="D763" s="52" t="s">
        <v>84</v>
      </c>
      <c r="E763" s="52" t="s">
        <v>113</v>
      </c>
      <c r="F763" s="52" t="s">
        <v>114</v>
      </c>
      <c r="G763" s="52" t="s">
        <v>115</v>
      </c>
      <c r="H763" s="4">
        <v>1</v>
      </c>
      <c r="I763" s="2">
        <v>0</v>
      </c>
    </row>
    <row r="764" spans="1:9" hidden="1" x14ac:dyDescent="0.35">
      <c r="A764" s="52" t="s">
        <v>78</v>
      </c>
      <c r="B764" s="52" t="s">
        <v>79</v>
      </c>
      <c r="C764" s="3">
        <v>230</v>
      </c>
      <c r="D764" s="52" t="s">
        <v>84</v>
      </c>
      <c r="E764" s="52" t="s">
        <v>118</v>
      </c>
      <c r="F764" s="52" t="s">
        <v>119</v>
      </c>
      <c r="G764" s="52" t="s">
        <v>115</v>
      </c>
      <c r="H764" s="4">
        <v>4</v>
      </c>
      <c r="I764" s="2">
        <v>0</v>
      </c>
    </row>
    <row r="765" spans="1:9" hidden="1" x14ac:dyDescent="0.35">
      <c r="A765" s="52" t="s">
        <v>78</v>
      </c>
      <c r="B765" s="52" t="s">
        <v>79</v>
      </c>
      <c r="C765" s="3">
        <v>0</v>
      </c>
      <c r="D765" s="52" t="s">
        <v>80</v>
      </c>
      <c r="E765" s="52" t="s">
        <v>92</v>
      </c>
      <c r="F765" s="52" t="s">
        <v>93</v>
      </c>
      <c r="G765" s="52" t="s">
        <v>82</v>
      </c>
      <c r="H765" s="4">
        <v>326</v>
      </c>
      <c r="I765" s="2">
        <v>11979.05</v>
      </c>
    </row>
    <row r="766" spans="1:9" hidden="1" x14ac:dyDescent="0.35">
      <c r="A766" s="52" t="s">
        <v>78</v>
      </c>
      <c r="B766" s="52" t="s">
        <v>79</v>
      </c>
      <c r="C766" s="3">
        <v>0</v>
      </c>
      <c r="D766" s="52" t="s">
        <v>80</v>
      </c>
      <c r="E766" s="52" t="s">
        <v>104</v>
      </c>
      <c r="F766" s="52" t="s">
        <v>101</v>
      </c>
      <c r="G766" s="52" t="s">
        <v>82</v>
      </c>
      <c r="H766" s="4">
        <v>3482</v>
      </c>
      <c r="I766" s="2">
        <v>0</v>
      </c>
    </row>
    <row r="767" spans="1:9" x14ac:dyDescent="0.35">
      <c r="A767" s="52" t="s">
        <v>78</v>
      </c>
      <c r="B767" s="52" t="s">
        <v>79</v>
      </c>
      <c r="C767" s="3">
        <v>0</v>
      </c>
      <c r="D767" s="52" t="s">
        <v>80</v>
      </c>
      <c r="E767" s="52" t="s">
        <v>104</v>
      </c>
      <c r="F767" s="52" t="s">
        <v>107</v>
      </c>
      <c r="G767" s="52" t="s">
        <v>108</v>
      </c>
      <c r="H767" s="4">
        <v>1</v>
      </c>
      <c r="I767" s="2">
        <v>0</v>
      </c>
    </row>
    <row r="768" spans="1:9" x14ac:dyDescent="0.35">
      <c r="A768" s="52" t="s">
        <v>78</v>
      </c>
      <c r="B768" s="52" t="s">
        <v>79</v>
      </c>
      <c r="C768" s="3">
        <v>0</v>
      </c>
      <c r="D768" s="52" t="s">
        <v>80</v>
      </c>
      <c r="E768" s="52" t="s">
        <v>102</v>
      </c>
      <c r="F768" s="52" t="s">
        <v>103</v>
      </c>
      <c r="G768" s="52" t="s">
        <v>82</v>
      </c>
      <c r="H768" s="4">
        <v>1</v>
      </c>
      <c r="I768" s="2">
        <v>0</v>
      </c>
    </row>
    <row r="769" spans="1:9" hidden="1" x14ac:dyDescent="0.35">
      <c r="A769" s="52" t="s">
        <v>78</v>
      </c>
      <c r="B769" s="52" t="s">
        <v>79</v>
      </c>
      <c r="C769" s="3">
        <v>0</v>
      </c>
      <c r="D769" s="52" t="s">
        <v>80</v>
      </c>
      <c r="E769" s="52" t="s">
        <v>104</v>
      </c>
      <c r="F769" s="52" t="s">
        <v>112</v>
      </c>
      <c r="G769" s="52" t="s">
        <v>82</v>
      </c>
      <c r="H769" s="4">
        <v>16</v>
      </c>
      <c r="I769" s="2">
        <v>0</v>
      </c>
    </row>
    <row r="770" spans="1:9" hidden="1" x14ac:dyDescent="0.35">
      <c r="A770" s="52" t="s">
        <v>78</v>
      </c>
      <c r="B770" s="52" t="s">
        <v>79</v>
      </c>
      <c r="C770" s="3">
        <v>0</v>
      </c>
      <c r="D770" s="52" t="s">
        <v>80</v>
      </c>
      <c r="E770" s="52" t="s">
        <v>104</v>
      </c>
      <c r="F770" s="52" t="s">
        <v>105</v>
      </c>
      <c r="G770" s="52" t="s">
        <v>82</v>
      </c>
      <c r="H770" s="4">
        <v>1079</v>
      </c>
      <c r="I770" s="2">
        <v>0</v>
      </c>
    </row>
    <row r="771" spans="1:9" hidden="1" x14ac:dyDescent="0.35">
      <c r="A771" s="52" t="s">
        <v>78</v>
      </c>
      <c r="B771" s="52" t="s">
        <v>79</v>
      </c>
      <c r="C771" s="3">
        <v>10</v>
      </c>
      <c r="D771" s="52" t="s">
        <v>80</v>
      </c>
      <c r="E771" s="52" t="s">
        <v>90</v>
      </c>
      <c r="F771" s="52" t="s">
        <v>91</v>
      </c>
      <c r="G771" s="52" t="s">
        <v>82</v>
      </c>
      <c r="H771" s="4">
        <v>5549</v>
      </c>
      <c r="I771" s="2">
        <v>62830.6</v>
      </c>
    </row>
    <row r="772" spans="1:9" hidden="1" x14ac:dyDescent="0.35">
      <c r="A772" s="52" t="s">
        <v>78</v>
      </c>
      <c r="B772" s="52" t="s">
        <v>79</v>
      </c>
      <c r="C772" s="3">
        <v>10</v>
      </c>
      <c r="D772" s="52" t="s">
        <v>80</v>
      </c>
      <c r="E772" s="52" t="s">
        <v>29</v>
      </c>
      <c r="F772" s="52" t="s">
        <v>94</v>
      </c>
      <c r="G772" s="52" t="s">
        <v>82</v>
      </c>
      <c r="H772" s="4">
        <v>9</v>
      </c>
      <c r="I772" s="2">
        <v>2219.6999999999998</v>
      </c>
    </row>
    <row r="773" spans="1:9" hidden="1" x14ac:dyDescent="0.35">
      <c r="A773" s="52" t="s">
        <v>78</v>
      </c>
      <c r="B773" s="52" t="s">
        <v>79</v>
      </c>
      <c r="C773" s="3">
        <v>10</v>
      </c>
      <c r="D773" s="52" t="s">
        <v>80</v>
      </c>
      <c r="E773" s="52" t="s">
        <v>26</v>
      </c>
      <c r="F773" s="52" t="s">
        <v>81</v>
      </c>
      <c r="G773" s="52" t="s">
        <v>82</v>
      </c>
      <c r="H773" s="4">
        <v>125</v>
      </c>
      <c r="I773" s="2">
        <v>1831.25</v>
      </c>
    </row>
    <row r="774" spans="1:9" hidden="1" x14ac:dyDescent="0.35">
      <c r="A774" s="52" t="s">
        <v>78</v>
      </c>
      <c r="B774" s="52" t="s">
        <v>79</v>
      </c>
      <c r="C774" s="3">
        <v>10</v>
      </c>
      <c r="D774" s="52" t="s">
        <v>80</v>
      </c>
      <c r="E774" s="52" t="s">
        <v>36</v>
      </c>
      <c r="F774" s="52" t="s">
        <v>95</v>
      </c>
      <c r="G774" s="52" t="s">
        <v>82</v>
      </c>
      <c r="H774" s="4">
        <v>381</v>
      </c>
      <c r="I774" s="2">
        <v>1790.7</v>
      </c>
    </row>
    <row r="775" spans="1:9" hidden="1" x14ac:dyDescent="0.35">
      <c r="A775" s="52" t="s">
        <v>78</v>
      </c>
      <c r="B775" s="52" t="s">
        <v>79</v>
      </c>
      <c r="C775" s="3">
        <v>10</v>
      </c>
      <c r="D775" s="52" t="s">
        <v>80</v>
      </c>
      <c r="E775" s="52" t="s">
        <v>38</v>
      </c>
      <c r="F775" s="52" t="s">
        <v>97</v>
      </c>
      <c r="G775" s="52" t="s">
        <v>82</v>
      </c>
      <c r="H775" s="4">
        <v>107</v>
      </c>
      <c r="I775" s="2">
        <v>1120.8</v>
      </c>
    </row>
    <row r="776" spans="1:9" hidden="1" x14ac:dyDescent="0.35">
      <c r="A776" s="52" t="s">
        <v>78</v>
      </c>
      <c r="B776" s="52" t="s">
        <v>79</v>
      </c>
      <c r="C776" s="3">
        <v>10</v>
      </c>
      <c r="D776" s="52" t="s">
        <v>80</v>
      </c>
      <c r="E776" s="52" t="s">
        <v>40</v>
      </c>
      <c r="F776" s="52" t="s">
        <v>96</v>
      </c>
      <c r="G776" s="52" t="s">
        <v>82</v>
      </c>
      <c r="H776" s="4">
        <v>2</v>
      </c>
      <c r="I776" s="2">
        <v>50</v>
      </c>
    </row>
    <row r="777" spans="1:9" hidden="1" x14ac:dyDescent="0.35">
      <c r="A777" s="52" t="s">
        <v>78</v>
      </c>
      <c r="B777" s="52" t="s">
        <v>79</v>
      </c>
      <c r="C777" s="3">
        <v>10</v>
      </c>
      <c r="D777" s="52" t="s">
        <v>80</v>
      </c>
      <c r="E777" s="52" t="s">
        <v>92</v>
      </c>
      <c r="F777" s="52" t="s">
        <v>93</v>
      </c>
      <c r="G777" s="52" t="s">
        <v>82</v>
      </c>
      <c r="H777" s="4">
        <v>7</v>
      </c>
      <c r="I777" s="2">
        <v>43.76</v>
      </c>
    </row>
    <row r="778" spans="1:9" x14ac:dyDescent="0.35">
      <c r="A778" s="52" t="s">
        <v>78</v>
      </c>
      <c r="B778" s="52" t="s">
        <v>79</v>
      </c>
      <c r="C778" s="3">
        <v>10</v>
      </c>
      <c r="D778" s="52" t="s">
        <v>80</v>
      </c>
      <c r="E778" s="52" t="s">
        <v>111</v>
      </c>
      <c r="F778" s="52" t="s">
        <v>97</v>
      </c>
      <c r="G778" s="52" t="s">
        <v>82</v>
      </c>
      <c r="H778" s="4">
        <v>1</v>
      </c>
      <c r="I778" s="2">
        <v>0</v>
      </c>
    </row>
    <row r="779" spans="1:9" hidden="1" x14ac:dyDescent="0.35">
      <c r="A779" s="52" t="s">
        <v>78</v>
      </c>
      <c r="B779" s="52" t="s">
        <v>79</v>
      </c>
      <c r="C779" s="3">
        <v>10</v>
      </c>
      <c r="D779" s="52" t="s">
        <v>80</v>
      </c>
      <c r="E779" s="52" t="s">
        <v>111</v>
      </c>
      <c r="F779" s="52" t="s">
        <v>101</v>
      </c>
      <c r="G779" s="52" t="s">
        <v>82</v>
      </c>
      <c r="H779" s="4">
        <v>403</v>
      </c>
      <c r="I779" s="2">
        <v>0</v>
      </c>
    </row>
    <row r="780" spans="1:9" hidden="1" x14ac:dyDescent="0.35">
      <c r="A780" s="52" t="s">
        <v>78</v>
      </c>
      <c r="B780" s="52" t="s">
        <v>79</v>
      </c>
      <c r="C780" s="3">
        <v>10</v>
      </c>
      <c r="D780" s="52" t="s">
        <v>80</v>
      </c>
      <c r="E780" s="52" t="s">
        <v>134</v>
      </c>
      <c r="F780" s="52" t="s">
        <v>123</v>
      </c>
      <c r="G780" s="52" t="s">
        <v>82</v>
      </c>
      <c r="H780" s="4">
        <v>1919</v>
      </c>
      <c r="I780" s="2">
        <v>0</v>
      </c>
    </row>
    <row r="781" spans="1:9" hidden="1" x14ac:dyDescent="0.35">
      <c r="A781" s="52" t="s">
        <v>78</v>
      </c>
      <c r="B781" s="52" t="s">
        <v>79</v>
      </c>
      <c r="C781" s="3">
        <v>10</v>
      </c>
      <c r="D781" s="52" t="s">
        <v>80</v>
      </c>
      <c r="E781" s="52" t="s">
        <v>111</v>
      </c>
      <c r="F781" s="52" t="s">
        <v>107</v>
      </c>
      <c r="G781" s="52" t="s">
        <v>108</v>
      </c>
      <c r="H781" s="4">
        <v>30</v>
      </c>
      <c r="I781" s="2">
        <v>0</v>
      </c>
    </row>
    <row r="782" spans="1:9" hidden="1" x14ac:dyDescent="0.35">
      <c r="A782" s="52" t="s">
        <v>78</v>
      </c>
      <c r="B782" s="52" t="s">
        <v>79</v>
      </c>
      <c r="C782" s="3">
        <v>10</v>
      </c>
      <c r="D782" s="52" t="s">
        <v>80</v>
      </c>
      <c r="E782" s="52" t="s">
        <v>102</v>
      </c>
      <c r="F782" s="52" t="s">
        <v>103</v>
      </c>
      <c r="G782" s="52" t="s">
        <v>82</v>
      </c>
      <c r="H782" s="4">
        <v>247</v>
      </c>
      <c r="I782" s="2">
        <v>0</v>
      </c>
    </row>
    <row r="783" spans="1:9" hidden="1" x14ac:dyDescent="0.35">
      <c r="A783" s="52" t="s">
        <v>78</v>
      </c>
      <c r="B783" s="52" t="s">
        <v>79</v>
      </c>
      <c r="C783" s="3">
        <v>10</v>
      </c>
      <c r="D783" s="52" t="s">
        <v>80</v>
      </c>
      <c r="E783" s="52" t="s">
        <v>111</v>
      </c>
      <c r="F783" s="52" t="s">
        <v>105</v>
      </c>
      <c r="G783" s="52" t="s">
        <v>82</v>
      </c>
      <c r="H783" s="4">
        <v>64</v>
      </c>
      <c r="I783" s="2">
        <v>0</v>
      </c>
    </row>
    <row r="784" spans="1:9" hidden="1" x14ac:dyDescent="0.35">
      <c r="A784" s="52" t="s">
        <v>78</v>
      </c>
      <c r="B784" s="52" t="s">
        <v>79</v>
      </c>
      <c r="C784" s="3">
        <v>10</v>
      </c>
      <c r="D784" s="52" t="s">
        <v>80</v>
      </c>
      <c r="E784" s="52" t="s">
        <v>111</v>
      </c>
      <c r="F784" s="52" t="s">
        <v>93</v>
      </c>
      <c r="G784" s="52" t="s">
        <v>82</v>
      </c>
      <c r="H784" s="4">
        <v>31</v>
      </c>
      <c r="I784" s="2">
        <v>0</v>
      </c>
    </row>
    <row r="785" spans="1:9" hidden="1" x14ac:dyDescent="0.35">
      <c r="A785" s="52" t="s">
        <v>78</v>
      </c>
      <c r="B785" s="52" t="s">
        <v>79</v>
      </c>
      <c r="C785" s="3">
        <v>10</v>
      </c>
      <c r="D785" s="52" t="s">
        <v>80</v>
      </c>
      <c r="E785" s="52" t="s">
        <v>109</v>
      </c>
      <c r="F785" s="52" t="s">
        <v>110</v>
      </c>
      <c r="G785" s="52" t="s">
        <v>108</v>
      </c>
      <c r="H785" s="4">
        <v>14</v>
      </c>
      <c r="I785" s="2">
        <v>0</v>
      </c>
    </row>
    <row r="786" spans="1:9" hidden="1" x14ac:dyDescent="0.35">
      <c r="A786" s="52" t="s">
        <v>78</v>
      </c>
      <c r="B786" s="52" t="s">
        <v>79</v>
      </c>
      <c r="C786" s="3">
        <v>10</v>
      </c>
      <c r="D786" s="52" t="s">
        <v>80</v>
      </c>
      <c r="E786" s="52" t="s">
        <v>122</v>
      </c>
      <c r="F786" s="52" t="s">
        <v>123</v>
      </c>
      <c r="G786" s="52" t="s">
        <v>108</v>
      </c>
      <c r="H786" s="4">
        <v>550</v>
      </c>
      <c r="I786" s="2">
        <v>0</v>
      </c>
    </row>
    <row r="787" spans="1:9" hidden="1" x14ac:dyDescent="0.35">
      <c r="A787" s="52" t="s">
        <v>78</v>
      </c>
      <c r="B787" s="52" t="s">
        <v>79</v>
      </c>
      <c r="C787" s="3">
        <v>10</v>
      </c>
      <c r="D787" s="52" t="s">
        <v>80</v>
      </c>
      <c r="E787" s="52" t="s">
        <v>135</v>
      </c>
      <c r="F787" s="52" t="s">
        <v>112</v>
      </c>
      <c r="G787" s="52" t="s">
        <v>82</v>
      </c>
      <c r="H787" s="4">
        <v>7604</v>
      </c>
      <c r="I787" s="2">
        <v>0</v>
      </c>
    </row>
    <row r="788" spans="1:9" hidden="1" x14ac:dyDescent="0.35">
      <c r="A788" s="52" t="s">
        <v>78</v>
      </c>
      <c r="B788" s="52" t="s">
        <v>79</v>
      </c>
      <c r="C788" s="3">
        <v>10</v>
      </c>
      <c r="D788" s="52" t="s">
        <v>80</v>
      </c>
      <c r="E788" s="52" t="s">
        <v>126</v>
      </c>
      <c r="F788" s="52" t="s">
        <v>101</v>
      </c>
      <c r="G788" s="52" t="s">
        <v>82</v>
      </c>
      <c r="H788" s="4">
        <v>75</v>
      </c>
      <c r="I788" s="2">
        <v>0</v>
      </c>
    </row>
    <row r="789" spans="1:9" hidden="1" x14ac:dyDescent="0.35">
      <c r="A789" s="52" t="s">
        <v>78</v>
      </c>
      <c r="B789" s="52" t="s">
        <v>79</v>
      </c>
      <c r="C789" s="3">
        <v>10</v>
      </c>
      <c r="D789" s="52" t="s">
        <v>80</v>
      </c>
      <c r="E789" s="52" t="s">
        <v>106</v>
      </c>
      <c r="F789" s="52" t="s">
        <v>107</v>
      </c>
      <c r="G789" s="52" t="s">
        <v>108</v>
      </c>
      <c r="H789" s="4">
        <v>9</v>
      </c>
      <c r="I789" s="2">
        <v>0</v>
      </c>
    </row>
    <row r="790" spans="1:9" hidden="1" x14ac:dyDescent="0.35">
      <c r="A790" s="52" t="s">
        <v>78</v>
      </c>
      <c r="B790" s="52" t="s">
        <v>79</v>
      </c>
      <c r="C790" s="3">
        <v>10</v>
      </c>
      <c r="D790" s="52" t="s">
        <v>80</v>
      </c>
      <c r="E790" s="52" t="s">
        <v>139</v>
      </c>
      <c r="F790" s="52" t="s">
        <v>140</v>
      </c>
      <c r="G790" s="52" t="s">
        <v>82</v>
      </c>
      <c r="H790" s="4">
        <v>66</v>
      </c>
      <c r="I790" s="2">
        <v>0</v>
      </c>
    </row>
    <row r="791" spans="1:9" hidden="1" x14ac:dyDescent="0.35">
      <c r="A791" s="52" t="s">
        <v>78</v>
      </c>
      <c r="B791" s="52" t="s">
        <v>79</v>
      </c>
      <c r="C791" s="3">
        <v>10</v>
      </c>
      <c r="D791" s="52" t="s">
        <v>80</v>
      </c>
      <c r="E791" s="52" t="s">
        <v>121</v>
      </c>
      <c r="F791" s="52" t="s">
        <v>112</v>
      </c>
      <c r="G791" s="52" t="s">
        <v>108</v>
      </c>
      <c r="H791" s="4">
        <v>80</v>
      </c>
      <c r="I791" s="2">
        <v>0</v>
      </c>
    </row>
    <row r="792" spans="1:9" hidden="1" x14ac:dyDescent="0.35">
      <c r="A792" s="52" t="s">
        <v>78</v>
      </c>
      <c r="B792" s="52" t="s">
        <v>79</v>
      </c>
      <c r="C792" s="3">
        <v>10</v>
      </c>
      <c r="D792" s="52" t="s">
        <v>80</v>
      </c>
      <c r="E792" s="52" t="s">
        <v>102</v>
      </c>
      <c r="F792" s="52" t="s">
        <v>107</v>
      </c>
      <c r="G792" s="52" t="s">
        <v>108</v>
      </c>
      <c r="H792" s="4">
        <v>71</v>
      </c>
      <c r="I792" s="2">
        <v>0</v>
      </c>
    </row>
    <row r="793" spans="1:9" hidden="1" x14ac:dyDescent="0.35">
      <c r="A793" s="52" t="s">
        <v>78</v>
      </c>
      <c r="B793" s="52" t="s">
        <v>79</v>
      </c>
      <c r="C793" s="3">
        <v>10</v>
      </c>
      <c r="D793" s="52" t="s">
        <v>80</v>
      </c>
      <c r="E793" s="52" t="s">
        <v>102</v>
      </c>
      <c r="F793" s="52" t="s">
        <v>101</v>
      </c>
      <c r="G793" s="52" t="s">
        <v>108</v>
      </c>
      <c r="H793" s="4">
        <v>7</v>
      </c>
      <c r="I793" s="2">
        <v>0</v>
      </c>
    </row>
    <row r="794" spans="1:9" hidden="1" x14ac:dyDescent="0.35">
      <c r="A794" s="52" t="s">
        <v>78</v>
      </c>
      <c r="B794" s="52" t="s">
        <v>79</v>
      </c>
      <c r="C794" s="3">
        <v>10</v>
      </c>
      <c r="D794" s="52" t="s">
        <v>80</v>
      </c>
      <c r="E794" s="52" t="s">
        <v>111</v>
      </c>
      <c r="F794" s="52" t="s">
        <v>81</v>
      </c>
      <c r="G794" s="52" t="s">
        <v>82</v>
      </c>
      <c r="H794" s="4">
        <v>6</v>
      </c>
      <c r="I794" s="2">
        <v>0</v>
      </c>
    </row>
    <row r="795" spans="1:9" x14ac:dyDescent="0.35">
      <c r="A795" s="52" t="s">
        <v>78</v>
      </c>
      <c r="B795" s="52" t="s">
        <v>79</v>
      </c>
      <c r="C795" s="3">
        <v>10</v>
      </c>
      <c r="D795" s="52" t="s">
        <v>80</v>
      </c>
      <c r="E795" s="52" t="s">
        <v>132</v>
      </c>
      <c r="F795" s="52" t="s">
        <v>133</v>
      </c>
      <c r="G795" s="52" t="s">
        <v>108</v>
      </c>
      <c r="H795" s="4">
        <v>1</v>
      </c>
      <c r="I795" s="2">
        <v>0</v>
      </c>
    </row>
    <row r="796" spans="1:9" hidden="1" x14ac:dyDescent="0.35">
      <c r="A796" s="52" t="s">
        <v>78</v>
      </c>
      <c r="B796" s="52" t="s">
        <v>79</v>
      </c>
      <c r="C796" s="3">
        <v>10</v>
      </c>
      <c r="D796" s="52" t="s">
        <v>80</v>
      </c>
      <c r="E796" s="52" t="s">
        <v>126</v>
      </c>
      <c r="F796" s="52" t="s">
        <v>103</v>
      </c>
      <c r="G796" s="52" t="s">
        <v>82</v>
      </c>
      <c r="H796" s="4">
        <v>7</v>
      </c>
      <c r="I796" s="2">
        <v>0</v>
      </c>
    </row>
    <row r="797" spans="1:9" x14ac:dyDescent="0.35">
      <c r="A797" s="52" t="s">
        <v>78</v>
      </c>
      <c r="B797" s="52" t="s">
        <v>79</v>
      </c>
      <c r="C797" s="3">
        <v>10</v>
      </c>
      <c r="D797" s="52" t="s">
        <v>80</v>
      </c>
      <c r="E797" s="52" t="s">
        <v>102</v>
      </c>
      <c r="F797" s="52" t="s">
        <v>125</v>
      </c>
      <c r="G797" s="52" t="s">
        <v>108</v>
      </c>
      <c r="H797" s="4">
        <v>1</v>
      </c>
      <c r="I797" s="2">
        <v>0</v>
      </c>
    </row>
    <row r="798" spans="1:9" x14ac:dyDescent="0.35">
      <c r="A798" s="52" t="s">
        <v>78</v>
      </c>
      <c r="B798" s="52" t="s">
        <v>79</v>
      </c>
      <c r="C798" s="3">
        <v>10</v>
      </c>
      <c r="D798" s="52" t="s">
        <v>80</v>
      </c>
      <c r="E798" s="52" t="s">
        <v>111</v>
      </c>
      <c r="F798" s="52" t="s">
        <v>94</v>
      </c>
      <c r="G798" s="52" t="s">
        <v>82</v>
      </c>
      <c r="H798" s="4">
        <v>1</v>
      </c>
      <c r="I798" s="2">
        <v>0</v>
      </c>
    </row>
    <row r="799" spans="1:9" hidden="1" x14ac:dyDescent="0.35">
      <c r="A799" s="52" t="s">
        <v>78</v>
      </c>
      <c r="B799" s="52" t="s">
        <v>79</v>
      </c>
      <c r="C799" s="3">
        <v>10</v>
      </c>
      <c r="D799" s="52" t="s">
        <v>80</v>
      </c>
      <c r="E799" s="52" t="s">
        <v>106</v>
      </c>
      <c r="F799" s="52" t="s">
        <v>124</v>
      </c>
      <c r="G799" s="52" t="s">
        <v>108</v>
      </c>
      <c r="H799" s="4">
        <v>6</v>
      </c>
      <c r="I799" s="2">
        <v>0</v>
      </c>
    </row>
    <row r="800" spans="1:9" hidden="1" x14ac:dyDescent="0.35">
      <c r="A800" s="52" t="s">
        <v>78</v>
      </c>
      <c r="B800" s="52" t="s">
        <v>79</v>
      </c>
      <c r="C800" s="3">
        <v>10</v>
      </c>
      <c r="D800" s="52" t="s">
        <v>80</v>
      </c>
      <c r="E800" s="52" t="s">
        <v>111</v>
      </c>
      <c r="F800" s="52" t="s">
        <v>95</v>
      </c>
      <c r="G800" s="52" t="s">
        <v>82</v>
      </c>
      <c r="H800" s="4">
        <v>56</v>
      </c>
      <c r="I800" s="2">
        <v>0</v>
      </c>
    </row>
    <row r="801" spans="1:9" hidden="1" x14ac:dyDescent="0.35">
      <c r="A801" s="52" t="s">
        <v>78</v>
      </c>
      <c r="B801" s="52" t="s">
        <v>79</v>
      </c>
      <c r="C801" s="3">
        <v>10</v>
      </c>
      <c r="D801" s="52" t="s">
        <v>80</v>
      </c>
      <c r="E801" s="52" t="s">
        <v>102</v>
      </c>
      <c r="F801" s="52" t="s">
        <v>116</v>
      </c>
      <c r="G801" s="52" t="s">
        <v>115</v>
      </c>
      <c r="H801" s="4">
        <v>617</v>
      </c>
      <c r="I801" s="2">
        <v>0</v>
      </c>
    </row>
    <row r="802" spans="1:9" hidden="1" x14ac:dyDescent="0.35">
      <c r="A802" s="52" t="s">
        <v>78</v>
      </c>
      <c r="B802" s="52" t="s">
        <v>79</v>
      </c>
      <c r="C802" s="3">
        <v>10</v>
      </c>
      <c r="D802" s="52" t="s">
        <v>80</v>
      </c>
      <c r="E802" s="52" t="s">
        <v>120</v>
      </c>
      <c r="F802" s="52" t="s">
        <v>116</v>
      </c>
      <c r="G802" s="52" t="s">
        <v>115</v>
      </c>
      <c r="H802" s="4">
        <v>678</v>
      </c>
      <c r="I802" s="2">
        <v>0</v>
      </c>
    </row>
    <row r="803" spans="1:9" hidden="1" x14ac:dyDescent="0.35">
      <c r="A803" s="52" t="s">
        <v>78</v>
      </c>
      <c r="B803" s="52" t="s">
        <v>79</v>
      </c>
      <c r="C803" s="3">
        <v>10</v>
      </c>
      <c r="D803" s="52" t="s">
        <v>80</v>
      </c>
      <c r="E803" s="52" t="s">
        <v>117</v>
      </c>
      <c r="F803" s="52" t="s">
        <v>116</v>
      </c>
      <c r="G803" s="52" t="s">
        <v>82</v>
      </c>
      <c r="H803" s="4">
        <v>1402</v>
      </c>
      <c r="I803" s="2">
        <v>0</v>
      </c>
    </row>
    <row r="804" spans="1:9" hidden="1" x14ac:dyDescent="0.35">
      <c r="A804" s="52" t="s">
        <v>78</v>
      </c>
      <c r="B804" s="52" t="s">
        <v>79</v>
      </c>
      <c r="C804" s="3">
        <v>10</v>
      </c>
      <c r="D804" s="52" t="s">
        <v>80</v>
      </c>
      <c r="E804" s="52" t="s">
        <v>111</v>
      </c>
      <c r="F804" s="52" t="s">
        <v>103</v>
      </c>
      <c r="G804" s="52" t="s">
        <v>82</v>
      </c>
      <c r="H804" s="4">
        <v>16</v>
      </c>
      <c r="I804" s="2">
        <v>0</v>
      </c>
    </row>
    <row r="805" spans="1:9" hidden="1" x14ac:dyDescent="0.35">
      <c r="A805" s="52" t="s">
        <v>78</v>
      </c>
      <c r="B805" s="52" t="s">
        <v>79</v>
      </c>
      <c r="C805" s="3">
        <v>10</v>
      </c>
      <c r="D805" s="52" t="s">
        <v>80</v>
      </c>
      <c r="E805" s="52" t="s">
        <v>113</v>
      </c>
      <c r="F805" s="52" t="s">
        <v>114</v>
      </c>
      <c r="G805" s="52" t="s">
        <v>115</v>
      </c>
      <c r="H805" s="4">
        <v>1495</v>
      </c>
      <c r="I805" s="2">
        <v>0</v>
      </c>
    </row>
    <row r="806" spans="1:9" hidden="1" x14ac:dyDescent="0.35">
      <c r="A806" s="52" t="s">
        <v>78</v>
      </c>
      <c r="B806" s="52" t="s">
        <v>79</v>
      </c>
      <c r="C806" s="3">
        <v>10</v>
      </c>
      <c r="D806" s="52" t="s">
        <v>80</v>
      </c>
      <c r="E806" s="52" t="s">
        <v>118</v>
      </c>
      <c r="F806" s="52" t="s">
        <v>119</v>
      </c>
      <c r="G806" s="52" t="s">
        <v>115</v>
      </c>
      <c r="H806" s="4">
        <v>678</v>
      </c>
      <c r="I806" s="2">
        <v>0</v>
      </c>
    </row>
    <row r="807" spans="1:9" x14ac:dyDescent="0.35">
      <c r="A807" s="52" t="s">
        <v>78</v>
      </c>
      <c r="B807" s="52" t="s">
        <v>79</v>
      </c>
      <c r="C807" s="3">
        <v>10</v>
      </c>
      <c r="D807" s="52" t="s">
        <v>80</v>
      </c>
      <c r="E807" s="52" t="s">
        <v>131</v>
      </c>
      <c r="F807" s="52" t="s">
        <v>129</v>
      </c>
      <c r="G807" s="52" t="s">
        <v>108</v>
      </c>
      <c r="H807" s="4">
        <v>1</v>
      </c>
      <c r="I807" s="2">
        <v>0</v>
      </c>
    </row>
    <row r="808" spans="1:9" x14ac:dyDescent="0.35">
      <c r="A808" s="52" t="s">
        <v>78</v>
      </c>
      <c r="B808" s="52" t="s">
        <v>79</v>
      </c>
      <c r="C808" s="3">
        <v>10</v>
      </c>
      <c r="D808" s="52" t="s">
        <v>80</v>
      </c>
      <c r="E808" s="52" t="s">
        <v>106</v>
      </c>
      <c r="F808" s="52" t="s">
        <v>101</v>
      </c>
      <c r="G808" s="52" t="s">
        <v>108</v>
      </c>
      <c r="H808" s="4">
        <v>1</v>
      </c>
      <c r="I808" s="2">
        <v>0</v>
      </c>
    </row>
    <row r="809" spans="1:9" x14ac:dyDescent="0.35">
      <c r="A809" s="52" t="s">
        <v>78</v>
      </c>
      <c r="B809" s="52" t="s">
        <v>79</v>
      </c>
      <c r="C809" s="3">
        <v>10</v>
      </c>
      <c r="D809" s="52" t="s">
        <v>80</v>
      </c>
      <c r="E809" s="52" t="s">
        <v>106</v>
      </c>
      <c r="F809" s="52" t="s">
        <v>103</v>
      </c>
      <c r="G809" s="52" t="s">
        <v>82</v>
      </c>
      <c r="H809" s="4">
        <v>1</v>
      </c>
      <c r="I809" s="2">
        <v>0</v>
      </c>
    </row>
    <row r="810" spans="1:9" hidden="1" x14ac:dyDescent="0.35">
      <c r="A810" s="52" t="s">
        <v>78</v>
      </c>
      <c r="B810" s="52" t="s">
        <v>79</v>
      </c>
      <c r="C810" s="3">
        <v>10</v>
      </c>
      <c r="D810" s="52" t="s">
        <v>80</v>
      </c>
      <c r="E810" s="52" t="s">
        <v>102</v>
      </c>
      <c r="F810" s="52" t="s">
        <v>124</v>
      </c>
      <c r="G810" s="52" t="s">
        <v>108</v>
      </c>
      <c r="H810" s="4">
        <v>160</v>
      </c>
      <c r="I810" s="2">
        <v>0</v>
      </c>
    </row>
    <row r="811" spans="1:9" hidden="1" x14ac:dyDescent="0.35">
      <c r="A811" s="52" t="s">
        <v>78</v>
      </c>
      <c r="B811" s="52" t="s">
        <v>79</v>
      </c>
      <c r="C811" s="3">
        <v>20</v>
      </c>
      <c r="D811" s="52" t="s">
        <v>80</v>
      </c>
      <c r="E811" s="52" t="s">
        <v>90</v>
      </c>
      <c r="F811" s="52" t="s">
        <v>91</v>
      </c>
      <c r="G811" s="52" t="s">
        <v>82</v>
      </c>
      <c r="H811" s="4">
        <v>8879</v>
      </c>
      <c r="I811" s="2">
        <v>98222.71</v>
      </c>
    </row>
    <row r="812" spans="1:9" hidden="1" x14ac:dyDescent="0.35">
      <c r="A812" s="52" t="s">
        <v>78</v>
      </c>
      <c r="B812" s="52" t="s">
        <v>79</v>
      </c>
      <c r="C812" s="3">
        <v>20</v>
      </c>
      <c r="D812" s="52" t="s">
        <v>80</v>
      </c>
      <c r="E812" s="52" t="s">
        <v>36</v>
      </c>
      <c r="F812" s="52" t="s">
        <v>95</v>
      </c>
      <c r="G812" s="52" t="s">
        <v>82</v>
      </c>
      <c r="H812" s="4">
        <v>862</v>
      </c>
      <c r="I812" s="2">
        <v>4051.4</v>
      </c>
    </row>
    <row r="813" spans="1:9" hidden="1" x14ac:dyDescent="0.35">
      <c r="A813" s="52" t="s">
        <v>78</v>
      </c>
      <c r="B813" s="52" t="s">
        <v>79</v>
      </c>
      <c r="C813" s="3">
        <v>20</v>
      </c>
      <c r="D813" s="52" t="s">
        <v>80</v>
      </c>
      <c r="E813" s="52" t="s">
        <v>26</v>
      </c>
      <c r="F813" s="52" t="s">
        <v>81</v>
      </c>
      <c r="G813" s="52" t="s">
        <v>82</v>
      </c>
      <c r="H813" s="4">
        <v>242</v>
      </c>
      <c r="I813" s="2">
        <v>3545.3</v>
      </c>
    </row>
    <row r="814" spans="1:9" hidden="1" x14ac:dyDescent="0.35">
      <c r="A814" s="52" t="s">
        <v>78</v>
      </c>
      <c r="B814" s="52" t="s">
        <v>79</v>
      </c>
      <c r="C814" s="3">
        <v>20</v>
      </c>
      <c r="D814" s="52" t="s">
        <v>80</v>
      </c>
      <c r="E814" s="52" t="s">
        <v>38</v>
      </c>
      <c r="F814" s="52" t="s">
        <v>97</v>
      </c>
      <c r="G814" s="52" t="s">
        <v>82</v>
      </c>
      <c r="H814" s="4">
        <v>236</v>
      </c>
      <c r="I814" s="2">
        <v>2142.6</v>
      </c>
    </row>
    <row r="815" spans="1:9" hidden="1" x14ac:dyDescent="0.35">
      <c r="A815" s="52" t="s">
        <v>78</v>
      </c>
      <c r="B815" s="52" t="s">
        <v>79</v>
      </c>
      <c r="C815" s="3">
        <v>20</v>
      </c>
      <c r="D815" s="52" t="s">
        <v>80</v>
      </c>
      <c r="E815" s="52" t="s">
        <v>29</v>
      </c>
      <c r="F815" s="52" t="s">
        <v>94</v>
      </c>
      <c r="G815" s="52" t="s">
        <v>82</v>
      </c>
      <c r="H815" s="4">
        <v>7</v>
      </c>
      <c r="I815" s="2">
        <v>1548.36</v>
      </c>
    </row>
    <row r="816" spans="1:9" hidden="1" x14ac:dyDescent="0.35">
      <c r="A816" s="52" t="s">
        <v>78</v>
      </c>
      <c r="B816" s="52" t="s">
        <v>79</v>
      </c>
      <c r="C816" s="3">
        <v>20</v>
      </c>
      <c r="D816" s="52" t="s">
        <v>80</v>
      </c>
      <c r="E816" s="52" t="s">
        <v>92</v>
      </c>
      <c r="F816" s="52" t="s">
        <v>93</v>
      </c>
      <c r="G816" s="52" t="s">
        <v>82</v>
      </c>
      <c r="H816" s="4">
        <v>9</v>
      </c>
      <c r="I816" s="2">
        <v>63.8</v>
      </c>
    </row>
    <row r="817" spans="1:9" x14ac:dyDescent="0.35">
      <c r="A817" s="52" t="s">
        <v>78</v>
      </c>
      <c r="B817" s="52" t="s">
        <v>79</v>
      </c>
      <c r="C817" s="3">
        <v>20</v>
      </c>
      <c r="D817" s="52" t="s">
        <v>80</v>
      </c>
      <c r="E817" s="52" t="s">
        <v>33</v>
      </c>
      <c r="F817" s="52" t="s">
        <v>99</v>
      </c>
      <c r="G817" s="52" t="s">
        <v>82</v>
      </c>
      <c r="H817" s="4">
        <v>1</v>
      </c>
      <c r="I817" s="2">
        <v>48</v>
      </c>
    </row>
    <row r="818" spans="1:9" x14ac:dyDescent="0.35">
      <c r="A818" s="52" t="s">
        <v>78</v>
      </c>
      <c r="B818" s="52" t="s">
        <v>79</v>
      </c>
      <c r="C818" s="3">
        <v>20</v>
      </c>
      <c r="D818" s="52" t="s">
        <v>80</v>
      </c>
      <c r="E818" s="52" t="s">
        <v>102</v>
      </c>
      <c r="F818" s="52" t="s">
        <v>95</v>
      </c>
      <c r="G818" s="52" t="s">
        <v>108</v>
      </c>
      <c r="H818" s="4">
        <v>1</v>
      </c>
      <c r="I818" s="2">
        <v>0</v>
      </c>
    </row>
    <row r="819" spans="1:9" hidden="1" x14ac:dyDescent="0.35">
      <c r="A819" s="52" t="s">
        <v>78</v>
      </c>
      <c r="B819" s="52" t="s">
        <v>79</v>
      </c>
      <c r="C819" s="3">
        <v>20</v>
      </c>
      <c r="D819" s="52" t="s">
        <v>80</v>
      </c>
      <c r="E819" s="52" t="s">
        <v>126</v>
      </c>
      <c r="F819" s="52" t="s">
        <v>103</v>
      </c>
      <c r="G819" s="52" t="s">
        <v>82</v>
      </c>
      <c r="H819" s="4">
        <v>13</v>
      </c>
      <c r="I819" s="2">
        <v>0</v>
      </c>
    </row>
    <row r="820" spans="1:9" hidden="1" x14ac:dyDescent="0.35">
      <c r="A820" s="52" t="s">
        <v>78</v>
      </c>
      <c r="B820" s="52" t="s">
        <v>79</v>
      </c>
      <c r="C820" s="3">
        <v>20</v>
      </c>
      <c r="D820" s="52" t="s">
        <v>80</v>
      </c>
      <c r="E820" s="52" t="s">
        <v>131</v>
      </c>
      <c r="F820" s="52" t="s">
        <v>129</v>
      </c>
      <c r="G820" s="52" t="s">
        <v>108</v>
      </c>
      <c r="H820" s="4">
        <v>2</v>
      </c>
      <c r="I820" s="2">
        <v>0</v>
      </c>
    </row>
    <row r="821" spans="1:9" hidden="1" x14ac:dyDescent="0.35">
      <c r="A821" s="52" t="s">
        <v>78</v>
      </c>
      <c r="B821" s="52" t="s">
        <v>79</v>
      </c>
      <c r="C821" s="3">
        <v>20</v>
      </c>
      <c r="D821" s="52" t="s">
        <v>80</v>
      </c>
      <c r="E821" s="52" t="s">
        <v>121</v>
      </c>
      <c r="F821" s="52" t="s">
        <v>112</v>
      </c>
      <c r="G821" s="52" t="s">
        <v>108</v>
      </c>
      <c r="H821" s="4">
        <v>123</v>
      </c>
      <c r="I821" s="2">
        <v>0</v>
      </c>
    </row>
    <row r="822" spans="1:9" hidden="1" x14ac:dyDescent="0.35">
      <c r="A822" s="52" t="s">
        <v>78</v>
      </c>
      <c r="B822" s="52" t="s">
        <v>79</v>
      </c>
      <c r="C822" s="3">
        <v>20</v>
      </c>
      <c r="D822" s="52" t="s">
        <v>80</v>
      </c>
      <c r="E822" s="52" t="s">
        <v>139</v>
      </c>
      <c r="F822" s="52" t="s">
        <v>140</v>
      </c>
      <c r="G822" s="52" t="s">
        <v>82</v>
      </c>
      <c r="H822" s="4">
        <v>142</v>
      </c>
      <c r="I822" s="2">
        <v>0</v>
      </c>
    </row>
    <row r="823" spans="1:9" hidden="1" x14ac:dyDescent="0.35">
      <c r="A823" s="52" t="s">
        <v>78</v>
      </c>
      <c r="B823" s="52" t="s">
        <v>79</v>
      </c>
      <c r="C823" s="3">
        <v>20</v>
      </c>
      <c r="D823" s="52" t="s">
        <v>80</v>
      </c>
      <c r="E823" s="52" t="s">
        <v>102</v>
      </c>
      <c r="F823" s="52" t="s">
        <v>124</v>
      </c>
      <c r="G823" s="52" t="s">
        <v>108</v>
      </c>
      <c r="H823" s="4">
        <v>257</v>
      </c>
      <c r="I823" s="2">
        <v>0</v>
      </c>
    </row>
    <row r="824" spans="1:9" hidden="1" x14ac:dyDescent="0.35">
      <c r="A824" s="52" t="s">
        <v>78</v>
      </c>
      <c r="B824" s="52" t="s">
        <v>79</v>
      </c>
      <c r="C824" s="3">
        <v>20</v>
      </c>
      <c r="D824" s="52" t="s">
        <v>80</v>
      </c>
      <c r="E824" s="52" t="s">
        <v>126</v>
      </c>
      <c r="F824" s="52" t="s">
        <v>101</v>
      </c>
      <c r="G824" s="52" t="s">
        <v>82</v>
      </c>
      <c r="H824" s="4">
        <v>137</v>
      </c>
      <c r="I824" s="2">
        <v>0</v>
      </c>
    </row>
    <row r="825" spans="1:9" hidden="1" x14ac:dyDescent="0.35">
      <c r="A825" s="52" t="s">
        <v>78</v>
      </c>
      <c r="B825" s="52" t="s">
        <v>79</v>
      </c>
      <c r="C825" s="3">
        <v>20</v>
      </c>
      <c r="D825" s="52" t="s">
        <v>80</v>
      </c>
      <c r="E825" s="52" t="s">
        <v>102</v>
      </c>
      <c r="F825" s="52" t="s">
        <v>116</v>
      </c>
      <c r="G825" s="52" t="s">
        <v>115</v>
      </c>
      <c r="H825" s="4">
        <v>1047</v>
      </c>
      <c r="I825" s="2">
        <v>0</v>
      </c>
    </row>
    <row r="826" spans="1:9" x14ac:dyDescent="0.35">
      <c r="A826" s="52" t="s">
        <v>78</v>
      </c>
      <c r="B826" s="52" t="s">
        <v>79</v>
      </c>
      <c r="C826" s="3">
        <v>20</v>
      </c>
      <c r="D826" s="52" t="s">
        <v>80</v>
      </c>
      <c r="E826" s="52" t="s">
        <v>111</v>
      </c>
      <c r="F826" s="52" t="s">
        <v>124</v>
      </c>
      <c r="G826" s="52" t="s">
        <v>108</v>
      </c>
      <c r="H826" s="4">
        <v>1</v>
      </c>
      <c r="I826" s="2">
        <v>0</v>
      </c>
    </row>
    <row r="827" spans="1:9" hidden="1" x14ac:dyDescent="0.35">
      <c r="A827" s="52" t="s">
        <v>78</v>
      </c>
      <c r="B827" s="52" t="s">
        <v>79</v>
      </c>
      <c r="C827" s="3">
        <v>20</v>
      </c>
      <c r="D827" s="52" t="s">
        <v>80</v>
      </c>
      <c r="E827" s="52" t="s">
        <v>118</v>
      </c>
      <c r="F827" s="52" t="s">
        <v>119</v>
      </c>
      <c r="G827" s="52" t="s">
        <v>115</v>
      </c>
      <c r="H827" s="4">
        <v>1185</v>
      </c>
      <c r="I827" s="2">
        <v>0</v>
      </c>
    </row>
    <row r="828" spans="1:9" x14ac:dyDescent="0.35">
      <c r="A828" s="52" t="s">
        <v>78</v>
      </c>
      <c r="B828" s="52" t="s">
        <v>79</v>
      </c>
      <c r="C828" s="3">
        <v>20</v>
      </c>
      <c r="D828" s="52" t="s">
        <v>80</v>
      </c>
      <c r="E828" s="52" t="s">
        <v>111</v>
      </c>
      <c r="F828" s="52" t="s">
        <v>97</v>
      </c>
      <c r="G828" s="52" t="s">
        <v>82</v>
      </c>
      <c r="H828" s="4">
        <v>1</v>
      </c>
      <c r="I828" s="2">
        <v>0</v>
      </c>
    </row>
    <row r="829" spans="1:9" hidden="1" x14ac:dyDescent="0.35">
      <c r="A829" s="52" t="s">
        <v>78</v>
      </c>
      <c r="B829" s="52" t="s">
        <v>79</v>
      </c>
      <c r="C829" s="3">
        <v>20</v>
      </c>
      <c r="D829" s="52" t="s">
        <v>80</v>
      </c>
      <c r="E829" s="52" t="s">
        <v>109</v>
      </c>
      <c r="F829" s="52" t="s">
        <v>110</v>
      </c>
      <c r="G829" s="52" t="s">
        <v>108</v>
      </c>
      <c r="H829" s="4">
        <v>17</v>
      </c>
      <c r="I829" s="2">
        <v>0</v>
      </c>
    </row>
    <row r="830" spans="1:9" hidden="1" x14ac:dyDescent="0.35">
      <c r="A830" s="52" t="s">
        <v>78</v>
      </c>
      <c r="B830" s="52" t="s">
        <v>79</v>
      </c>
      <c r="C830" s="3">
        <v>20</v>
      </c>
      <c r="D830" s="52" t="s">
        <v>80</v>
      </c>
      <c r="E830" s="52" t="s">
        <v>102</v>
      </c>
      <c r="F830" s="52" t="s">
        <v>107</v>
      </c>
      <c r="G830" s="52" t="s">
        <v>108</v>
      </c>
      <c r="H830" s="4">
        <v>146</v>
      </c>
      <c r="I830" s="2">
        <v>0</v>
      </c>
    </row>
    <row r="831" spans="1:9" hidden="1" x14ac:dyDescent="0.35">
      <c r="A831" s="52" t="s">
        <v>78</v>
      </c>
      <c r="B831" s="52" t="s">
        <v>79</v>
      </c>
      <c r="C831" s="3">
        <v>20</v>
      </c>
      <c r="D831" s="52" t="s">
        <v>80</v>
      </c>
      <c r="E831" s="52" t="s">
        <v>102</v>
      </c>
      <c r="F831" s="52" t="s">
        <v>101</v>
      </c>
      <c r="G831" s="52" t="s">
        <v>108</v>
      </c>
      <c r="H831" s="4">
        <v>8</v>
      </c>
      <c r="I831" s="2">
        <v>0</v>
      </c>
    </row>
    <row r="832" spans="1:9" hidden="1" x14ac:dyDescent="0.35">
      <c r="A832" s="52" t="s">
        <v>78</v>
      </c>
      <c r="B832" s="52" t="s">
        <v>79</v>
      </c>
      <c r="C832" s="3">
        <v>20</v>
      </c>
      <c r="D832" s="52" t="s">
        <v>80</v>
      </c>
      <c r="E832" s="52" t="s">
        <v>111</v>
      </c>
      <c r="F832" s="52" t="s">
        <v>105</v>
      </c>
      <c r="G832" s="52" t="s">
        <v>82</v>
      </c>
      <c r="H832" s="4">
        <v>156</v>
      </c>
      <c r="I832" s="2">
        <v>0</v>
      </c>
    </row>
    <row r="833" spans="1:9" x14ac:dyDescent="0.35">
      <c r="A833" s="52" t="s">
        <v>78</v>
      </c>
      <c r="B833" s="52" t="s">
        <v>79</v>
      </c>
      <c r="C833" s="3">
        <v>20</v>
      </c>
      <c r="D833" s="52" t="s">
        <v>80</v>
      </c>
      <c r="E833" s="52" t="s">
        <v>102</v>
      </c>
      <c r="F833" s="52" t="s">
        <v>112</v>
      </c>
      <c r="G833" s="52" t="s">
        <v>108</v>
      </c>
      <c r="H833" s="4">
        <v>1</v>
      </c>
      <c r="I833" s="2">
        <v>0</v>
      </c>
    </row>
    <row r="834" spans="1:9" hidden="1" x14ac:dyDescent="0.35">
      <c r="A834" s="52" t="s">
        <v>78</v>
      </c>
      <c r="B834" s="52" t="s">
        <v>79</v>
      </c>
      <c r="C834" s="3">
        <v>20</v>
      </c>
      <c r="D834" s="52" t="s">
        <v>80</v>
      </c>
      <c r="E834" s="52" t="s">
        <v>111</v>
      </c>
      <c r="F834" s="52" t="s">
        <v>101</v>
      </c>
      <c r="G834" s="52" t="s">
        <v>82</v>
      </c>
      <c r="H834" s="4">
        <v>795</v>
      </c>
      <c r="I834" s="2">
        <v>0</v>
      </c>
    </row>
    <row r="835" spans="1:9" hidden="1" x14ac:dyDescent="0.35">
      <c r="A835" s="52" t="s">
        <v>78</v>
      </c>
      <c r="B835" s="52" t="s">
        <v>79</v>
      </c>
      <c r="C835" s="3">
        <v>20</v>
      </c>
      <c r="D835" s="52" t="s">
        <v>80</v>
      </c>
      <c r="E835" s="52" t="s">
        <v>128</v>
      </c>
      <c r="F835" s="52" t="s">
        <v>129</v>
      </c>
      <c r="G835" s="52" t="s">
        <v>82</v>
      </c>
      <c r="H835" s="4">
        <v>5</v>
      </c>
      <c r="I835" s="2">
        <v>0</v>
      </c>
    </row>
    <row r="836" spans="1:9" hidden="1" x14ac:dyDescent="0.35">
      <c r="A836" s="52" t="s">
        <v>78</v>
      </c>
      <c r="B836" s="52" t="s">
        <v>79</v>
      </c>
      <c r="C836" s="3">
        <v>20</v>
      </c>
      <c r="D836" s="52" t="s">
        <v>80</v>
      </c>
      <c r="E836" s="52" t="s">
        <v>102</v>
      </c>
      <c r="F836" s="52" t="s">
        <v>103</v>
      </c>
      <c r="G836" s="52" t="s">
        <v>82</v>
      </c>
      <c r="H836" s="4">
        <v>472</v>
      </c>
      <c r="I836" s="2">
        <v>0</v>
      </c>
    </row>
    <row r="837" spans="1:9" hidden="1" x14ac:dyDescent="0.35">
      <c r="A837" s="52" t="s">
        <v>78</v>
      </c>
      <c r="B837" s="52" t="s">
        <v>79</v>
      </c>
      <c r="C837" s="3">
        <v>20</v>
      </c>
      <c r="D837" s="52" t="s">
        <v>80</v>
      </c>
      <c r="E837" s="52" t="s">
        <v>111</v>
      </c>
      <c r="F837" s="52" t="s">
        <v>93</v>
      </c>
      <c r="G837" s="52" t="s">
        <v>82</v>
      </c>
      <c r="H837" s="4">
        <v>61</v>
      </c>
      <c r="I837" s="2">
        <v>0</v>
      </c>
    </row>
    <row r="838" spans="1:9" x14ac:dyDescent="0.35">
      <c r="A838" s="52" t="s">
        <v>78</v>
      </c>
      <c r="B838" s="52" t="s">
        <v>79</v>
      </c>
      <c r="C838" s="3">
        <v>20</v>
      </c>
      <c r="D838" s="52" t="s">
        <v>80</v>
      </c>
      <c r="E838" s="52" t="s">
        <v>102</v>
      </c>
      <c r="F838" s="52" t="s">
        <v>125</v>
      </c>
      <c r="G838" s="52" t="s">
        <v>108</v>
      </c>
      <c r="H838" s="4">
        <v>1</v>
      </c>
      <c r="I838" s="2">
        <v>0</v>
      </c>
    </row>
    <row r="839" spans="1:9" hidden="1" x14ac:dyDescent="0.35">
      <c r="A839" s="52" t="s">
        <v>78</v>
      </c>
      <c r="B839" s="52" t="s">
        <v>79</v>
      </c>
      <c r="C839" s="3">
        <v>20</v>
      </c>
      <c r="D839" s="52" t="s">
        <v>80</v>
      </c>
      <c r="E839" s="52" t="s">
        <v>102</v>
      </c>
      <c r="F839" s="52" t="s">
        <v>105</v>
      </c>
      <c r="G839" s="52" t="s">
        <v>108</v>
      </c>
      <c r="H839" s="4">
        <v>2</v>
      </c>
      <c r="I839" s="2">
        <v>0</v>
      </c>
    </row>
    <row r="840" spans="1:9" hidden="1" x14ac:dyDescent="0.35">
      <c r="A840" s="52" t="s">
        <v>78</v>
      </c>
      <c r="B840" s="52" t="s">
        <v>79</v>
      </c>
      <c r="C840" s="3">
        <v>20</v>
      </c>
      <c r="D840" s="52" t="s">
        <v>80</v>
      </c>
      <c r="E840" s="52" t="s">
        <v>106</v>
      </c>
      <c r="F840" s="52" t="s">
        <v>124</v>
      </c>
      <c r="G840" s="52" t="s">
        <v>108</v>
      </c>
      <c r="H840" s="4">
        <v>6</v>
      </c>
      <c r="I840" s="2">
        <v>0</v>
      </c>
    </row>
    <row r="841" spans="1:9" x14ac:dyDescent="0.35">
      <c r="A841" s="52" t="s">
        <v>78</v>
      </c>
      <c r="B841" s="52" t="s">
        <v>79</v>
      </c>
      <c r="C841" s="3">
        <v>20</v>
      </c>
      <c r="D841" s="52" t="s">
        <v>80</v>
      </c>
      <c r="E841" s="52" t="s">
        <v>111</v>
      </c>
      <c r="F841" s="52" t="s">
        <v>130</v>
      </c>
      <c r="G841" s="52" t="s">
        <v>108</v>
      </c>
      <c r="H841" s="4">
        <v>1</v>
      </c>
      <c r="I841" s="2">
        <v>0</v>
      </c>
    </row>
    <row r="842" spans="1:9" hidden="1" x14ac:dyDescent="0.35">
      <c r="A842" s="52" t="s">
        <v>78</v>
      </c>
      <c r="B842" s="52" t="s">
        <v>79</v>
      </c>
      <c r="C842" s="3">
        <v>20</v>
      </c>
      <c r="D842" s="52" t="s">
        <v>80</v>
      </c>
      <c r="E842" s="52" t="s">
        <v>120</v>
      </c>
      <c r="F842" s="52" t="s">
        <v>116</v>
      </c>
      <c r="G842" s="52" t="s">
        <v>115</v>
      </c>
      <c r="H842" s="4">
        <v>1185</v>
      </c>
      <c r="I842" s="2">
        <v>0</v>
      </c>
    </row>
    <row r="843" spans="1:9" hidden="1" x14ac:dyDescent="0.35">
      <c r="A843" s="52" t="s">
        <v>78</v>
      </c>
      <c r="B843" s="52" t="s">
        <v>79</v>
      </c>
      <c r="C843" s="3">
        <v>20</v>
      </c>
      <c r="D843" s="52" t="s">
        <v>80</v>
      </c>
      <c r="E843" s="52" t="s">
        <v>122</v>
      </c>
      <c r="F843" s="52" t="s">
        <v>123</v>
      </c>
      <c r="G843" s="52" t="s">
        <v>108</v>
      </c>
      <c r="H843" s="4">
        <v>1068</v>
      </c>
      <c r="I843" s="2">
        <v>0</v>
      </c>
    </row>
    <row r="844" spans="1:9" hidden="1" x14ac:dyDescent="0.35">
      <c r="A844" s="52" t="s">
        <v>78</v>
      </c>
      <c r="B844" s="52" t="s">
        <v>79</v>
      </c>
      <c r="C844" s="3">
        <v>20</v>
      </c>
      <c r="D844" s="52" t="s">
        <v>80</v>
      </c>
      <c r="E844" s="52" t="s">
        <v>111</v>
      </c>
      <c r="F844" s="52" t="s">
        <v>94</v>
      </c>
      <c r="G844" s="52" t="s">
        <v>82</v>
      </c>
      <c r="H844" s="4">
        <v>3</v>
      </c>
      <c r="I844" s="2">
        <v>0</v>
      </c>
    </row>
    <row r="845" spans="1:9" hidden="1" x14ac:dyDescent="0.35">
      <c r="A845" s="52" t="s">
        <v>78</v>
      </c>
      <c r="B845" s="52" t="s">
        <v>79</v>
      </c>
      <c r="C845" s="3">
        <v>20</v>
      </c>
      <c r="D845" s="52" t="s">
        <v>80</v>
      </c>
      <c r="E845" s="52" t="s">
        <v>106</v>
      </c>
      <c r="F845" s="52" t="s">
        <v>101</v>
      </c>
      <c r="G845" s="52" t="s">
        <v>108</v>
      </c>
      <c r="H845" s="4">
        <v>3</v>
      </c>
      <c r="I845" s="2">
        <v>0</v>
      </c>
    </row>
    <row r="846" spans="1:9" hidden="1" x14ac:dyDescent="0.35">
      <c r="A846" s="52" t="s">
        <v>78</v>
      </c>
      <c r="B846" s="52" t="s">
        <v>79</v>
      </c>
      <c r="C846" s="3">
        <v>20</v>
      </c>
      <c r="D846" s="52" t="s">
        <v>80</v>
      </c>
      <c r="E846" s="52" t="s">
        <v>111</v>
      </c>
      <c r="F846" s="52" t="s">
        <v>95</v>
      </c>
      <c r="G846" s="52" t="s">
        <v>82</v>
      </c>
      <c r="H846" s="4">
        <v>108</v>
      </c>
      <c r="I846" s="2">
        <v>0</v>
      </c>
    </row>
    <row r="847" spans="1:9" hidden="1" x14ac:dyDescent="0.35">
      <c r="A847" s="52" t="s">
        <v>78</v>
      </c>
      <c r="B847" s="52" t="s">
        <v>79</v>
      </c>
      <c r="C847" s="3">
        <v>20</v>
      </c>
      <c r="D847" s="52" t="s">
        <v>80</v>
      </c>
      <c r="E847" s="52" t="s">
        <v>134</v>
      </c>
      <c r="F847" s="52" t="s">
        <v>123</v>
      </c>
      <c r="G847" s="52" t="s">
        <v>82</v>
      </c>
      <c r="H847" s="4">
        <v>4365</v>
      </c>
      <c r="I847" s="2">
        <v>0</v>
      </c>
    </row>
    <row r="848" spans="1:9" hidden="1" x14ac:dyDescent="0.35">
      <c r="A848" s="52" t="s">
        <v>78</v>
      </c>
      <c r="B848" s="52" t="s">
        <v>79</v>
      </c>
      <c r="C848" s="3">
        <v>20</v>
      </c>
      <c r="D848" s="52" t="s">
        <v>80</v>
      </c>
      <c r="E848" s="52" t="s">
        <v>132</v>
      </c>
      <c r="F848" s="52" t="s">
        <v>133</v>
      </c>
      <c r="G848" s="52" t="s">
        <v>108</v>
      </c>
      <c r="H848" s="4">
        <v>8</v>
      </c>
      <c r="I848" s="2">
        <v>0</v>
      </c>
    </row>
    <row r="849" spans="1:9" hidden="1" x14ac:dyDescent="0.35">
      <c r="A849" s="52" t="s">
        <v>78</v>
      </c>
      <c r="B849" s="52" t="s">
        <v>79</v>
      </c>
      <c r="C849" s="3">
        <v>20</v>
      </c>
      <c r="D849" s="52" t="s">
        <v>80</v>
      </c>
      <c r="E849" s="52" t="s">
        <v>111</v>
      </c>
      <c r="F849" s="52" t="s">
        <v>81</v>
      </c>
      <c r="G849" s="52" t="s">
        <v>82</v>
      </c>
      <c r="H849" s="4">
        <v>15</v>
      </c>
      <c r="I849" s="2">
        <v>0</v>
      </c>
    </row>
    <row r="850" spans="1:9" hidden="1" x14ac:dyDescent="0.35">
      <c r="A850" s="52" t="s">
        <v>78</v>
      </c>
      <c r="B850" s="52" t="s">
        <v>79</v>
      </c>
      <c r="C850" s="3">
        <v>20</v>
      </c>
      <c r="D850" s="52" t="s">
        <v>80</v>
      </c>
      <c r="E850" s="52" t="s">
        <v>111</v>
      </c>
      <c r="F850" s="52" t="s">
        <v>103</v>
      </c>
      <c r="G850" s="52" t="s">
        <v>82</v>
      </c>
      <c r="H850" s="4">
        <v>25</v>
      </c>
      <c r="I850" s="2">
        <v>0</v>
      </c>
    </row>
    <row r="851" spans="1:9" hidden="1" x14ac:dyDescent="0.35">
      <c r="A851" s="52" t="s">
        <v>78</v>
      </c>
      <c r="B851" s="52" t="s">
        <v>79</v>
      </c>
      <c r="C851" s="3">
        <v>20</v>
      </c>
      <c r="D851" s="52" t="s">
        <v>80</v>
      </c>
      <c r="E851" s="52" t="s">
        <v>117</v>
      </c>
      <c r="F851" s="52" t="s">
        <v>116</v>
      </c>
      <c r="G851" s="52" t="s">
        <v>82</v>
      </c>
      <c r="H851" s="4">
        <v>2604</v>
      </c>
      <c r="I851" s="2">
        <v>0</v>
      </c>
    </row>
    <row r="852" spans="1:9" hidden="1" x14ac:dyDescent="0.35">
      <c r="A852" s="52" t="s">
        <v>78</v>
      </c>
      <c r="B852" s="52" t="s">
        <v>79</v>
      </c>
      <c r="C852" s="3">
        <v>20</v>
      </c>
      <c r="D852" s="52" t="s">
        <v>80</v>
      </c>
      <c r="E852" s="52" t="s">
        <v>113</v>
      </c>
      <c r="F852" s="52" t="s">
        <v>114</v>
      </c>
      <c r="G852" s="52" t="s">
        <v>115</v>
      </c>
      <c r="H852" s="4">
        <v>3300</v>
      </c>
      <c r="I852" s="2">
        <v>0</v>
      </c>
    </row>
    <row r="853" spans="1:9" hidden="1" x14ac:dyDescent="0.35">
      <c r="A853" s="52" t="s">
        <v>78</v>
      </c>
      <c r="B853" s="52" t="s">
        <v>79</v>
      </c>
      <c r="C853" s="3">
        <v>20</v>
      </c>
      <c r="D853" s="52" t="s">
        <v>80</v>
      </c>
      <c r="E853" s="52" t="s">
        <v>106</v>
      </c>
      <c r="F853" s="52" t="s">
        <v>107</v>
      </c>
      <c r="G853" s="52" t="s">
        <v>108</v>
      </c>
      <c r="H853" s="4">
        <v>15</v>
      </c>
      <c r="I853" s="2">
        <v>0</v>
      </c>
    </row>
    <row r="854" spans="1:9" hidden="1" x14ac:dyDescent="0.35">
      <c r="A854" s="52" t="s">
        <v>78</v>
      </c>
      <c r="B854" s="52" t="s">
        <v>79</v>
      </c>
      <c r="C854" s="3">
        <v>20</v>
      </c>
      <c r="D854" s="52" t="s">
        <v>80</v>
      </c>
      <c r="E854" s="52" t="s">
        <v>135</v>
      </c>
      <c r="F854" s="52" t="s">
        <v>112</v>
      </c>
      <c r="G854" s="52" t="s">
        <v>82</v>
      </c>
      <c r="H854" s="4">
        <v>15760</v>
      </c>
      <c r="I854" s="2">
        <v>0</v>
      </c>
    </row>
    <row r="855" spans="1:9" x14ac:dyDescent="0.35">
      <c r="A855" s="52" t="s">
        <v>78</v>
      </c>
      <c r="B855" s="52" t="s">
        <v>79</v>
      </c>
      <c r="C855" s="3">
        <v>20</v>
      </c>
      <c r="D855" s="52" t="s">
        <v>80</v>
      </c>
      <c r="E855" s="52" t="s">
        <v>102</v>
      </c>
      <c r="F855" s="52" t="s">
        <v>93</v>
      </c>
      <c r="G855" s="52" t="s">
        <v>108</v>
      </c>
      <c r="H855" s="4">
        <v>1</v>
      </c>
      <c r="I855" s="2">
        <v>0</v>
      </c>
    </row>
    <row r="856" spans="1:9" x14ac:dyDescent="0.35">
      <c r="A856" s="52" t="s">
        <v>78</v>
      </c>
      <c r="B856" s="52" t="s">
        <v>79</v>
      </c>
      <c r="C856" s="3">
        <v>20</v>
      </c>
      <c r="D856" s="52" t="s">
        <v>80</v>
      </c>
      <c r="E856" s="52" t="s">
        <v>111</v>
      </c>
      <c r="F856" s="52" t="s">
        <v>141</v>
      </c>
      <c r="G856" s="52" t="s">
        <v>108</v>
      </c>
      <c r="H856" s="4">
        <v>1</v>
      </c>
      <c r="I856" s="2">
        <v>0</v>
      </c>
    </row>
    <row r="857" spans="1:9" hidden="1" x14ac:dyDescent="0.35">
      <c r="A857" s="52" t="s">
        <v>78</v>
      </c>
      <c r="B857" s="52" t="s">
        <v>79</v>
      </c>
      <c r="C857" s="3">
        <v>20</v>
      </c>
      <c r="D857" s="52" t="s">
        <v>80</v>
      </c>
      <c r="E857" s="52" t="s">
        <v>111</v>
      </c>
      <c r="F857" s="52" t="s">
        <v>107</v>
      </c>
      <c r="G857" s="52" t="s">
        <v>108</v>
      </c>
      <c r="H857" s="4">
        <v>60</v>
      </c>
      <c r="I857" s="2">
        <v>0</v>
      </c>
    </row>
    <row r="858" spans="1:9" hidden="1" x14ac:dyDescent="0.35">
      <c r="A858" s="52" t="s">
        <v>78</v>
      </c>
      <c r="B858" s="52" t="s">
        <v>79</v>
      </c>
      <c r="C858" s="3">
        <v>211</v>
      </c>
      <c r="D858" s="52" t="s">
        <v>80</v>
      </c>
      <c r="E858" s="52" t="s">
        <v>92</v>
      </c>
      <c r="F858" s="52" t="s">
        <v>93</v>
      </c>
      <c r="G858" s="52" t="s">
        <v>82</v>
      </c>
      <c r="H858" s="4">
        <v>4297</v>
      </c>
      <c r="I858" s="2">
        <v>50736.93</v>
      </c>
    </row>
    <row r="859" spans="1:9" hidden="1" x14ac:dyDescent="0.35">
      <c r="A859" s="52" t="s">
        <v>78</v>
      </c>
      <c r="B859" s="52" t="s">
        <v>79</v>
      </c>
      <c r="C859" s="3">
        <v>211</v>
      </c>
      <c r="D859" s="52" t="s">
        <v>80</v>
      </c>
      <c r="E859" s="52" t="s">
        <v>40</v>
      </c>
      <c r="F859" s="52" t="s">
        <v>96</v>
      </c>
      <c r="G859" s="52" t="s">
        <v>82</v>
      </c>
      <c r="H859" s="4">
        <v>36</v>
      </c>
      <c r="I859" s="2">
        <v>900</v>
      </c>
    </row>
    <row r="860" spans="1:9" hidden="1" x14ac:dyDescent="0.35">
      <c r="A860" s="52" t="s">
        <v>78</v>
      </c>
      <c r="B860" s="52" t="s">
        <v>79</v>
      </c>
      <c r="C860" s="3">
        <v>211</v>
      </c>
      <c r="D860" s="52" t="s">
        <v>80</v>
      </c>
      <c r="E860" s="52" t="s">
        <v>36</v>
      </c>
      <c r="F860" s="52" t="s">
        <v>95</v>
      </c>
      <c r="G860" s="52" t="s">
        <v>82</v>
      </c>
      <c r="H860" s="4">
        <v>120</v>
      </c>
      <c r="I860" s="2">
        <v>564</v>
      </c>
    </row>
    <row r="861" spans="1:9" hidden="1" x14ac:dyDescent="0.35">
      <c r="A861" s="52" t="s">
        <v>78</v>
      </c>
      <c r="B861" s="52" t="s">
        <v>79</v>
      </c>
      <c r="C861" s="3">
        <v>211</v>
      </c>
      <c r="D861" s="52" t="s">
        <v>80</v>
      </c>
      <c r="E861" s="52" t="s">
        <v>26</v>
      </c>
      <c r="F861" s="52" t="s">
        <v>81</v>
      </c>
      <c r="G861" s="52" t="s">
        <v>82</v>
      </c>
      <c r="H861" s="4">
        <v>35</v>
      </c>
      <c r="I861" s="2">
        <v>512.75</v>
      </c>
    </row>
    <row r="862" spans="1:9" hidden="1" x14ac:dyDescent="0.35">
      <c r="A862" s="52" t="s">
        <v>78</v>
      </c>
      <c r="B862" s="52" t="s">
        <v>79</v>
      </c>
      <c r="C862" s="3">
        <v>211</v>
      </c>
      <c r="D862" s="52" t="s">
        <v>80</v>
      </c>
      <c r="E862" s="52" t="s">
        <v>38</v>
      </c>
      <c r="F862" s="52" t="s">
        <v>97</v>
      </c>
      <c r="G862" s="52" t="s">
        <v>82</v>
      </c>
      <c r="H862" s="4">
        <v>20</v>
      </c>
      <c r="I862" s="2">
        <v>209.6</v>
      </c>
    </row>
    <row r="863" spans="1:9" hidden="1" x14ac:dyDescent="0.35">
      <c r="A863" s="52" t="s">
        <v>78</v>
      </c>
      <c r="B863" s="52" t="s">
        <v>79</v>
      </c>
      <c r="C863" s="3">
        <v>211</v>
      </c>
      <c r="D863" s="52" t="s">
        <v>80</v>
      </c>
      <c r="E863" s="52" t="s">
        <v>90</v>
      </c>
      <c r="F863" s="52" t="s">
        <v>91</v>
      </c>
      <c r="G863" s="52" t="s">
        <v>82</v>
      </c>
      <c r="H863" s="4">
        <v>12</v>
      </c>
      <c r="I863" s="2">
        <v>75.86</v>
      </c>
    </row>
    <row r="864" spans="1:9" hidden="1" x14ac:dyDescent="0.35">
      <c r="A864" s="52" t="s">
        <v>78</v>
      </c>
      <c r="B864" s="52" t="s">
        <v>79</v>
      </c>
      <c r="C864" s="3">
        <v>211</v>
      </c>
      <c r="D864" s="52" t="s">
        <v>80</v>
      </c>
      <c r="E864" s="52" t="s">
        <v>111</v>
      </c>
      <c r="F864" s="52" t="s">
        <v>105</v>
      </c>
      <c r="G864" s="52" t="s">
        <v>82</v>
      </c>
      <c r="H864" s="4">
        <v>2</v>
      </c>
      <c r="I864" s="2">
        <v>0</v>
      </c>
    </row>
    <row r="865" spans="1:9" hidden="1" x14ac:dyDescent="0.35">
      <c r="A865" s="52" t="s">
        <v>78</v>
      </c>
      <c r="B865" s="52" t="s">
        <v>79</v>
      </c>
      <c r="C865" s="3">
        <v>211</v>
      </c>
      <c r="D865" s="52" t="s">
        <v>80</v>
      </c>
      <c r="E865" s="52" t="s">
        <v>135</v>
      </c>
      <c r="F865" s="52" t="s">
        <v>112</v>
      </c>
      <c r="G865" s="52" t="s">
        <v>82</v>
      </c>
      <c r="H865" s="4">
        <v>295</v>
      </c>
      <c r="I865" s="2">
        <v>0</v>
      </c>
    </row>
    <row r="866" spans="1:9" hidden="1" x14ac:dyDescent="0.35">
      <c r="A866" s="52" t="s">
        <v>78</v>
      </c>
      <c r="B866" s="52" t="s">
        <v>79</v>
      </c>
      <c r="C866" s="3">
        <v>211</v>
      </c>
      <c r="D866" s="52" t="s">
        <v>80</v>
      </c>
      <c r="E866" s="52" t="s">
        <v>102</v>
      </c>
      <c r="F866" s="52" t="s">
        <v>107</v>
      </c>
      <c r="G866" s="52" t="s">
        <v>108</v>
      </c>
      <c r="H866" s="4">
        <v>25</v>
      </c>
      <c r="I866" s="2">
        <v>0</v>
      </c>
    </row>
    <row r="867" spans="1:9" x14ac:dyDescent="0.35">
      <c r="A867" s="52" t="s">
        <v>78</v>
      </c>
      <c r="B867" s="52" t="s">
        <v>79</v>
      </c>
      <c r="C867" s="3">
        <v>211</v>
      </c>
      <c r="D867" s="52" t="s">
        <v>80</v>
      </c>
      <c r="E867" s="52" t="s">
        <v>102</v>
      </c>
      <c r="F867" s="52" t="s">
        <v>101</v>
      </c>
      <c r="G867" s="52" t="s">
        <v>108</v>
      </c>
      <c r="H867" s="4">
        <v>1</v>
      </c>
      <c r="I867" s="2">
        <v>0</v>
      </c>
    </row>
    <row r="868" spans="1:9" hidden="1" x14ac:dyDescent="0.35">
      <c r="A868" s="52" t="s">
        <v>78</v>
      </c>
      <c r="B868" s="52" t="s">
        <v>79</v>
      </c>
      <c r="C868" s="3">
        <v>211</v>
      </c>
      <c r="D868" s="52" t="s">
        <v>80</v>
      </c>
      <c r="E868" s="52" t="s">
        <v>111</v>
      </c>
      <c r="F868" s="52" t="s">
        <v>107</v>
      </c>
      <c r="G868" s="52" t="s">
        <v>108</v>
      </c>
      <c r="H868" s="4">
        <v>5</v>
      </c>
      <c r="I868" s="2">
        <v>0</v>
      </c>
    </row>
    <row r="869" spans="1:9" hidden="1" x14ac:dyDescent="0.35">
      <c r="A869" s="52" t="s">
        <v>78</v>
      </c>
      <c r="B869" s="52" t="s">
        <v>79</v>
      </c>
      <c r="C869" s="3">
        <v>211</v>
      </c>
      <c r="D869" s="52" t="s">
        <v>80</v>
      </c>
      <c r="E869" s="52" t="s">
        <v>111</v>
      </c>
      <c r="F869" s="52" t="s">
        <v>101</v>
      </c>
      <c r="G869" s="52" t="s">
        <v>82</v>
      </c>
      <c r="H869" s="4">
        <v>36</v>
      </c>
      <c r="I869" s="2">
        <v>0</v>
      </c>
    </row>
    <row r="870" spans="1:9" hidden="1" x14ac:dyDescent="0.35">
      <c r="A870" s="52" t="s">
        <v>78</v>
      </c>
      <c r="B870" s="52" t="s">
        <v>79</v>
      </c>
      <c r="C870" s="3">
        <v>211</v>
      </c>
      <c r="D870" s="52" t="s">
        <v>80</v>
      </c>
      <c r="E870" s="52" t="s">
        <v>111</v>
      </c>
      <c r="F870" s="52" t="s">
        <v>93</v>
      </c>
      <c r="G870" s="52" t="s">
        <v>82</v>
      </c>
      <c r="H870" s="4">
        <v>16</v>
      </c>
      <c r="I870" s="2">
        <v>0</v>
      </c>
    </row>
    <row r="871" spans="1:9" hidden="1" x14ac:dyDescent="0.35">
      <c r="A871" s="52" t="s">
        <v>78</v>
      </c>
      <c r="B871" s="52" t="s">
        <v>79</v>
      </c>
      <c r="C871" s="3">
        <v>211</v>
      </c>
      <c r="D871" s="52" t="s">
        <v>80</v>
      </c>
      <c r="E871" s="52" t="s">
        <v>102</v>
      </c>
      <c r="F871" s="52" t="s">
        <v>116</v>
      </c>
      <c r="G871" s="52" t="s">
        <v>115</v>
      </c>
      <c r="H871" s="4">
        <v>151</v>
      </c>
      <c r="I871" s="2">
        <v>0</v>
      </c>
    </row>
    <row r="872" spans="1:9" hidden="1" x14ac:dyDescent="0.35">
      <c r="A872" s="52" t="s">
        <v>78</v>
      </c>
      <c r="B872" s="52" t="s">
        <v>79</v>
      </c>
      <c r="C872" s="3">
        <v>211</v>
      </c>
      <c r="D872" s="52" t="s">
        <v>80</v>
      </c>
      <c r="E872" s="52" t="s">
        <v>102</v>
      </c>
      <c r="F872" s="52" t="s">
        <v>103</v>
      </c>
      <c r="G872" s="52" t="s">
        <v>82</v>
      </c>
      <c r="H872" s="4">
        <v>62</v>
      </c>
      <c r="I872" s="2">
        <v>0</v>
      </c>
    </row>
    <row r="873" spans="1:9" hidden="1" x14ac:dyDescent="0.35">
      <c r="A873" s="52" t="s">
        <v>78</v>
      </c>
      <c r="B873" s="52" t="s">
        <v>79</v>
      </c>
      <c r="C873" s="3">
        <v>211</v>
      </c>
      <c r="D873" s="52" t="s">
        <v>80</v>
      </c>
      <c r="E873" s="52" t="s">
        <v>111</v>
      </c>
      <c r="F873" s="52" t="s">
        <v>95</v>
      </c>
      <c r="G873" s="52" t="s">
        <v>82</v>
      </c>
      <c r="H873" s="4">
        <v>8</v>
      </c>
      <c r="I873" s="2">
        <v>0</v>
      </c>
    </row>
    <row r="874" spans="1:9" hidden="1" x14ac:dyDescent="0.35">
      <c r="A874" s="52" t="s">
        <v>78</v>
      </c>
      <c r="B874" s="52" t="s">
        <v>79</v>
      </c>
      <c r="C874" s="3">
        <v>211</v>
      </c>
      <c r="D874" s="52" t="s">
        <v>80</v>
      </c>
      <c r="E874" s="52" t="s">
        <v>113</v>
      </c>
      <c r="F874" s="52" t="s">
        <v>114</v>
      </c>
      <c r="G874" s="52" t="s">
        <v>115</v>
      </c>
      <c r="H874" s="4">
        <v>217</v>
      </c>
      <c r="I874" s="2">
        <v>0</v>
      </c>
    </row>
    <row r="875" spans="1:9" hidden="1" x14ac:dyDescent="0.35">
      <c r="A875" s="52" t="s">
        <v>78</v>
      </c>
      <c r="B875" s="52" t="s">
        <v>79</v>
      </c>
      <c r="C875" s="3">
        <v>211</v>
      </c>
      <c r="D875" s="52" t="s">
        <v>80</v>
      </c>
      <c r="E875" s="52" t="s">
        <v>139</v>
      </c>
      <c r="F875" s="52" t="s">
        <v>140</v>
      </c>
      <c r="G875" s="52" t="s">
        <v>82</v>
      </c>
      <c r="H875" s="4">
        <v>17</v>
      </c>
      <c r="I875" s="2">
        <v>0</v>
      </c>
    </row>
    <row r="876" spans="1:9" x14ac:dyDescent="0.35">
      <c r="A876" s="52" t="s">
        <v>78</v>
      </c>
      <c r="B876" s="52" t="s">
        <v>79</v>
      </c>
      <c r="C876" s="3">
        <v>211</v>
      </c>
      <c r="D876" s="52" t="s">
        <v>80</v>
      </c>
      <c r="E876" s="52" t="s">
        <v>111</v>
      </c>
      <c r="F876" s="52" t="s">
        <v>97</v>
      </c>
      <c r="G876" s="52" t="s">
        <v>82</v>
      </c>
      <c r="H876" s="4">
        <v>1</v>
      </c>
      <c r="I876" s="2">
        <v>0</v>
      </c>
    </row>
    <row r="877" spans="1:9" hidden="1" x14ac:dyDescent="0.35">
      <c r="A877" s="52" t="s">
        <v>78</v>
      </c>
      <c r="B877" s="52" t="s">
        <v>79</v>
      </c>
      <c r="C877" s="3">
        <v>211</v>
      </c>
      <c r="D877" s="52" t="s">
        <v>80</v>
      </c>
      <c r="E877" s="52" t="s">
        <v>120</v>
      </c>
      <c r="F877" s="52" t="s">
        <v>116</v>
      </c>
      <c r="G877" s="52" t="s">
        <v>115</v>
      </c>
      <c r="H877" s="4">
        <v>155</v>
      </c>
      <c r="I877" s="2">
        <v>0</v>
      </c>
    </row>
    <row r="878" spans="1:9" hidden="1" x14ac:dyDescent="0.35">
      <c r="A878" s="52" t="s">
        <v>78</v>
      </c>
      <c r="B878" s="52" t="s">
        <v>79</v>
      </c>
      <c r="C878" s="3">
        <v>211</v>
      </c>
      <c r="D878" s="52" t="s">
        <v>80</v>
      </c>
      <c r="E878" s="52" t="s">
        <v>104</v>
      </c>
      <c r="F878" s="52" t="s">
        <v>101</v>
      </c>
      <c r="G878" s="52" t="s">
        <v>82</v>
      </c>
      <c r="H878" s="4">
        <v>34</v>
      </c>
      <c r="I878" s="2">
        <v>0</v>
      </c>
    </row>
    <row r="879" spans="1:9" hidden="1" x14ac:dyDescent="0.35">
      <c r="A879" s="52" t="s">
        <v>78</v>
      </c>
      <c r="B879" s="52" t="s">
        <v>79</v>
      </c>
      <c r="C879" s="3">
        <v>211</v>
      </c>
      <c r="D879" s="52" t="s">
        <v>80</v>
      </c>
      <c r="E879" s="52" t="s">
        <v>121</v>
      </c>
      <c r="F879" s="52" t="s">
        <v>112</v>
      </c>
      <c r="G879" s="52" t="s">
        <v>108</v>
      </c>
      <c r="H879" s="4">
        <v>3</v>
      </c>
      <c r="I879" s="2">
        <v>0</v>
      </c>
    </row>
    <row r="880" spans="1:9" hidden="1" x14ac:dyDescent="0.35">
      <c r="A880" s="52" t="s">
        <v>78</v>
      </c>
      <c r="B880" s="52" t="s">
        <v>79</v>
      </c>
      <c r="C880" s="3">
        <v>211</v>
      </c>
      <c r="D880" s="52" t="s">
        <v>80</v>
      </c>
      <c r="E880" s="52" t="s">
        <v>122</v>
      </c>
      <c r="F880" s="52" t="s">
        <v>123</v>
      </c>
      <c r="G880" s="52" t="s">
        <v>108</v>
      </c>
      <c r="H880" s="4">
        <v>5</v>
      </c>
      <c r="I880" s="2">
        <v>0</v>
      </c>
    </row>
    <row r="881" spans="1:9" x14ac:dyDescent="0.35">
      <c r="A881" s="52" t="s">
        <v>78</v>
      </c>
      <c r="B881" s="52" t="s">
        <v>79</v>
      </c>
      <c r="C881" s="3">
        <v>211</v>
      </c>
      <c r="D881" s="52" t="s">
        <v>80</v>
      </c>
      <c r="E881" s="52" t="s">
        <v>126</v>
      </c>
      <c r="F881" s="52" t="s">
        <v>101</v>
      </c>
      <c r="G881" s="52" t="s">
        <v>82</v>
      </c>
      <c r="H881" s="4">
        <v>1</v>
      </c>
      <c r="I881" s="2">
        <v>0</v>
      </c>
    </row>
    <row r="882" spans="1:9" hidden="1" x14ac:dyDescent="0.35">
      <c r="A882" s="52" t="s">
        <v>78</v>
      </c>
      <c r="B882" s="52" t="s">
        <v>79</v>
      </c>
      <c r="C882" s="3">
        <v>211</v>
      </c>
      <c r="D882" s="52" t="s">
        <v>80</v>
      </c>
      <c r="E882" s="52" t="s">
        <v>117</v>
      </c>
      <c r="F882" s="52" t="s">
        <v>116</v>
      </c>
      <c r="G882" s="52" t="s">
        <v>82</v>
      </c>
      <c r="H882" s="4">
        <v>272</v>
      </c>
      <c r="I882" s="2">
        <v>0</v>
      </c>
    </row>
    <row r="883" spans="1:9" hidden="1" x14ac:dyDescent="0.35">
      <c r="A883" s="52" t="s">
        <v>78</v>
      </c>
      <c r="B883" s="52" t="s">
        <v>79</v>
      </c>
      <c r="C883" s="3">
        <v>211</v>
      </c>
      <c r="D883" s="52" t="s">
        <v>80</v>
      </c>
      <c r="E883" s="52" t="s">
        <v>109</v>
      </c>
      <c r="F883" s="52" t="s">
        <v>110</v>
      </c>
      <c r="G883" s="52" t="s">
        <v>108</v>
      </c>
      <c r="H883" s="4">
        <v>4</v>
      </c>
      <c r="I883" s="2">
        <v>0</v>
      </c>
    </row>
    <row r="884" spans="1:9" hidden="1" x14ac:dyDescent="0.35">
      <c r="A884" s="52" t="s">
        <v>78</v>
      </c>
      <c r="B884" s="52" t="s">
        <v>79</v>
      </c>
      <c r="C884" s="3">
        <v>211</v>
      </c>
      <c r="D884" s="52" t="s">
        <v>80</v>
      </c>
      <c r="E884" s="52" t="s">
        <v>106</v>
      </c>
      <c r="F884" s="52" t="s">
        <v>101</v>
      </c>
      <c r="G884" s="52" t="s">
        <v>108</v>
      </c>
      <c r="H884" s="4">
        <v>2</v>
      </c>
      <c r="I884" s="2">
        <v>0</v>
      </c>
    </row>
    <row r="885" spans="1:9" hidden="1" x14ac:dyDescent="0.35">
      <c r="A885" s="52" t="s">
        <v>78</v>
      </c>
      <c r="B885" s="52" t="s">
        <v>79</v>
      </c>
      <c r="C885" s="3">
        <v>211</v>
      </c>
      <c r="D885" s="52" t="s">
        <v>80</v>
      </c>
      <c r="E885" s="52" t="s">
        <v>102</v>
      </c>
      <c r="F885" s="52" t="s">
        <v>124</v>
      </c>
      <c r="G885" s="52" t="s">
        <v>108</v>
      </c>
      <c r="H885" s="4">
        <v>7</v>
      </c>
      <c r="I885" s="2">
        <v>0</v>
      </c>
    </row>
    <row r="886" spans="1:9" hidden="1" x14ac:dyDescent="0.35">
      <c r="A886" s="52" t="s">
        <v>78</v>
      </c>
      <c r="B886" s="52" t="s">
        <v>79</v>
      </c>
      <c r="C886" s="3">
        <v>211</v>
      </c>
      <c r="D886" s="52" t="s">
        <v>80</v>
      </c>
      <c r="E886" s="52" t="s">
        <v>106</v>
      </c>
      <c r="F886" s="52" t="s">
        <v>107</v>
      </c>
      <c r="G886" s="52" t="s">
        <v>108</v>
      </c>
      <c r="H886" s="4">
        <v>5</v>
      </c>
      <c r="I886" s="2">
        <v>0</v>
      </c>
    </row>
    <row r="887" spans="1:9" hidden="1" x14ac:dyDescent="0.35">
      <c r="A887" s="52" t="s">
        <v>78</v>
      </c>
      <c r="B887" s="52" t="s">
        <v>79</v>
      </c>
      <c r="C887" s="3">
        <v>211</v>
      </c>
      <c r="D887" s="52" t="s">
        <v>80</v>
      </c>
      <c r="E887" s="52" t="s">
        <v>134</v>
      </c>
      <c r="F887" s="52" t="s">
        <v>123</v>
      </c>
      <c r="G887" s="52" t="s">
        <v>82</v>
      </c>
      <c r="H887" s="4">
        <v>17</v>
      </c>
      <c r="I887" s="2">
        <v>0</v>
      </c>
    </row>
    <row r="888" spans="1:9" hidden="1" x14ac:dyDescent="0.35">
      <c r="A888" s="52" t="s">
        <v>78</v>
      </c>
      <c r="B888" s="52" t="s">
        <v>79</v>
      </c>
      <c r="C888" s="3">
        <v>211</v>
      </c>
      <c r="D888" s="52" t="s">
        <v>80</v>
      </c>
      <c r="E888" s="52" t="s">
        <v>118</v>
      </c>
      <c r="F888" s="52" t="s">
        <v>119</v>
      </c>
      <c r="G888" s="52" t="s">
        <v>115</v>
      </c>
      <c r="H888" s="4">
        <v>155</v>
      </c>
      <c r="I888" s="2">
        <v>0</v>
      </c>
    </row>
    <row r="889" spans="1:9" hidden="1" x14ac:dyDescent="0.35">
      <c r="A889" s="52" t="s">
        <v>78</v>
      </c>
      <c r="B889" s="52" t="s">
        <v>79</v>
      </c>
      <c r="C889" s="3">
        <v>211</v>
      </c>
      <c r="D889" s="52" t="s">
        <v>80</v>
      </c>
      <c r="E889" s="52" t="s">
        <v>104</v>
      </c>
      <c r="F889" s="52" t="s">
        <v>105</v>
      </c>
      <c r="G889" s="52" t="s">
        <v>82</v>
      </c>
      <c r="H889" s="4">
        <v>26</v>
      </c>
      <c r="I889" s="2">
        <v>0</v>
      </c>
    </row>
    <row r="890" spans="1:9" x14ac:dyDescent="0.35">
      <c r="A890" s="52" t="s">
        <v>78</v>
      </c>
      <c r="B890" s="52" t="s">
        <v>79</v>
      </c>
      <c r="C890" s="3">
        <v>211</v>
      </c>
      <c r="D890" s="52" t="s">
        <v>80</v>
      </c>
      <c r="E890" s="52" t="s">
        <v>132</v>
      </c>
      <c r="F890" s="52" t="s">
        <v>133</v>
      </c>
      <c r="G890" s="52" t="s">
        <v>108</v>
      </c>
      <c r="H890" s="4">
        <v>1</v>
      </c>
      <c r="I890" s="2">
        <v>0</v>
      </c>
    </row>
    <row r="891" spans="1:9" hidden="1" x14ac:dyDescent="0.35">
      <c r="A891" s="52" t="s">
        <v>78</v>
      </c>
      <c r="B891" s="52" t="s">
        <v>79</v>
      </c>
      <c r="C891" s="3">
        <v>212</v>
      </c>
      <c r="D891" s="52" t="s">
        <v>80</v>
      </c>
      <c r="E891" s="52" t="s">
        <v>92</v>
      </c>
      <c r="F891" s="52" t="s">
        <v>93</v>
      </c>
      <c r="G891" s="52" t="s">
        <v>82</v>
      </c>
      <c r="H891" s="4">
        <v>1035</v>
      </c>
      <c r="I891" s="2">
        <v>21537.9</v>
      </c>
    </row>
    <row r="892" spans="1:9" hidden="1" x14ac:dyDescent="0.35">
      <c r="A892" s="52" t="s">
        <v>78</v>
      </c>
      <c r="B892" s="52" t="s">
        <v>79</v>
      </c>
      <c r="C892" s="3">
        <v>212</v>
      </c>
      <c r="D892" s="52" t="s">
        <v>80</v>
      </c>
      <c r="E892" s="52" t="s">
        <v>36</v>
      </c>
      <c r="F892" s="52" t="s">
        <v>95</v>
      </c>
      <c r="G892" s="52" t="s">
        <v>82</v>
      </c>
      <c r="H892" s="4">
        <v>36</v>
      </c>
      <c r="I892" s="2">
        <v>169.2</v>
      </c>
    </row>
    <row r="893" spans="1:9" hidden="1" x14ac:dyDescent="0.35">
      <c r="A893" s="52" t="s">
        <v>78</v>
      </c>
      <c r="B893" s="52" t="s">
        <v>79</v>
      </c>
      <c r="C893" s="3">
        <v>212</v>
      </c>
      <c r="D893" s="52" t="s">
        <v>80</v>
      </c>
      <c r="E893" s="52" t="s">
        <v>26</v>
      </c>
      <c r="F893" s="52" t="s">
        <v>81</v>
      </c>
      <c r="G893" s="52" t="s">
        <v>82</v>
      </c>
      <c r="H893" s="4">
        <v>6</v>
      </c>
      <c r="I893" s="2">
        <v>87.9</v>
      </c>
    </row>
    <row r="894" spans="1:9" x14ac:dyDescent="0.35">
      <c r="A894" s="52" t="s">
        <v>78</v>
      </c>
      <c r="B894" s="52" t="s">
        <v>79</v>
      </c>
      <c r="C894" s="3">
        <v>212</v>
      </c>
      <c r="D894" s="52" t="s">
        <v>80</v>
      </c>
      <c r="E894" s="52" t="s">
        <v>33</v>
      </c>
      <c r="F894" s="52" t="s">
        <v>99</v>
      </c>
      <c r="G894" s="52" t="s">
        <v>82</v>
      </c>
      <c r="H894" s="4">
        <v>1</v>
      </c>
      <c r="I894" s="2">
        <v>48</v>
      </c>
    </row>
    <row r="895" spans="1:9" hidden="1" x14ac:dyDescent="0.35">
      <c r="A895" s="52" t="s">
        <v>78</v>
      </c>
      <c r="B895" s="52" t="s">
        <v>79</v>
      </c>
      <c r="C895" s="3">
        <v>212</v>
      </c>
      <c r="D895" s="52" t="s">
        <v>80</v>
      </c>
      <c r="E895" s="52" t="s">
        <v>38</v>
      </c>
      <c r="F895" s="52" t="s">
        <v>97</v>
      </c>
      <c r="G895" s="52" t="s">
        <v>82</v>
      </c>
      <c r="H895" s="4">
        <v>4</v>
      </c>
      <c r="I895" s="2">
        <v>44.1</v>
      </c>
    </row>
    <row r="896" spans="1:9" x14ac:dyDescent="0.35">
      <c r="A896" s="52" t="s">
        <v>78</v>
      </c>
      <c r="B896" s="52" t="s">
        <v>79</v>
      </c>
      <c r="C896" s="3">
        <v>212</v>
      </c>
      <c r="D896" s="52" t="s">
        <v>80</v>
      </c>
      <c r="E896" s="52" t="s">
        <v>90</v>
      </c>
      <c r="F896" s="52" t="s">
        <v>91</v>
      </c>
      <c r="G896" s="52" t="s">
        <v>82</v>
      </c>
      <c r="H896" s="4">
        <v>1</v>
      </c>
      <c r="I896" s="2">
        <v>6.99</v>
      </c>
    </row>
    <row r="897" spans="1:9" hidden="1" x14ac:dyDescent="0.35">
      <c r="A897" s="52" t="s">
        <v>78</v>
      </c>
      <c r="B897" s="52" t="s">
        <v>79</v>
      </c>
      <c r="C897" s="3">
        <v>212</v>
      </c>
      <c r="D897" s="52" t="s">
        <v>80</v>
      </c>
      <c r="E897" s="52" t="s">
        <v>139</v>
      </c>
      <c r="F897" s="52" t="s">
        <v>140</v>
      </c>
      <c r="G897" s="52" t="s">
        <v>82</v>
      </c>
      <c r="H897" s="4">
        <v>3</v>
      </c>
      <c r="I897" s="2">
        <v>0</v>
      </c>
    </row>
    <row r="898" spans="1:9" hidden="1" x14ac:dyDescent="0.35">
      <c r="A898" s="52" t="s">
        <v>78</v>
      </c>
      <c r="B898" s="52" t="s">
        <v>79</v>
      </c>
      <c r="C898" s="3">
        <v>212</v>
      </c>
      <c r="D898" s="52" t="s">
        <v>80</v>
      </c>
      <c r="E898" s="52" t="s">
        <v>111</v>
      </c>
      <c r="F898" s="52" t="s">
        <v>95</v>
      </c>
      <c r="G898" s="52" t="s">
        <v>82</v>
      </c>
      <c r="H898" s="4">
        <v>2</v>
      </c>
      <c r="I898" s="2">
        <v>0</v>
      </c>
    </row>
    <row r="899" spans="1:9" hidden="1" x14ac:dyDescent="0.35">
      <c r="A899" s="52" t="s">
        <v>78</v>
      </c>
      <c r="B899" s="52" t="s">
        <v>79</v>
      </c>
      <c r="C899" s="3">
        <v>212</v>
      </c>
      <c r="D899" s="52" t="s">
        <v>80</v>
      </c>
      <c r="E899" s="52" t="s">
        <v>134</v>
      </c>
      <c r="F899" s="52" t="s">
        <v>123</v>
      </c>
      <c r="G899" s="52" t="s">
        <v>82</v>
      </c>
      <c r="H899" s="4">
        <v>5</v>
      </c>
      <c r="I899" s="2">
        <v>0</v>
      </c>
    </row>
    <row r="900" spans="1:9" hidden="1" x14ac:dyDescent="0.35">
      <c r="A900" s="52" t="s">
        <v>78</v>
      </c>
      <c r="B900" s="52" t="s">
        <v>79</v>
      </c>
      <c r="C900" s="3">
        <v>212</v>
      </c>
      <c r="D900" s="52" t="s">
        <v>80</v>
      </c>
      <c r="E900" s="52" t="s">
        <v>102</v>
      </c>
      <c r="F900" s="52" t="s">
        <v>107</v>
      </c>
      <c r="G900" s="52" t="s">
        <v>108</v>
      </c>
      <c r="H900" s="4">
        <v>2</v>
      </c>
      <c r="I900" s="2">
        <v>0</v>
      </c>
    </row>
    <row r="901" spans="1:9" hidden="1" x14ac:dyDescent="0.35">
      <c r="A901" s="52" t="s">
        <v>78</v>
      </c>
      <c r="B901" s="52" t="s">
        <v>79</v>
      </c>
      <c r="C901" s="3">
        <v>212</v>
      </c>
      <c r="D901" s="52" t="s">
        <v>80</v>
      </c>
      <c r="E901" s="52" t="s">
        <v>102</v>
      </c>
      <c r="F901" s="52" t="s">
        <v>103</v>
      </c>
      <c r="G901" s="52" t="s">
        <v>82</v>
      </c>
      <c r="H901" s="4">
        <v>17</v>
      </c>
      <c r="I901" s="2">
        <v>0</v>
      </c>
    </row>
    <row r="902" spans="1:9" hidden="1" x14ac:dyDescent="0.35">
      <c r="A902" s="52" t="s">
        <v>78</v>
      </c>
      <c r="B902" s="52" t="s">
        <v>79</v>
      </c>
      <c r="C902" s="3">
        <v>212</v>
      </c>
      <c r="D902" s="52" t="s">
        <v>80</v>
      </c>
      <c r="E902" s="52" t="s">
        <v>111</v>
      </c>
      <c r="F902" s="52" t="s">
        <v>93</v>
      </c>
      <c r="G902" s="52" t="s">
        <v>82</v>
      </c>
      <c r="H902" s="4">
        <v>3</v>
      </c>
      <c r="I902" s="2">
        <v>0</v>
      </c>
    </row>
    <row r="903" spans="1:9" x14ac:dyDescent="0.35">
      <c r="A903" s="52" t="s">
        <v>78</v>
      </c>
      <c r="B903" s="52" t="s">
        <v>79</v>
      </c>
      <c r="C903" s="3">
        <v>212</v>
      </c>
      <c r="D903" s="52" t="s">
        <v>80</v>
      </c>
      <c r="E903" s="52" t="s">
        <v>102</v>
      </c>
      <c r="F903" s="52" t="s">
        <v>124</v>
      </c>
      <c r="G903" s="52" t="s">
        <v>108</v>
      </c>
      <c r="H903" s="4">
        <v>1</v>
      </c>
      <c r="I903" s="2">
        <v>0</v>
      </c>
    </row>
    <row r="904" spans="1:9" x14ac:dyDescent="0.35">
      <c r="A904" s="52" t="s">
        <v>78</v>
      </c>
      <c r="B904" s="52" t="s">
        <v>79</v>
      </c>
      <c r="C904" s="3">
        <v>212</v>
      </c>
      <c r="D904" s="52" t="s">
        <v>80</v>
      </c>
      <c r="E904" s="52" t="s">
        <v>109</v>
      </c>
      <c r="F904" s="52" t="s">
        <v>110</v>
      </c>
      <c r="G904" s="52" t="s">
        <v>108</v>
      </c>
      <c r="H904" s="4">
        <v>1</v>
      </c>
      <c r="I904" s="2">
        <v>0</v>
      </c>
    </row>
    <row r="905" spans="1:9" hidden="1" x14ac:dyDescent="0.35">
      <c r="A905" s="52" t="s">
        <v>78</v>
      </c>
      <c r="B905" s="52" t="s">
        <v>79</v>
      </c>
      <c r="C905" s="3">
        <v>212</v>
      </c>
      <c r="D905" s="52" t="s">
        <v>80</v>
      </c>
      <c r="E905" s="52" t="s">
        <v>111</v>
      </c>
      <c r="F905" s="52" t="s">
        <v>101</v>
      </c>
      <c r="G905" s="52" t="s">
        <v>82</v>
      </c>
      <c r="H905" s="4">
        <v>7</v>
      </c>
      <c r="I905" s="2">
        <v>0</v>
      </c>
    </row>
    <row r="906" spans="1:9" hidden="1" x14ac:dyDescent="0.35">
      <c r="A906" s="52" t="s">
        <v>78</v>
      </c>
      <c r="B906" s="52" t="s">
        <v>79</v>
      </c>
      <c r="C906" s="3">
        <v>212</v>
      </c>
      <c r="D906" s="52" t="s">
        <v>80</v>
      </c>
      <c r="E906" s="52" t="s">
        <v>102</v>
      </c>
      <c r="F906" s="52" t="s">
        <v>116</v>
      </c>
      <c r="G906" s="52" t="s">
        <v>115</v>
      </c>
      <c r="H906" s="4">
        <v>37</v>
      </c>
      <c r="I906" s="2">
        <v>0</v>
      </c>
    </row>
    <row r="907" spans="1:9" hidden="1" x14ac:dyDescent="0.35">
      <c r="A907" s="52" t="s">
        <v>78</v>
      </c>
      <c r="B907" s="52" t="s">
        <v>79</v>
      </c>
      <c r="C907" s="3">
        <v>212</v>
      </c>
      <c r="D907" s="52" t="s">
        <v>80</v>
      </c>
      <c r="E907" s="52" t="s">
        <v>113</v>
      </c>
      <c r="F907" s="52" t="s">
        <v>114</v>
      </c>
      <c r="G907" s="52" t="s">
        <v>115</v>
      </c>
      <c r="H907" s="4">
        <v>93</v>
      </c>
      <c r="I907" s="2">
        <v>0</v>
      </c>
    </row>
    <row r="908" spans="1:9" hidden="1" x14ac:dyDescent="0.35">
      <c r="A908" s="52" t="s">
        <v>78</v>
      </c>
      <c r="B908" s="52" t="s">
        <v>79</v>
      </c>
      <c r="C908" s="3">
        <v>212</v>
      </c>
      <c r="D908" s="52" t="s">
        <v>80</v>
      </c>
      <c r="E908" s="52" t="s">
        <v>118</v>
      </c>
      <c r="F908" s="52" t="s">
        <v>119</v>
      </c>
      <c r="G908" s="52" t="s">
        <v>115</v>
      </c>
      <c r="H908" s="4">
        <v>37</v>
      </c>
      <c r="I908" s="2">
        <v>0</v>
      </c>
    </row>
    <row r="909" spans="1:9" hidden="1" x14ac:dyDescent="0.35">
      <c r="A909" s="52" t="s">
        <v>78</v>
      </c>
      <c r="B909" s="52" t="s">
        <v>79</v>
      </c>
      <c r="C909" s="3">
        <v>212</v>
      </c>
      <c r="D909" s="52" t="s">
        <v>80</v>
      </c>
      <c r="E909" s="52" t="s">
        <v>117</v>
      </c>
      <c r="F909" s="52" t="s">
        <v>116</v>
      </c>
      <c r="G909" s="52" t="s">
        <v>82</v>
      </c>
      <c r="H909" s="4">
        <v>70</v>
      </c>
      <c r="I909" s="2">
        <v>0</v>
      </c>
    </row>
    <row r="910" spans="1:9" hidden="1" x14ac:dyDescent="0.35">
      <c r="A910" s="52" t="s">
        <v>78</v>
      </c>
      <c r="B910" s="52" t="s">
        <v>79</v>
      </c>
      <c r="C910" s="3">
        <v>212</v>
      </c>
      <c r="D910" s="52" t="s">
        <v>80</v>
      </c>
      <c r="E910" s="52" t="s">
        <v>135</v>
      </c>
      <c r="F910" s="52" t="s">
        <v>112</v>
      </c>
      <c r="G910" s="52" t="s">
        <v>82</v>
      </c>
      <c r="H910" s="4">
        <v>80</v>
      </c>
      <c r="I910" s="2">
        <v>0</v>
      </c>
    </row>
    <row r="911" spans="1:9" x14ac:dyDescent="0.35">
      <c r="A911" s="52" t="s">
        <v>78</v>
      </c>
      <c r="B911" s="52" t="s">
        <v>79</v>
      </c>
      <c r="C911" s="3">
        <v>212</v>
      </c>
      <c r="D911" s="52" t="s">
        <v>80</v>
      </c>
      <c r="E911" s="52" t="s">
        <v>122</v>
      </c>
      <c r="F911" s="52" t="s">
        <v>123</v>
      </c>
      <c r="G911" s="52" t="s">
        <v>108</v>
      </c>
      <c r="H911" s="4">
        <v>1</v>
      </c>
      <c r="I911" s="2">
        <v>0</v>
      </c>
    </row>
    <row r="912" spans="1:9" x14ac:dyDescent="0.35">
      <c r="A912" s="52" t="s">
        <v>78</v>
      </c>
      <c r="B912" s="52" t="s">
        <v>79</v>
      </c>
      <c r="C912" s="3">
        <v>212</v>
      </c>
      <c r="D912" s="52" t="s">
        <v>80</v>
      </c>
      <c r="E912" s="52" t="s">
        <v>126</v>
      </c>
      <c r="F912" s="52" t="s">
        <v>101</v>
      </c>
      <c r="G912" s="52" t="s">
        <v>82</v>
      </c>
      <c r="H912" s="4">
        <v>1</v>
      </c>
      <c r="I912" s="2">
        <v>0</v>
      </c>
    </row>
    <row r="913" spans="1:9" hidden="1" x14ac:dyDescent="0.35">
      <c r="A913" s="52" t="s">
        <v>78</v>
      </c>
      <c r="B913" s="52" t="s">
        <v>79</v>
      </c>
      <c r="C913" s="3">
        <v>212</v>
      </c>
      <c r="D913" s="52" t="s">
        <v>80</v>
      </c>
      <c r="E913" s="52" t="s">
        <v>120</v>
      </c>
      <c r="F913" s="52" t="s">
        <v>116</v>
      </c>
      <c r="G913" s="52" t="s">
        <v>115</v>
      </c>
      <c r="H913" s="4">
        <v>37</v>
      </c>
      <c r="I913" s="2">
        <v>0</v>
      </c>
    </row>
    <row r="914" spans="1:9" x14ac:dyDescent="0.35">
      <c r="A914" s="52" t="s">
        <v>78</v>
      </c>
      <c r="B914" s="52" t="s">
        <v>79</v>
      </c>
      <c r="C914" s="3">
        <v>213</v>
      </c>
      <c r="D914" s="52" t="s">
        <v>80</v>
      </c>
      <c r="E914" s="52" t="s">
        <v>92</v>
      </c>
      <c r="F914" s="52" t="s">
        <v>93</v>
      </c>
      <c r="G914" s="52" t="s">
        <v>82</v>
      </c>
      <c r="H914" s="4">
        <v>1</v>
      </c>
      <c r="I914" s="2">
        <v>1.87</v>
      </c>
    </row>
    <row r="915" spans="1:9" x14ac:dyDescent="0.35">
      <c r="A915" s="52" t="s">
        <v>78</v>
      </c>
      <c r="B915" s="52" t="s">
        <v>79</v>
      </c>
      <c r="C915" s="3">
        <v>213</v>
      </c>
      <c r="D915" s="52" t="s">
        <v>80</v>
      </c>
      <c r="E915" s="52" t="s">
        <v>102</v>
      </c>
      <c r="F915" s="52" t="s">
        <v>107</v>
      </c>
      <c r="G915" s="52" t="s">
        <v>108</v>
      </c>
      <c r="H915" s="4">
        <v>1</v>
      </c>
      <c r="I915" s="2">
        <v>0</v>
      </c>
    </row>
    <row r="916" spans="1:9" hidden="1" x14ac:dyDescent="0.35">
      <c r="A916" s="52" t="s">
        <v>78</v>
      </c>
      <c r="B916" s="52" t="s">
        <v>79</v>
      </c>
      <c r="C916" s="3">
        <v>213</v>
      </c>
      <c r="D916" s="52" t="s">
        <v>80</v>
      </c>
      <c r="E916" s="52" t="s">
        <v>102</v>
      </c>
      <c r="F916" s="52" t="s">
        <v>103</v>
      </c>
      <c r="G916" s="52" t="s">
        <v>82</v>
      </c>
      <c r="H916" s="4">
        <v>3</v>
      </c>
      <c r="I916" s="2">
        <v>0</v>
      </c>
    </row>
    <row r="917" spans="1:9" hidden="1" x14ac:dyDescent="0.35">
      <c r="A917" s="52" t="s">
        <v>78</v>
      </c>
      <c r="B917" s="52" t="s">
        <v>79</v>
      </c>
      <c r="C917" s="3">
        <v>216</v>
      </c>
      <c r="D917" s="52" t="s">
        <v>80</v>
      </c>
      <c r="E917" s="52" t="s">
        <v>92</v>
      </c>
      <c r="F917" s="52" t="s">
        <v>93</v>
      </c>
      <c r="G917" s="52" t="s">
        <v>82</v>
      </c>
      <c r="H917" s="4">
        <v>42</v>
      </c>
      <c r="I917" s="2">
        <v>1442.91</v>
      </c>
    </row>
    <row r="918" spans="1:9" x14ac:dyDescent="0.35">
      <c r="A918" s="52" t="s">
        <v>78</v>
      </c>
      <c r="B918" s="52" t="s">
        <v>79</v>
      </c>
      <c r="C918" s="3">
        <v>216</v>
      </c>
      <c r="D918" s="52" t="s">
        <v>80</v>
      </c>
      <c r="E918" s="52" t="s">
        <v>36</v>
      </c>
      <c r="F918" s="52" t="s">
        <v>95</v>
      </c>
      <c r="G918" s="52" t="s">
        <v>82</v>
      </c>
      <c r="H918" s="4">
        <v>1</v>
      </c>
      <c r="I918" s="2">
        <v>4.7</v>
      </c>
    </row>
    <row r="919" spans="1:9" x14ac:dyDescent="0.35">
      <c r="A919" s="52" t="s">
        <v>78</v>
      </c>
      <c r="B919" s="52" t="s">
        <v>79</v>
      </c>
      <c r="C919" s="3">
        <v>216</v>
      </c>
      <c r="D919" s="52" t="s">
        <v>80</v>
      </c>
      <c r="E919" s="52" t="s">
        <v>139</v>
      </c>
      <c r="F919" s="52" t="s">
        <v>140</v>
      </c>
      <c r="G919" s="52" t="s">
        <v>82</v>
      </c>
      <c r="H919" s="4">
        <v>1</v>
      </c>
      <c r="I919" s="2">
        <v>0</v>
      </c>
    </row>
    <row r="920" spans="1:9" hidden="1" x14ac:dyDescent="0.35">
      <c r="A920" s="52" t="s">
        <v>78</v>
      </c>
      <c r="B920" s="52" t="s">
        <v>79</v>
      </c>
      <c r="C920" s="3">
        <v>216</v>
      </c>
      <c r="D920" s="52" t="s">
        <v>80</v>
      </c>
      <c r="E920" s="52" t="s">
        <v>135</v>
      </c>
      <c r="F920" s="52" t="s">
        <v>112</v>
      </c>
      <c r="G920" s="52" t="s">
        <v>82</v>
      </c>
      <c r="H920" s="4">
        <v>2</v>
      </c>
      <c r="I920" s="2">
        <v>0</v>
      </c>
    </row>
    <row r="921" spans="1:9" hidden="1" x14ac:dyDescent="0.35">
      <c r="A921" s="52" t="s">
        <v>78</v>
      </c>
      <c r="B921" s="52" t="s">
        <v>79</v>
      </c>
      <c r="C921" s="3">
        <v>216</v>
      </c>
      <c r="D921" s="52" t="s">
        <v>80</v>
      </c>
      <c r="E921" s="52" t="s">
        <v>102</v>
      </c>
      <c r="F921" s="52" t="s">
        <v>103</v>
      </c>
      <c r="G921" s="52" t="s">
        <v>82</v>
      </c>
      <c r="H921" s="4">
        <v>11</v>
      </c>
      <c r="I921" s="2">
        <v>0</v>
      </c>
    </row>
    <row r="922" spans="1:9" hidden="1" x14ac:dyDescent="0.35">
      <c r="A922" s="52" t="s">
        <v>78</v>
      </c>
      <c r="B922" s="52" t="s">
        <v>79</v>
      </c>
      <c r="C922" s="3">
        <v>216</v>
      </c>
      <c r="D922" s="52" t="s">
        <v>80</v>
      </c>
      <c r="E922" s="52" t="s">
        <v>113</v>
      </c>
      <c r="F922" s="52" t="s">
        <v>114</v>
      </c>
      <c r="G922" s="52" t="s">
        <v>115</v>
      </c>
      <c r="H922" s="4">
        <v>3</v>
      </c>
      <c r="I922" s="2">
        <v>0</v>
      </c>
    </row>
    <row r="923" spans="1:9" hidden="1" x14ac:dyDescent="0.35">
      <c r="A923" s="52" t="s">
        <v>78</v>
      </c>
      <c r="B923" s="52" t="s">
        <v>79</v>
      </c>
      <c r="C923" s="3">
        <v>221</v>
      </c>
      <c r="D923" s="52" t="s">
        <v>80</v>
      </c>
      <c r="E923" s="52" t="s">
        <v>92</v>
      </c>
      <c r="F923" s="52" t="s">
        <v>93</v>
      </c>
      <c r="G923" s="52" t="s">
        <v>82</v>
      </c>
      <c r="H923" s="4">
        <v>79</v>
      </c>
      <c r="I923" s="2">
        <v>8252.07</v>
      </c>
    </row>
    <row r="924" spans="1:9" hidden="1" x14ac:dyDescent="0.35">
      <c r="A924" s="52" t="s">
        <v>78</v>
      </c>
      <c r="B924" s="52" t="s">
        <v>79</v>
      </c>
      <c r="C924" s="3">
        <v>221</v>
      </c>
      <c r="D924" s="52" t="s">
        <v>80</v>
      </c>
      <c r="E924" s="52" t="s">
        <v>118</v>
      </c>
      <c r="F924" s="52" t="s">
        <v>119</v>
      </c>
      <c r="G924" s="52" t="s">
        <v>115</v>
      </c>
      <c r="H924" s="4">
        <v>4</v>
      </c>
      <c r="I924" s="2">
        <v>0</v>
      </c>
    </row>
    <row r="925" spans="1:9" x14ac:dyDescent="0.35">
      <c r="A925" s="52" t="s">
        <v>78</v>
      </c>
      <c r="B925" s="52" t="s">
        <v>79</v>
      </c>
      <c r="C925" s="3">
        <v>221</v>
      </c>
      <c r="D925" s="52" t="s">
        <v>80</v>
      </c>
      <c r="E925" s="52" t="s">
        <v>111</v>
      </c>
      <c r="F925" s="52" t="s">
        <v>103</v>
      </c>
      <c r="G925" s="52" t="s">
        <v>82</v>
      </c>
      <c r="H925" s="4">
        <v>1</v>
      </c>
      <c r="I925" s="2">
        <v>0</v>
      </c>
    </row>
    <row r="926" spans="1:9" hidden="1" x14ac:dyDescent="0.35">
      <c r="A926" s="52" t="s">
        <v>78</v>
      </c>
      <c r="B926" s="52" t="s">
        <v>79</v>
      </c>
      <c r="C926" s="3">
        <v>221</v>
      </c>
      <c r="D926" s="52" t="s">
        <v>80</v>
      </c>
      <c r="E926" s="52" t="s">
        <v>102</v>
      </c>
      <c r="F926" s="52" t="s">
        <v>103</v>
      </c>
      <c r="G926" s="52" t="s">
        <v>82</v>
      </c>
      <c r="H926" s="4">
        <v>3</v>
      </c>
      <c r="I926" s="2">
        <v>0</v>
      </c>
    </row>
    <row r="927" spans="1:9" x14ac:dyDescent="0.35">
      <c r="A927" s="52" t="s">
        <v>78</v>
      </c>
      <c r="B927" s="52" t="s">
        <v>79</v>
      </c>
      <c r="C927" s="3">
        <v>221</v>
      </c>
      <c r="D927" s="52" t="s">
        <v>80</v>
      </c>
      <c r="E927" s="52" t="s">
        <v>139</v>
      </c>
      <c r="F927" s="52" t="s">
        <v>140</v>
      </c>
      <c r="G927" s="52" t="s">
        <v>82</v>
      </c>
      <c r="H927" s="4">
        <v>1</v>
      </c>
      <c r="I927" s="2">
        <v>0</v>
      </c>
    </row>
    <row r="928" spans="1:9" hidden="1" x14ac:dyDescent="0.35">
      <c r="A928" s="52" t="s">
        <v>78</v>
      </c>
      <c r="B928" s="52" t="s">
        <v>79</v>
      </c>
      <c r="C928" s="3">
        <v>221</v>
      </c>
      <c r="D928" s="52" t="s">
        <v>80</v>
      </c>
      <c r="E928" s="52" t="s">
        <v>117</v>
      </c>
      <c r="F928" s="52" t="s">
        <v>116</v>
      </c>
      <c r="G928" s="52" t="s">
        <v>82</v>
      </c>
      <c r="H928" s="4">
        <v>4</v>
      </c>
      <c r="I928" s="2">
        <v>0</v>
      </c>
    </row>
    <row r="929" spans="1:9" hidden="1" x14ac:dyDescent="0.35">
      <c r="A929" s="52" t="s">
        <v>78</v>
      </c>
      <c r="B929" s="52" t="s">
        <v>79</v>
      </c>
      <c r="C929" s="3">
        <v>221</v>
      </c>
      <c r="D929" s="52" t="s">
        <v>80</v>
      </c>
      <c r="E929" s="52" t="s">
        <v>111</v>
      </c>
      <c r="F929" s="52" t="s">
        <v>101</v>
      </c>
      <c r="G929" s="52" t="s">
        <v>82</v>
      </c>
      <c r="H929" s="4">
        <v>3</v>
      </c>
      <c r="I929" s="2">
        <v>0</v>
      </c>
    </row>
    <row r="930" spans="1:9" hidden="1" x14ac:dyDescent="0.35">
      <c r="A930" s="52" t="s">
        <v>78</v>
      </c>
      <c r="B930" s="52" t="s">
        <v>79</v>
      </c>
      <c r="C930" s="3">
        <v>221</v>
      </c>
      <c r="D930" s="52" t="s">
        <v>80</v>
      </c>
      <c r="E930" s="52" t="s">
        <v>113</v>
      </c>
      <c r="F930" s="52" t="s">
        <v>114</v>
      </c>
      <c r="G930" s="52" t="s">
        <v>115</v>
      </c>
      <c r="H930" s="4">
        <v>12</v>
      </c>
      <c r="I930" s="2">
        <v>0</v>
      </c>
    </row>
    <row r="931" spans="1:9" hidden="1" x14ac:dyDescent="0.35">
      <c r="A931" s="52" t="s">
        <v>78</v>
      </c>
      <c r="B931" s="52" t="s">
        <v>79</v>
      </c>
      <c r="C931" s="3">
        <v>221</v>
      </c>
      <c r="D931" s="52" t="s">
        <v>80</v>
      </c>
      <c r="E931" s="52" t="s">
        <v>102</v>
      </c>
      <c r="F931" s="52" t="s">
        <v>116</v>
      </c>
      <c r="G931" s="52" t="s">
        <v>115</v>
      </c>
      <c r="H931" s="4">
        <v>4</v>
      </c>
      <c r="I931" s="2">
        <v>0</v>
      </c>
    </row>
    <row r="932" spans="1:9" hidden="1" x14ac:dyDescent="0.35">
      <c r="A932" s="52" t="s">
        <v>78</v>
      </c>
      <c r="B932" s="52" t="s">
        <v>79</v>
      </c>
      <c r="C932" s="3">
        <v>221</v>
      </c>
      <c r="D932" s="52" t="s">
        <v>80</v>
      </c>
      <c r="E932" s="52" t="s">
        <v>120</v>
      </c>
      <c r="F932" s="52" t="s">
        <v>116</v>
      </c>
      <c r="G932" s="52" t="s">
        <v>115</v>
      </c>
      <c r="H932" s="4">
        <v>4</v>
      </c>
      <c r="I932" s="2">
        <v>0</v>
      </c>
    </row>
    <row r="933" spans="1:9" x14ac:dyDescent="0.35">
      <c r="A933" s="52" t="s">
        <v>78</v>
      </c>
      <c r="B933" s="52" t="s">
        <v>79</v>
      </c>
      <c r="C933" s="3">
        <v>221</v>
      </c>
      <c r="D933" s="52" t="s">
        <v>80</v>
      </c>
      <c r="E933" s="52" t="s">
        <v>135</v>
      </c>
      <c r="F933" s="52" t="s">
        <v>112</v>
      </c>
      <c r="G933" s="52" t="s">
        <v>82</v>
      </c>
      <c r="H933" s="4">
        <v>1</v>
      </c>
      <c r="I933" s="2">
        <v>0</v>
      </c>
    </row>
    <row r="934" spans="1:9" x14ac:dyDescent="0.35">
      <c r="A934" s="52" t="s">
        <v>78</v>
      </c>
      <c r="B934" s="52" t="s">
        <v>79</v>
      </c>
      <c r="C934" s="3">
        <v>221</v>
      </c>
      <c r="D934" s="52" t="s">
        <v>80</v>
      </c>
      <c r="E934" s="52" t="s">
        <v>111</v>
      </c>
      <c r="F934" s="52" t="s">
        <v>105</v>
      </c>
      <c r="G934" s="52" t="s">
        <v>82</v>
      </c>
      <c r="H934" s="4">
        <v>1</v>
      </c>
      <c r="I934" s="2">
        <v>0</v>
      </c>
    </row>
    <row r="935" spans="1:9" hidden="1" x14ac:dyDescent="0.35">
      <c r="A935" s="52" t="s">
        <v>78</v>
      </c>
      <c r="B935" s="52" t="s">
        <v>79</v>
      </c>
      <c r="C935" s="3">
        <v>222</v>
      </c>
      <c r="D935" s="52" t="s">
        <v>80</v>
      </c>
      <c r="E935" s="52" t="s">
        <v>92</v>
      </c>
      <c r="F935" s="52" t="s">
        <v>93</v>
      </c>
      <c r="G935" s="52" t="s">
        <v>82</v>
      </c>
      <c r="H935" s="4">
        <v>5</v>
      </c>
      <c r="I935" s="2">
        <v>149.63</v>
      </c>
    </row>
    <row r="936" spans="1:9" x14ac:dyDescent="0.35">
      <c r="A936" s="52" t="s">
        <v>78</v>
      </c>
      <c r="B936" s="52" t="s">
        <v>79</v>
      </c>
      <c r="C936" s="3">
        <v>222</v>
      </c>
      <c r="D936" s="52" t="s">
        <v>80</v>
      </c>
      <c r="E936" s="52" t="s">
        <v>36</v>
      </c>
      <c r="F936" s="52" t="s">
        <v>95</v>
      </c>
      <c r="G936" s="52" t="s">
        <v>82</v>
      </c>
      <c r="H936" s="4">
        <v>1</v>
      </c>
      <c r="I936" s="2">
        <v>4.7</v>
      </c>
    </row>
    <row r="937" spans="1:9" hidden="1" x14ac:dyDescent="0.35">
      <c r="A937" s="52" t="s">
        <v>78</v>
      </c>
      <c r="B937" s="52" t="s">
        <v>79</v>
      </c>
      <c r="C937" s="3">
        <v>230</v>
      </c>
      <c r="D937" s="52" t="s">
        <v>80</v>
      </c>
      <c r="E937" s="52" t="s">
        <v>92</v>
      </c>
      <c r="F937" s="52" t="s">
        <v>93</v>
      </c>
      <c r="G937" s="52" t="s">
        <v>82</v>
      </c>
      <c r="H937" s="4">
        <v>37</v>
      </c>
      <c r="I937" s="2">
        <v>21471.97</v>
      </c>
    </row>
    <row r="938" spans="1:9" x14ac:dyDescent="0.35">
      <c r="A938" s="52" t="s">
        <v>78</v>
      </c>
      <c r="B938" s="52" t="s">
        <v>79</v>
      </c>
      <c r="C938" s="3">
        <v>230</v>
      </c>
      <c r="D938" s="52" t="s">
        <v>80</v>
      </c>
      <c r="E938" s="52" t="s">
        <v>26</v>
      </c>
      <c r="F938" s="52" t="s">
        <v>81</v>
      </c>
      <c r="G938" s="52" t="s">
        <v>82</v>
      </c>
      <c r="H938" s="4">
        <v>1</v>
      </c>
      <c r="I938" s="2">
        <v>14.65</v>
      </c>
    </row>
    <row r="939" spans="1:9" x14ac:dyDescent="0.35">
      <c r="A939" s="52" t="s">
        <v>78</v>
      </c>
      <c r="B939" s="52" t="s">
        <v>79</v>
      </c>
      <c r="C939" s="3">
        <v>230</v>
      </c>
      <c r="D939" s="52" t="s">
        <v>80</v>
      </c>
      <c r="E939" s="52" t="s">
        <v>36</v>
      </c>
      <c r="F939" s="52" t="s">
        <v>95</v>
      </c>
      <c r="G939" s="52" t="s">
        <v>82</v>
      </c>
      <c r="H939" s="4">
        <v>1</v>
      </c>
      <c r="I939" s="2">
        <v>4.7</v>
      </c>
    </row>
    <row r="940" spans="1:9" x14ac:dyDescent="0.35">
      <c r="A940" s="52" t="s">
        <v>78</v>
      </c>
      <c r="B940" s="52" t="s">
        <v>79</v>
      </c>
      <c r="C940" s="3">
        <v>230</v>
      </c>
      <c r="D940" s="52" t="s">
        <v>80</v>
      </c>
      <c r="E940" s="52" t="s">
        <v>102</v>
      </c>
      <c r="F940" s="52" t="s">
        <v>103</v>
      </c>
      <c r="G940" s="52" t="s">
        <v>82</v>
      </c>
      <c r="H940" s="4">
        <v>1</v>
      </c>
      <c r="I940" s="2">
        <v>0</v>
      </c>
    </row>
    <row r="941" spans="1:9" hidden="1" x14ac:dyDescent="0.35">
      <c r="A941" s="52" t="s">
        <v>78</v>
      </c>
      <c r="B941" s="52" t="s">
        <v>79</v>
      </c>
      <c r="C941" s="3">
        <v>230</v>
      </c>
      <c r="D941" s="52" t="s">
        <v>80</v>
      </c>
      <c r="E941" s="52" t="s">
        <v>117</v>
      </c>
      <c r="F941" s="52" t="s">
        <v>116</v>
      </c>
      <c r="G941" s="52" t="s">
        <v>82</v>
      </c>
      <c r="H941" s="4">
        <v>10</v>
      </c>
      <c r="I941" s="2">
        <v>0</v>
      </c>
    </row>
    <row r="942" spans="1:9" hidden="1" x14ac:dyDescent="0.35">
      <c r="A942" s="52" t="s">
        <v>78</v>
      </c>
      <c r="B942" s="52" t="s">
        <v>79</v>
      </c>
      <c r="C942" s="3">
        <v>230</v>
      </c>
      <c r="D942" s="52" t="s">
        <v>80</v>
      </c>
      <c r="E942" s="52" t="s">
        <v>102</v>
      </c>
      <c r="F942" s="52" t="s">
        <v>116</v>
      </c>
      <c r="G942" s="52" t="s">
        <v>115</v>
      </c>
      <c r="H942" s="4">
        <v>8</v>
      </c>
      <c r="I942" s="2">
        <v>0</v>
      </c>
    </row>
    <row r="943" spans="1:9" hidden="1" x14ac:dyDescent="0.35">
      <c r="A943" s="52" t="s">
        <v>78</v>
      </c>
      <c r="B943" s="52" t="s">
        <v>79</v>
      </c>
      <c r="C943" s="3">
        <v>230</v>
      </c>
      <c r="D943" s="52" t="s">
        <v>80</v>
      </c>
      <c r="E943" s="52" t="s">
        <v>120</v>
      </c>
      <c r="F943" s="52" t="s">
        <v>116</v>
      </c>
      <c r="G943" s="52" t="s">
        <v>115</v>
      </c>
      <c r="H943" s="4">
        <v>8</v>
      </c>
      <c r="I943" s="2">
        <v>0</v>
      </c>
    </row>
    <row r="944" spans="1:9" hidden="1" x14ac:dyDescent="0.35">
      <c r="A944" s="52" t="s">
        <v>78</v>
      </c>
      <c r="B944" s="52" t="s">
        <v>79</v>
      </c>
      <c r="C944" s="3">
        <v>230</v>
      </c>
      <c r="D944" s="52" t="s">
        <v>80</v>
      </c>
      <c r="E944" s="52" t="s">
        <v>118</v>
      </c>
      <c r="F944" s="52" t="s">
        <v>119</v>
      </c>
      <c r="G944" s="52" t="s">
        <v>115</v>
      </c>
      <c r="H944" s="4">
        <v>8</v>
      </c>
      <c r="I944" s="2">
        <v>0</v>
      </c>
    </row>
    <row r="945" spans="1:9" hidden="1" x14ac:dyDescent="0.35">
      <c r="A945" s="52" t="s">
        <v>78</v>
      </c>
      <c r="B945" s="52" t="s">
        <v>79</v>
      </c>
      <c r="C945" s="3">
        <v>230</v>
      </c>
      <c r="D945" s="52" t="s">
        <v>80</v>
      </c>
      <c r="E945" s="52" t="s">
        <v>139</v>
      </c>
      <c r="F945" s="52" t="s">
        <v>140</v>
      </c>
      <c r="G945" s="52" t="s">
        <v>82</v>
      </c>
      <c r="H945" s="4">
        <v>2</v>
      </c>
      <c r="I945" s="2">
        <v>0</v>
      </c>
    </row>
    <row r="946" spans="1:9" x14ac:dyDescent="0.35">
      <c r="A946" s="52" t="s">
        <v>78</v>
      </c>
      <c r="B946" s="52" t="s">
        <v>79</v>
      </c>
      <c r="C946" s="3">
        <v>400</v>
      </c>
      <c r="D946" s="52" t="s">
        <v>80</v>
      </c>
      <c r="E946" s="52" t="s">
        <v>102</v>
      </c>
      <c r="F946" s="52" t="s">
        <v>103</v>
      </c>
      <c r="G946" s="52" t="s">
        <v>82</v>
      </c>
      <c r="H946" s="4">
        <v>1</v>
      </c>
      <c r="I946" s="2">
        <v>0</v>
      </c>
    </row>
    <row r="947" spans="1:9" hidden="1" x14ac:dyDescent="0.35">
      <c r="A947" s="52" t="s">
        <v>78</v>
      </c>
      <c r="B947" s="52" t="s">
        <v>79</v>
      </c>
      <c r="C947" s="3">
        <v>0</v>
      </c>
      <c r="D947" s="52" t="s">
        <v>83</v>
      </c>
      <c r="E947" s="52" t="s">
        <v>92</v>
      </c>
      <c r="F947" s="52" t="s">
        <v>93</v>
      </c>
      <c r="G947" s="52" t="s">
        <v>82</v>
      </c>
      <c r="H947" s="4">
        <v>165</v>
      </c>
      <c r="I947" s="2">
        <v>6574.52</v>
      </c>
    </row>
    <row r="948" spans="1:9" hidden="1" x14ac:dyDescent="0.35">
      <c r="A948" s="52" t="s">
        <v>78</v>
      </c>
      <c r="B948" s="52" t="s">
        <v>79</v>
      </c>
      <c r="C948" s="3">
        <v>0</v>
      </c>
      <c r="D948" s="52" t="s">
        <v>83</v>
      </c>
      <c r="E948" s="52" t="s">
        <v>26</v>
      </c>
      <c r="F948" s="52" t="s">
        <v>81</v>
      </c>
      <c r="G948" s="52" t="s">
        <v>82</v>
      </c>
      <c r="H948" s="4">
        <v>3</v>
      </c>
      <c r="I948" s="2">
        <v>43.95</v>
      </c>
    </row>
    <row r="949" spans="1:9" hidden="1" x14ac:dyDescent="0.35">
      <c r="A949" s="52" t="s">
        <v>78</v>
      </c>
      <c r="B949" s="52" t="s">
        <v>79</v>
      </c>
      <c r="C949" s="3">
        <v>0</v>
      </c>
      <c r="D949" s="52" t="s">
        <v>83</v>
      </c>
      <c r="E949" s="52" t="s">
        <v>104</v>
      </c>
      <c r="F949" s="52" t="s">
        <v>105</v>
      </c>
      <c r="G949" s="52" t="s">
        <v>82</v>
      </c>
      <c r="H949" s="4">
        <v>973</v>
      </c>
      <c r="I949" s="2">
        <v>0</v>
      </c>
    </row>
    <row r="950" spans="1:9" x14ac:dyDescent="0.35">
      <c r="A950" s="52" t="s">
        <v>78</v>
      </c>
      <c r="B950" s="52" t="s">
        <v>79</v>
      </c>
      <c r="C950" s="3">
        <v>0</v>
      </c>
      <c r="D950" s="52" t="s">
        <v>83</v>
      </c>
      <c r="E950" s="52" t="s">
        <v>104</v>
      </c>
      <c r="F950" s="52" t="s">
        <v>107</v>
      </c>
      <c r="G950" s="52" t="s">
        <v>108</v>
      </c>
      <c r="H950" s="4">
        <v>1</v>
      </c>
      <c r="I950" s="2">
        <v>0</v>
      </c>
    </row>
    <row r="951" spans="1:9" hidden="1" x14ac:dyDescent="0.35">
      <c r="A951" s="52" t="s">
        <v>78</v>
      </c>
      <c r="B951" s="52" t="s">
        <v>79</v>
      </c>
      <c r="C951" s="3">
        <v>0</v>
      </c>
      <c r="D951" s="52" t="s">
        <v>83</v>
      </c>
      <c r="E951" s="52" t="s">
        <v>104</v>
      </c>
      <c r="F951" s="52" t="s">
        <v>112</v>
      </c>
      <c r="G951" s="52" t="s">
        <v>82</v>
      </c>
      <c r="H951" s="4">
        <v>18</v>
      </c>
      <c r="I951" s="2">
        <v>0</v>
      </c>
    </row>
    <row r="952" spans="1:9" x14ac:dyDescent="0.35">
      <c r="A952" s="52" t="s">
        <v>78</v>
      </c>
      <c r="B952" s="52" t="s">
        <v>79</v>
      </c>
      <c r="C952" s="3">
        <v>0</v>
      </c>
      <c r="D952" s="52" t="s">
        <v>83</v>
      </c>
      <c r="E952" s="52" t="s">
        <v>104</v>
      </c>
      <c r="F952" s="52" t="s">
        <v>103</v>
      </c>
      <c r="G952" s="52" t="s">
        <v>82</v>
      </c>
      <c r="H952" s="4">
        <v>1</v>
      </c>
      <c r="I952" s="2">
        <v>0</v>
      </c>
    </row>
    <row r="953" spans="1:9" hidden="1" x14ac:dyDescent="0.35">
      <c r="A953" s="52" t="s">
        <v>78</v>
      </c>
      <c r="B953" s="52" t="s">
        <v>79</v>
      </c>
      <c r="C953" s="3">
        <v>0</v>
      </c>
      <c r="D953" s="52" t="s">
        <v>83</v>
      </c>
      <c r="E953" s="52" t="s">
        <v>104</v>
      </c>
      <c r="F953" s="52" t="s">
        <v>101</v>
      </c>
      <c r="G953" s="52" t="s">
        <v>82</v>
      </c>
      <c r="H953" s="4">
        <v>3046</v>
      </c>
      <c r="I953" s="2">
        <v>0</v>
      </c>
    </row>
    <row r="954" spans="1:9" hidden="1" x14ac:dyDescent="0.35">
      <c r="A954" s="52" t="s">
        <v>78</v>
      </c>
      <c r="B954" s="52" t="s">
        <v>79</v>
      </c>
      <c r="C954" s="3">
        <v>10</v>
      </c>
      <c r="D954" s="52" t="s">
        <v>83</v>
      </c>
      <c r="E954" s="52" t="s">
        <v>90</v>
      </c>
      <c r="F954" s="52" t="s">
        <v>91</v>
      </c>
      <c r="G954" s="52" t="s">
        <v>82</v>
      </c>
      <c r="H954" s="4">
        <v>4795</v>
      </c>
      <c r="I954" s="2">
        <v>54535.15</v>
      </c>
    </row>
    <row r="955" spans="1:9" hidden="1" x14ac:dyDescent="0.35">
      <c r="A955" s="52" t="s">
        <v>78</v>
      </c>
      <c r="B955" s="52" t="s">
        <v>79</v>
      </c>
      <c r="C955" s="3">
        <v>10</v>
      </c>
      <c r="D955" s="52" t="s">
        <v>83</v>
      </c>
      <c r="E955" s="52" t="s">
        <v>26</v>
      </c>
      <c r="F955" s="52" t="s">
        <v>81</v>
      </c>
      <c r="G955" s="52" t="s">
        <v>82</v>
      </c>
      <c r="H955" s="4">
        <v>121</v>
      </c>
      <c r="I955" s="2">
        <v>1772.65</v>
      </c>
    </row>
    <row r="956" spans="1:9" hidden="1" x14ac:dyDescent="0.35">
      <c r="A956" s="52" t="s">
        <v>78</v>
      </c>
      <c r="B956" s="52" t="s">
        <v>79</v>
      </c>
      <c r="C956" s="3">
        <v>10</v>
      </c>
      <c r="D956" s="52" t="s">
        <v>83</v>
      </c>
      <c r="E956" s="52" t="s">
        <v>29</v>
      </c>
      <c r="F956" s="52" t="s">
        <v>94</v>
      </c>
      <c r="G956" s="52" t="s">
        <v>82</v>
      </c>
      <c r="H956" s="4">
        <v>5</v>
      </c>
      <c r="I956" s="2">
        <v>1270.52</v>
      </c>
    </row>
    <row r="957" spans="1:9" hidden="1" x14ac:dyDescent="0.35">
      <c r="A957" s="52" t="s">
        <v>78</v>
      </c>
      <c r="B957" s="52" t="s">
        <v>79</v>
      </c>
      <c r="C957" s="3">
        <v>10</v>
      </c>
      <c r="D957" s="52" t="s">
        <v>83</v>
      </c>
      <c r="E957" s="52" t="s">
        <v>36</v>
      </c>
      <c r="F957" s="52" t="s">
        <v>95</v>
      </c>
      <c r="G957" s="52" t="s">
        <v>82</v>
      </c>
      <c r="H957" s="4">
        <v>216</v>
      </c>
      <c r="I957" s="2">
        <v>1015.2</v>
      </c>
    </row>
    <row r="958" spans="1:9" hidden="1" x14ac:dyDescent="0.35">
      <c r="A958" s="52" t="s">
        <v>78</v>
      </c>
      <c r="B958" s="52" t="s">
        <v>79</v>
      </c>
      <c r="C958" s="3">
        <v>10</v>
      </c>
      <c r="D958" s="52" t="s">
        <v>83</v>
      </c>
      <c r="E958" s="52" t="s">
        <v>38</v>
      </c>
      <c r="F958" s="52" t="s">
        <v>97</v>
      </c>
      <c r="G958" s="52" t="s">
        <v>82</v>
      </c>
      <c r="H958" s="4">
        <v>39</v>
      </c>
      <c r="I958" s="2">
        <v>324.2</v>
      </c>
    </row>
    <row r="959" spans="1:9" hidden="1" x14ac:dyDescent="0.35">
      <c r="A959" s="52" t="s">
        <v>78</v>
      </c>
      <c r="B959" s="52" t="s">
        <v>79</v>
      </c>
      <c r="C959" s="3">
        <v>10</v>
      </c>
      <c r="D959" s="52" t="s">
        <v>83</v>
      </c>
      <c r="E959" s="52" t="s">
        <v>40</v>
      </c>
      <c r="F959" s="52" t="s">
        <v>96</v>
      </c>
      <c r="G959" s="52" t="s">
        <v>82</v>
      </c>
      <c r="H959" s="4">
        <v>2</v>
      </c>
      <c r="I959" s="2">
        <v>50</v>
      </c>
    </row>
    <row r="960" spans="1:9" x14ac:dyDescent="0.35">
      <c r="A960" s="52" t="s">
        <v>78</v>
      </c>
      <c r="B960" s="52" t="s">
        <v>79</v>
      </c>
      <c r="C960" s="3">
        <v>10</v>
      </c>
      <c r="D960" s="52" t="s">
        <v>83</v>
      </c>
      <c r="E960" s="52" t="s">
        <v>33</v>
      </c>
      <c r="F960" s="52" t="s">
        <v>99</v>
      </c>
      <c r="G960" s="52" t="s">
        <v>82</v>
      </c>
      <c r="H960" s="4">
        <v>1</v>
      </c>
      <c r="I960" s="2">
        <v>48</v>
      </c>
    </row>
    <row r="961" spans="1:9" hidden="1" x14ac:dyDescent="0.35">
      <c r="A961" s="52" t="s">
        <v>78</v>
      </c>
      <c r="B961" s="52" t="s">
        <v>79</v>
      </c>
      <c r="C961" s="3">
        <v>10</v>
      </c>
      <c r="D961" s="52" t="s">
        <v>83</v>
      </c>
      <c r="E961" s="52" t="s">
        <v>92</v>
      </c>
      <c r="F961" s="52" t="s">
        <v>93</v>
      </c>
      <c r="G961" s="52" t="s">
        <v>82</v>
      </c>
      <c r="H961" s="4">
        <v>5</v>
      </c>
      <c r="I961" s="2">
        <v>29.92</v>
      </c>
    </row>
    <row r="962" spans="1:9" hidden="1" x14ac:dyDescent="0.35">
      <c r="A962" s="52" t="s">
        <v>78</v>
      </c>
      <c r="B962" s="52" t="s">
        <v>79</v>
      </c>
      <c r="C962" s="3">
        <v>10</v>
      </c>
      <c r="D962" s="52" t="s">
        <v>83</v>
      </c>
      <c r="E962" s="52" t="s">
        <v>111</v>
      </c>
      <c r="F962" s="52" t="s">
        <v>103</v>
      </c>
      <c r="G962" s="52" t="s">
        <v>82</v>
      </c>
      <c r="H962" s="4">
        <v>15</v>
      </c>
      <c r="I962" s="2">
        <v>0</v>
      </c>
    </row>
    <row r="963" spans="1:9" hidden="1" x14ac:dyDescent="0.35">
      <c r="A963" s="52" t="s">
        <v>78</v>
      </c>
      <c r="B963" s="52" t="s">
        <v>79</v>
      </c>
      <c r="C963" s="3">
        <v>10</v>
      </c>
      <c r="D963" s="52" t="s">
        <v>83</v>
      </c>
      <c r="E963" s="52" t="s">
        <v>102</v>
      </c>
      <c r="F963" s="52" t="s">
        <v>101</v>
      </c>
      <c r="G963" s="52" t="s">
        <v>108</v>
      </c>
      <c r="H963" s="4">
        <v>3</v>
      </c>
      <c r="I963" s="2">
        <v>0</v>
      </c>
    </row>
    <row r="964" spans="1:9" hidden="1" x14ac:dyDescent="0.35">
      <c r="A964" s="52" t="s">
        <v>78</v>
      </c>
      <c r="B964" s="52" t="s">
        <v>79</v>
      </c>
      <c r="C964" s="3">
        <v>10</v>
      </c>
      <c r="D964" s="52" t="s">
        <v>83</v>
      </c>
      <c r="E964" s="52" t="s">
        <v>128</v>
      </c>
      <c r="F964" s="52" t="s">
        <v>129</v>
      </c>
      <c r="G964" s="52" t="s">
        <v>82</v>
      </c>
      <c r="H964" s="4">
        <v>2</v>
      </c>
      <c r="I964" s="2">
        <v>0</v>
      </c>
    </row>
    <row r="965" spans="1:9" hidden="1" x14ac:dyDescent="0.35">
      <c r="A965" s="52" t="s">
        <v>78</v>
      </c>
      <c r="B965" s="52" t="s">
        <v>79</v>
      </c>
      <c r="C965" s="3">
        <v>10</v>
      </c>
      <c r="D965" s="52" t="s">
        <v>83</v>
      </c>
      <c r="E965" s="52" t="s">
        <v>111</v>
      </c>
      <c r="F965" s="52" t="s">
        <v>124</v>
      </c>
      <c r="G965" s="52" t="s">
        <v>108</v>
      </c>
      <c r="H965" s="4">
        <v>2</v>
      </c>
      <c r="I965" s="2">
        <v>0</v>
      </c>
    </row>
    <row r="966" spans="1:9" hidden="1" x14ac:dyDescent="0.35">
      <c r="A966" s="52" t="s">
        <v>78</v>
      </c>
      <c r="B966" s="52" t="s">
        <v>79</v>
      </c>
      <c r="C966" s="3">
        <v>10</v>
      </c>
      <c r="D966" s="52" t="s">
        <v>83</v>
      </c>
      <c r="E966" s="52" t="s">
        <v>111</v>
      </c>
      <c r="F966" s="52" t="s">
        <v>97</v>
      </c>
      <c r="G966" s="52" t="s">
        <v>82</v>
      </c>
      <c r="H966" s="4">
        <v>5</v>
      </c>
      <c r="I966" s="2">
        <v>0</v>
      </c>
    </row>
    <row r="967" spans="1:9" hidden="1" x14ac:dyDescent="0.35">
      <c r="A967" s="52" t="s">
        <v>78</v>
      </c>
      <c r="B967" s="52" t="s">
        <v>79</v>
      </c>
      <c r="C967" s="3">
        <v>10</v>
      </c>
      <c r="D967" s="52" t="s">
        <v>83</v>
      </c>
      <c r="E967" s="52" t="s">
        <v>102</v>
      </c>
      <c r="F967" s="52" t="s">
        <v>124</v>
      </c>
      <c r="G967" s="52" t="s">
        <v>108</v>
      </c>
      <c r="H967" s="4">
        <v>8</v>
      </c>
      <c r="I967" s="2">
        <v>0</v>
      </c>
    </row>
    <row r="968" spans="1:9" hidden="1" x14ac:dyDescent="0.35">
      <c r="A968" s="52" t="s">
        <v>78</v>
      </c>
      <c r="B968" s="52" t="s">
        <v>79</v>
      </c>
      <c r="C968" s="3">
        <v>10</v>
      </c>
      <c r="D968" s="52" t="s">
        <v>83</v>
      </c>
      <c r="E968" s="52" t="s">
        <v>121</v>
      </c>
      <c r="F968" s="52" t="s">
        <v>112</v>
      </c>
      <c r="G968" s="52" t="s">
        <v>108</v>
      </c>
      <c r="H968" s="4">
        <v>118</v>
      </c>
      <c r="I968" s="2">
        <v>0</v>
      </c>
    </row>
    <row r="969" spans="1:9" hidden="1" x14ac:dyDescent="0.35">
      <c r="A969" s="52" t="s">
        <v>78</v>
      </c>
      <c r="B969" s="52" t="s">
        <v>79</v>
      </c>
      <c r="C969" s="3">
        <v>10</v>
      </c>
      <c r="D969" s="52" t="s">
        <v>83</v>
      </c>
      <c r="E969" s="52" t="s">
        <v>111</v>
      </c>
      <c r="F969" s="52" t="s">
        <v>105</v>
      </c>
      <c r="G969" s="52" t="s">
        <v>82</v>
      </c>
      <c r="H969" s="4">
        <v>55</v>
      </c>
      <c r="I969" s="2">
        <v>0</v>
      </c>
    </row>
    <row r="970" spans="1:9" hidden="1" x14ac:dyDescent="0.35">
      <c r="A970" s="52" t="s">
        <v>78</v>
      </c>
      <c r="B970" s="52" t="s">
        <v>79</v>
      </c>
      <c r="C970" s="3">
        <v>10</v>
      </c>
      <c r="D970" s="52" t="s">
        <v>83</v>
      </c>
      <c r="E970" s="52" t="s">
        <v>117</v>
      </c>
      <c r="F970" s="52" t="s">
        <v>116</v>
      </c>
      <c r="G970" s="52" t="s">
        <v>82</v>
      </c>
      <c r="H970" s="4">
        <v>1172</v>
      </c>
      <c r="I970" s="2">
        <v>0</v>
      </c>
    </row>
    <row r="971" spans="1:9" hidden="1" x14ac:dyDescent="0.35">
      <c r="A971" s="52" t="s">
        <v>78</v>
      </c>
      <c r="B971" s="52" t="s">
        <v>79</v>
      </c>
      <c r="C971" s="3">
        <v>10</v>
      </c>
      <c r="D971" s="52" t="s">
        <v>83</v>
      </c>
      <c r="E971" s="52" t="s">
        <v>120</v>
      </c>
      <c r="F971" s="52" t="s">
        <v>116</v>
      </c>
      <c r="G971" s="52" t="s">
        <v>115</v>
      </c>
      <c r="H971" s="4">
        <v>534</v>
      </c>
      <c r="I971" s="2">
        <v>0</v>
      </c>
    </row>
    <row r="972" spans="1:9" hidden="1" x14ac:dyDescent="0.35">
      <c r="A972" s="52" t="s">
        <v>78</v>
      </c>
      <c r="B972" s="52" t="s">
        <v>79</v>
      </c>
      <c r="C972" s="3">
        <v>10</v>
      </c>
      <c r="D972" s="52" t="s">
        <v>83</v>
      </c>
      <c r="E972" s="52" t="s">
        <v>122</v>
      </c>
      <c r="F972" s="52" t="s">
        <v>123</v>
      </c>
      <c r="G972" s="52" t="s">
        <v>108</v>
      </c>
      <c r="H972" s="4">
        <v>542</v>
      </c>
      <c r="I972" s="2">
        <v>0</v>
      </c>
    </row>
    <row r="973" spans="1:9" hidden="1" x14ac:dyDescent="0.35">
      <c r="A973" s="52" t="s">
        <v>78</v>
      </c>
      <c r="B973" s="52" t="s">
        <v>79</v>
      </c>
      <c r="C973" s="3">
        <v>10</v>
      </c>
      <c r="D973" s="52" t="s">
        <v>83</v>
      </c>
      <c r="E973" s="52" t="s">
        <v>109</v>
      </c>
      <c r="F973" s="52" t="s">
        <v>110</v>
      </c>
      <c r="G973" s="52" t="s">
        <v>108</v>
      </c>
      <c r="H973" s="4">
        <v>11</v>
      </c>
      <c r="I973" s="2">
        <v>0</v>
      </c>
    </row>
    <row r="974" spans="1:9" x14ac:dyDescent="0.35">
      <c r="A974" s="52" t="s">
        <v>78</v>
      </c>
      <c r="B974" s="52" t="s">
        <v>79</v>
      </c>
      <c r="C974" s="3">
        <v>10</v>
      </c>
      <c r="D974" s="52" t="s">
        <v>83</v>
      </c>
      <c r="E974" s="52" t="s">
        <v>102</v>
      </c>
      <c r="F974" s="52" t="s">
        <v>125</v>
      </c>
      <c r="G974" s="52" t="s">
        <v>108</v>
      </c>
      <c r="H974" s="4">
        <v>1</v>
      </c>
      <c r="I974" s="2">
        <v>0</v>
      </c>
    </row>
    <row r="975" spans="1:9" hidden="1" x14ac:dyDescent="0.35">
      <c r="A975" s="52" t="s">
        <v>78</v>
      </c>
      <c r="B975" s="52" t="s">
        <v>79</v>
      </c>
      <c r="C975" s="3">
        <v>10</v>
      </c>
      <c r="D975" s="52" t="s">
        <v>83</v>
      </c>
      <c r="E975" s="52" t="s">
        <v>135</v>
      </c>
      <c r="F975" s="52" t="s">
        <v>112</v>
      </c>
      <c r="G975" s="52" t="s">
        <v>82</v>
      </c>
      <c r="H975" s="4">
        <v>7600</v>
      </c>
      <c r="I975" s="2">
        <v>0</v>
      </c>
    </row>
    <row r="976" spans="1:9" hidden="1" x14ac:dyDescent="0.35">
      <c r="A976" s="52" t="s">
        <v>78</v>
      </c>
      <c r="B976" s="52" t="s">
        <v>79</v>
      </c>
      <c r="C976" s="3">
        <v>10</v>
      </c>
      <c r="D976" s="52" t="s">
        <v>83</v>
      </c>
      <c r="E976" s="52" t="s">
        <v>102</v>
      </c>
      <c r="F976" s="52" t="s">
        <v>116</v>
      </c>
      <c r="G976" s="52" t="s">
        <v>115</v>
      </c>
      <c r="H976" s="4">
        <v>455</v>
      </c>
      <c r="I976" s="2">
        <v>0</v>
      </c>
    </row>
    <row r="977" spans="1:9" hidden="1" x14ac:dyDescent="0.35">
      <c r="A977" s="52" t="s">
        <v>78</v>
      </c>
      <c r="B977" s="52" t="s">
        <v>79</v>
      </c>
      <c r="C977" s="3">
        <v>10</v>
      </c>
      <c r="D977" s="52" t="s">
        <v>83</v>
      </c>
      <c r="E977" s="52" t="s">
        <v>106</v>
      </c>
      <c r="F977" s="52" t="s">
        <v>107</v>
      </c>
      <c r="G977" s="52" t="s">
        <v>108</v>
      </c>
      <c r="H977" s="4">
        <v>7</v>
      </c>
      <c r="I977" s="2">
        <v>0</v>
      </c>
    </row>
    <row r="978" spans="1:9" hidden="1" x14ac:dyDescent="0.35">
      <c r="A978" s="52" t="s">
        <v>78</v>
      </c>
      <c r="B978" s="52" t="s">
        <v>79</v>
      </c>
      <c r="C978" s="3">
        <v>10</v>
      </c>
      <c r="D978" s="52" t="s">
        <v>83</v>
      </c>
      <c r="E978" s="52" t="s">
        <v>111</v>
      </c>
      <c r="F978" s="52" t="s">
        <v>95</v>
      </c>
      <c r="G978" s="52" t="s">
        <v>82</v>
      </c>
      <c r="H978" s="4">
        <v>58</v>
      </c>
      <c r="I978" s="2">
        <v>0</v>
      </c>
    </row>
    <row r="979" spans="1:9" hidden="1" x14ac:dyDescent="0.35">
      <c r="A979" s="52" t="s">
        <v>78</v>
      </c>
      <c r="B979" s="52" t="s">
        <v>79</v>
      </c>
      <c r="C979" s="3">
        <v>10</v>
      </c>
      <c r="D979" s="52" t="s">
        <v>83</v>
      </c>
      <c r="E979" s="52" t="s">
        <v>113</v>
      </c>
      <c r="F979" s="52" t="s">
        <v>114</v>
      </c>
      <c r="G979" s="52" t="s">
        <v>115</v>
      </c>
      <c r="H979" s="4">
        <v>1212</v>
      </c>
      <c r="I979" s="2">
        <v>0</v>
      </c>
    </row>
    <row r="980" spans="1:9" hidden="1" x14ac:dyDescent="0.35">
      <c r="A980" s="52" t="s">
        <v>78</v>
      </c>
      <c r="B980" s="52" t="s">
        <v>79</v>
      </c>
      <c r="C980" s="3">
        <v>10</v>
      </c>
      <c r="D980" s="52" t="s">
        <v>83</v>
      </c>
      <c r="E980" s="52" t="s">
        <v>111</v>
      </c>
      <c r="F980" s="52" t="s">
        <v>93</v>
      </c>
      <c r="G980" s="52" t="s">
        <v>82</v>
      </c>
      <c r="H980" s="4">
        <v>24</v>
      </c>
      <c r="I980" s="2">
        <v>0</v>
      </c>
    </row>
    <row r="981" spans="1:9" x14ac:dyDescent="0.35">
      <c r="A981" s="52" t="s">
        <v>78</v>
      </c>
      <c r="B981" s="52" t="s">
        <v>79</v>
      </c>
      <c r="C981" s="3">
        <v>10</v>
      </c>
      <c r="D981" s="52" t="s">
        <v>83</v>
      </c>
      <c r="E981" s="52" t="s">
        <v>102</v>
      </c>
      <c r="F981" s="52" t="s">
        <v>138</v>
      </c>
      <c r="G981" s="52" t="s">
        <v>108</v>
      </c>
      <c r="H981" s="4">
        <v>1</v>
      </c>
      <c r="I981" s="2">
        <v>0</v>
      </c>
    </row>
    <row r="982" spans="1:9" hidden="1" x14ac:dyDescent="0.35">
      <c r="A982" s="52" t="s">
        <v>78</v>
      </c>
      <c r="B982" s="52" t="s">
        <v>79</v>
      </c>
      <c r="C982" s="3">
        <v>10</v>
      </c>
      <c r="D982" s="52" t="s">
        <v>83</v>
      </c>
      <c r="E982" s="52" t="s">
        <v>118</v>
      </c>
      <c r="F982" s="52" t="s">
        <v>119</v>
      </c>
      <c r="G982" s="52" t="s">
        <v>115</v>
      </c>
      <c r="H982" s="4">
        <v>534</v>
      </c>
      <c r="I982" s="2">
        <v>0</v>
      </c>
    </row>
    <row r="983" spans="1:9" x14ac:dyDescent="0.35">
      <c r="A983" s="52" t="s">
        <v>78</v>
      </c>
      <c r="B983" s="52" t="s">
        <v>79</v>
      </c>
      <c r="C983" s="3">
        <v>10</v>
      </c>
      <c r="D983" s="52" t="s">
        <v>83</v>
      </c>
      <c r="E983" s="52" t="s">
        <v>106</v>
      </c>
      <c r="F983" s="52" t="s">
        <v>124</v>
      </c>
      <c r="G983" s="52" t="s">
        <v>108</v>
      </c>
      <c r="H983" s="4">
        <v>1</v>
      </c>
      <c r="I983" s="2">
        <v>0</v>
      </c>
    </row>
    <row r="984" spans="1:9" x14ac:dyDescent="0.35">
      <c r="A984" s="52" t="s">
        <v>78</v>
      </c>
      <c r="B984" s="52" t="s">
        <v>79</v>
      </c>
      <c r="C984" s="3">
        <v>10</v>
      </c>
      <c r="D984" s="52" t="s">
        <v>83</v>
      </c>
      <c r="E984" s="52" t="s">
        <v>131</v>
      </c>
      <c r="F984" s="52" t="s">
        <v>129</v>
      </c>
      <c r="G984" s="52" t="s">
        <v>108</v>
      </c>
      <c r="H984" s="4">
        <v>1</v>
      </c>
      <c r="I984" s="2">
        <v>0</v>
      </c>
    </row>
    <row r="985" spans="1:9" hidden="1" x14ac:dyDescent="0.35">
      <c r="A985" s="52" t="s">
        <v>78</v>
      </c>
      <c r="B985" s="52" t="s">
        <v>79</v>
      </c>
      <c r="C985" s="3">
        <v>10</v>
      </c>
      <c r="D985" s="52" t="s">
        <v>83</v>
      </c>
      <c r="E985" s="52" t="s">
        <v>102</v>
      </c>
      <c r="F985" s="52" t="s">
        <v>107</v>
      </c>
      <c r="G985" s="52" t="s">
        <v>108</v>
      </c>
      <c r="H985" s="4">
        <v>51</v>
      </c>
      <c r="I985" s="2">
        <v>0</v>
      </c>
    </row>
    <row r="986" spans="1:9" x14ac:dyDescent="0.35">
      <c r="A986" s="52" t="s">
        <v>78</v>
      </c>
      <c r="B986" s="52" t="s">
        <v>79</v>
      </c>
      <c r="C986" s="3">
        <v>10</v>
      </c>
      <c r="D986" s="52" t="s">
        <v>83</v>
      </c>
      <c r="E986" s="52" t="s">
        <v>106</v>
      </c>
      <c r="F986" s="52" t="s">
        <v>103</v>
      </c>
      <c r="G986" s="52" t="s">
        <v>82</v>
      </c>
      <c r="H986" s="4">
        <v>1</v>
      </c>
      <c r="I986" s="2">
        <v>0</v>
      </c>
    </row>
    <row r="987" spans="1:9" hidden="1" x14ac:dyDescent="0.35">
      <c r="A987" s="52" t="s">
        <v>78</v>
      </c>
      <c r="B987" s="52" t="s">
        <v>79</v>
      </c>
      <c r="C987" s="3">
        <v>10</v>
      </c>
      <c r="D987" s="52" t="s">
        <v>83</v>
      </c>
      <c r="E987" s="52" t="s">
        <v>111</v>
      </c>
      <c r="F987" s="52" t="s">
        <v>107</v>
      </c>
      <c r="G987" s="52" t="s">
        <v>108</v>
      </c>
      <c r="H987" s="4">
        <v>32</v>
      </c>
      <c r="I987" s="2">
        <v>0</v>
      </c>
    </row>
    <row r="988" spans="1:9" hidden="1" x14ac:dyDescent="0.35">
      <c r="A988" s="52" t="s">
        <v>78</v>
      </c>
      <c r="B988" s="52" t="s">
        <v>79</v>
      </c>
      <c r="C988" s="3">
        <v>10</v>
      </c>
      <c r="D988" s="52" t="s">
        <v>83</v>
      </c>
      <c r="E988" s="52" t="s">
        <v>106</v>
      </c>
      <c r="F988" s="52" t="s">
        <v>101</v>
      </c>
      <c r="G988" s="52" t="s">
        <v>108</v>
      </c>
      <c r="H988" s="4">
        <v>2</v>
      </c>
      <c r="I988" s="2">
        <v>0</v>
      </c>
    </row>
    <row r="989" spans="1:9" hidden="1" x14ac:dyDescent="0.35">
      <c r="A989" s="52" t="s">
        <v>78</v>
      </c>
      <c r="B989" s="52" t="s">
        <v>79</v>
      </c>
      <c r="C989" s="3">
        <v>10</v>
      </c>
      <c r="D989" s="52" t="s">
        <v>83</v>
      </c>
      <c r="E989" s="52" t="s">
        <v>102</v>
      </c>
      <c r="F989" s="52" t="s">
        <v>103</v>
      </c>
      <c r="G989" s="52" t="s">
        <v>82</v>
      </c>
      <c r="H989" s="4">
        <v>253</v>
      </c>
      <c r="I989" s="2">
        <v>0</v>
      </c>
    </row>
    <row r="990" spans="1:9" hidden="1" x14ac:dyDescent="0.35">
      <c r="A990" s="52" t="s">
        <v>78</v>
      </c>
      <c r="B990" s="52" t="s">
        <v>79</v>
      </c>
      <c r="C990" s="3">
        <v>10</v>
      </c>
      <c r="D990" s="52" t="s">
        <v>83</v>
      </c>
      <c r="E990" s="52" t="s">
        <v>134</v>
      </c>
      <c r="F990" s="52" t="s">
        <v>123</v>
      </c>
      <c r="G990" s="52" t="s">
        <v>82</v>
      </c>
      <c r="H990" s="4">
        <v>1661</v>
      </c>
      <c r="I990" s="2">
        <v>0</v>
      </c>
    </row>
    <row r="991" spans="1:9" hidden="1" x14ac:dyDescent="0.35">
      <c r="A991" s="52" t="s">
        <v>78</v>
      </c>
      <c r="B991" s="52" t="s">
        <v>79</v>
      </c>
      <c r="C991" s="3">
        <v>10</v>
      </c>
      <c r="D991" s="52" t="s">
        <v>83</v>
      </c>
      <c r="E991" s="52" t="s">
        <v>126</v>
      </c>
      <c r="F991" s="52" t="s">
        <v>103</v>
      </c>
      <c r="G991" s="52" t="s">
        <v>82</v>
      </c>
      <c r="H991" s="4">
        <v>9</v>
      </c>
      <c r="I991" s="2">
        <v>0</v>
      </c>
    </row>
    <row r="992" spans="1:9" hidden="1" x14ac:dyDescent="0.35">
      <c r="A992" s="52" t="s">
        <v>78</v>
      </c>
      <c r="B992" s="52" t="s">
        <v>79</v>
      </c>
      <c r="C992" s="3">
        <v>10</v>
      </c>
      <c r="D992" s="52" t="s">
        <v>83</v>
      </c>
      <c r="E992" s="52" t="s">
        <v>111</v>
      </c>
      <c r="F992" s="52" t="s">
        <v>81</v>
      </c>
      <c r="G992" s="52" t="s">
        <v>82</v>
      </c>
      <c r="H992" s="4">
        <v>10</v>
      </c>
      <c r="I992" s="2">
        <v>0</v>
      </c>
    </row>
    <row r="993" spans="1:9" hidden="1" x14ac:dyDescent="0.35">
      <c r="A993" s="52" t="s">
        <v>78</v>
      </c>
      <c r="B993" s="52" t="s">
        <v>79</v>
      </c>
      <c r="C993" s="3">
        <v>10</v>
      </c>
      <c r="D993" s="52" t="s">
        <v>83</v>
      </c>
      <c r="E993" s="52" t="s">
        <v>126</v>
      </c>
      <c r="F993" s="52" t="s">
        <v>101</v>
      </c>
      <c r="G993" s="52" t="s">
        <v>82</v>
      </c>
      <c r="H993" s="4">
        <v>54</v>
      </c>
      <c r="I993" s="2">
        <v>0</v>
      </c>
    </row>
    <row r="994" spans="1:9" hidden="1" x14ac:dyDescent="0.35">
      <c r="A994" s="52" t="s">
        <v>78</v>
      </c>
      <c r="B994" s="52" t="s">
        <v>79</v>
      </c>
      <c r="C994" s="3">
        <v>10</v>
      </c>
      <c r="D994" s="52" t="s">
        <v>83</v>
      </c>
      <c r="E994" s="52" t="s">
        <v>139</v>
      </c>
      <c r="F994" s="52" t="s">
        <v>140</v>
      </c>
      <c r="G994" s="52" t="s">
        <v>82</v>
      </c>
      <c r="H994" s="4">
        <v>114</v>
      </c>
      <c r="I994" s="2">
        <v>0</v>
      </c>
    </row>
    <row r="995" spans="1:9" hidden="1" x14ac:dyDescent="0.35">
      <c r="A995" s="52" t="s">
        <v>78</v>
      </c>
      <c r="B995" s="52" t="s">
        <v>79</v>
      </c>
      <c r="C995" s="3">
        <v>10</v>
      </c>
      <c r="D995" s="52" t="s">
        <v>83</v>
      </c>
      <c r="E995" s="52" t="s">
        <v>111</v>
      </c>
      <c r="F995" s="52" t="s">
        <v>94</v>
      </c>
      <c r="G995" s="52" t="s">
        <v>82</v>
      </c>
      <c r="H995" s="4">
        <v>2</v>
      </c>
      <c r="I995" s="2">
        <v>0</v>
      </c>
    </row>
    <row r="996" spans="1:9" hidden="1" x14ac:dyDescent="0.35">
      <c r="A996" s="52" t="s">
        <v>78</v>
      </c>
      <c r="B996" s="52" t="s">
        <v>79</v>
      </c>
      <c r="C996" s="3">
        <v>10</v>
      </c>
      <c r="D996" s="52" t="s">
        <v>83</v>
      </c>
      <c r="E996" s="52" t="s">
        <v>111</v>
      </c>
      <c r="F996" s="52" t="s">
        <v>101</v>
      </c>
      <c r="G996" s="52" t="s">
        <v>82</v>
      </c>
      <c r="H996" s="4">
        <v>348</v>
      </c>
      <c r="I996" s="2">
        <v>0</v>
      </c>
    </row>
    <row r="997" spans="1:9" hidden="1" x14ac:dyDescent="0.35">
      <c r="A997" s="52" t="s">
        <v>78</v>
      </c>
      <c r="B997" s="52" t="s">
        <v>79</v>
      </c>
      <c r="C997" s="3">
        <v>20</v>
      </c>
      <c r="D997" s="52" t="s">
        <v>83</v>
      </c>
      <c r="E997" s="52" t="s">
        <v>90</v>
      </c>
      <c r="F997" s="52" t="s">
        <v>91</v>
      </c>
      <c r="G997" s="52" t="s">
        <v>82</v>
      </c>
      <c r="H997" s="4">
        <v>7694</v>
      </c>
      <c r="I997" s="2">
        <v>86010.69</v>
      </c>
    </row>
    <row r="998" spans="1:9" hidden="1" x14ac:dyDescent="0.35">
      <c r="A998" s="52" t="s">
        <v>78</v>
      </c>
      <c r="B998" s="52" t="s">
        <v>79</v>
      </c>
      <c r="C998" s="3">
        <v>20</v>
      </c>
      <c r="D998" s="52" t="s">
        <v>83</v>
      </c>
      <c r="E998" s="52" t="s">
        <v>26</v>
      </c>
      <c r="F998" s="52" t="s">
        <v>81</v>
      </c>
      <c r="G998" s="52" t="s">
        <v>82</v>
      </c>
      <c r="H998" s="4">
        <v>204</v>
      </c>
      <c r="I998" s="2">
        <v>2988.6</v>
      </c>
    </row>
    <row r="999" spans="1:9" hidden="1" x14ac:dyDescent="0.35">
      <c r="A999" s="52" t="s">
        <v>78</v>
      </c>
      <c r="B999" s="52" t="s">
        <v>79</v>
      </c>
      <c r="C999" s="3">
        <v>20</v>
      </c>
      <c r="D999" s="52" t="s">
        <v>83</v>
      </c>
      <c r="E999" s="52" t="s">
        <v>29</v>
      </c>
      <c r="F999" s="52" t="s">
        <v>94</v>
      </c>
      <c r="G999" s="52" t="s">
        <v>82</v>
      </c>
      <c r="H999" s="4">
        <v>12</v>
      </c>
      <c r="I999" s="2">
        <v>2837.51</v>
      </c>
    </row>
    <row r="1000" spans="1:9" hidden="1" x14ac:dyDescent="0.35">
      <c r="A1000" s="52" t="s">
        <v>78</v>
      </c>
      <c r="B1000" s="52" t="s">
        <v>79</v>
      </c>
      <c r="C1000" s="3">
        <v>20</v>
      </c>
      <c r="D1000" s="52" t="s">
        <v>83</v>
      </c>
      <c r="E1000" s="52" t="s">
        <v>36</v>
      </c>
      <c r="F1000" s="52" t="s">
        <v>95</v>
      </c>
      <c r="G1000" s="52" t="s">
        <v>82</v>
      </c>
      <c r="H1000" s="4">
        <v>475</v>
      </c>
      <c r="I1000" s="2">
        <v>2232.5</v>
      </c>
    </row>
    <row r="1001" spans="1:9" hidden="1" x14ac:dyDescent="0.35">
      <c r="A1001" s="52" t="s">
        <v>78</v>
      </c>
      <c r="B1001" s="52" t="s">
        <v>79</v>
      </c>
      <c r="C1001" s="3">
        <v>20</v>
      </c>
      <c r="D1001" s="52" t="s">
        <v>83</v>
      </c>
      <c r="E1001" s="52" t="s">
        <v>38</v>
      </c>
      <c r="F1001" s="52" t="s">
        <v>97</v>
      </c>
      <c r="G1001" s="52" t="s">
        <v>82</v>
      </c>
      <c r="H1001" s="4">
        <v>92</v>
      </c>
      <c r="I1001" s="2">
        <v>1039.4000000000001</v>
      </c>
    </row>
    <row r="1002" spans="1:9" hidden="1" x14ac:dyDescent="0.35">
      <c r="A1002" s="52" t="s">
        <v>78</v>
      </c>
      <c r="B1002" s="52" t="s">
        <v>79</v>
      </c>
      <c r="C1002" s="3">
        <v>20</v>
      </c>
      <c r="D1002" s="52" t="s">
        <v>83</v>
      </c>
      <c r="E1002" s="52" t="s">
        <v>40</v>
      </c>
      <c r="F1002" s="52" t="s">
        <v>96</v>
      </c>
      <c r="G1002" s="52" t="s">
        <v>82</v>
      </c>
      <c r="H1002" s="4">
        <v>3</v>
      </c>
      <c r="I1002" s="2">
        <v>75</v>
      </c>
    </row>
    <row r="1003" spans="1:9" hidden="1" x14ac:dyDescent="0.35">
      <c r="A1003" s="52" t="s">
        <v>78</v>
      </c>
      <c r="B1003" s="52" t="s">
        <v>79</v>
      </c>
      <c r="C1003" s="3">
        <v>20</v>
      </c>
      <c r="D1003" s="52" t="s">
        <v>83</v>
      </c>
      <c r="E1003" s="52" t="s">
        <v>92</v>
      </c>
      <c r="F1003" s="52" t="s">
        <v>93</v>
      </c>
      <c r="G1003" s="52" t="s">
        <v>82</v>
      </c>
      <c r="H1003" s="4">
        <v>9</v>
      </c>
      <c r="I1003" s="2">
        <v>41.9</v>
      </c>
    </row>
    <row r="1004" spans="1:9" hidden="1" x14ac:dyDescent="0.35">
      <c r="A1004" s="52" t="s">
        <v>78</v>
      </c>
      <c r="B1004" s="52" t="s">
        <v>79</v>
      </c>
      <c r="C1004" s="3">
        <v>20</v>
      </c>
      <c r="D1004" s="52" t="s">
        <v>83</v>
      </c>
      <c r="E1004" s="52" t="s">
        <v>120</v>
      </c>
      <c r="F1004" s="52" t="s">
        <v>116</v>
      </c>
      <c r="G1004" s="52" t="s">
        <v>115</v>
      </c>
      <c r="H1004" s="4">
        <v>1028</v>
      </c>
      <c r="I1004" s="2">
        <v>0</v>
      </c>
    </row>
    <row r="1005" spans="1:9" hidden="1" x14ac:dyDescent="0.35">
      <c r="A1005" s="52" t="s">
        <v>78</v>
      </c>
      <c r="B1005" s="52" t="s">
        <v>79</v>
      </c>
      <c r="C1005" s="3">
        <v>20</v>
      </c>
      <c r="D1005" s="52" t="s">
        <v>83</v>
      </c>
      <c r="E1005" s="52" t="s">
        <v>102</v>
      </c>
      <c r="F1005" s="52" t="s">
        <v>107</v>
      </c>
      <c r="G1005" s="52" t="s">
        <v>108</v>
      </c>
      <c r="H1005" s="4">
        <v>143</v>
      </c>
      <c r="I1005" s="2">
        <v>0</v>
      </c>
    </row>
    <row r="1006" spans="1:9" hidden="1" x14ac:dyDescent="0.35">
      <c r="A1006" s="52" t="s">
        <v>78</v>
      </c>
      <c r="B1006" s="52" t="s">
        <v>79</v>
      </c>
      <c r="C1006" s="3">
        <v>20</v>
      </c>
      <c r="D1006" s="52" t="s">
        <v>83</v>
      </c>
      <c r="E1006" s="52" t="s">
        <v>132</v>
      </c>
      <c r="F1006" s="52" t="s">
        <v>133</v>
      </c>
      <c r="G1006" s="52" t="s">
        <v>108</v>
      </c>
      <c r="H1006" s="4">
        <v>5</v>
      </c>
      <c r="I1006" s="2">
        <v>0</v>
      </c>
    </row>
    <row r="1007" spans="1:9" hidden="1" x14ac:dyDescent="0.35">
      <c r="A1007" s="52" t="s">
        <v>78</v>
      </c>
      <c r="B1007" s="52" t="s">
        <v>79</v>
      </c>
      <c r="C1007" s="3">
        <v>20</v>
      </c>
      <c r="D1007" s="52" t="s">
        <v>83</v>
      </c>
      <c r="E1007" s="52" t="s">
        <v>134</v>
      </c>
      <c r="F1007" s="52" t="s">
        <v>123</v>
      </c>
      <c r="G1007" s="52" t="s">
        <v>82</v>
      </c>
      <c r="H1007" s="4">
        <v>3549</v>
      </c>
      <c r="I1007" s="2">
        <v>0</v>
      </c>
    </row>
    <row r="1008" spans="1:9" hidden="1" x14ac:dyDescent="0.35">
      <c r="A1008" s="52" t="s">
        <v>78</v>
      </c>
      <c r="B1008" s="52" t="s">
        <v>79</v>
      </c>
      <c r="C1008" s="3">
        <v>20</v>
      </c>
      <c r="D1008" s="52" t="s">
        <v>83</v>
      </c>
      <c r="E1008" s="52" t="s">
        <v>111</v>
      </c>
      <c r="F1008" s="52" t="s">
        <v>101</v>
      </c>
      <c r="G1008" s="52" t="s">
        <v>82</v>
      </c>
      <c r="H1008" s="4">
        <v>593</v>
      </c>
      <c r="I1008" s="2">
        <v>0</v>
      </c>
    </row>
    <row r="1009" spans="1:9" hidden="1" x14ac:dyDescent="0.35">
      <c r="A1009" s="52" t="s">
        <v>78</v>
      </c>
      <c r="B1009" s="52" t="s">
        <v>79</v>
      </c>
      <c r="C1009" s="3">
        <v>20</v>
      </c>
      <c r="D1009" s="52" t="s">
        <v>83</v>
      </c>
      <c r="E1009" s="52" t="s">
        <v>102</v>
      </c>
      <c r="F1009" s="52" t="s">
        <v>125</v>
      </c>
      <c r="G1009" s="52" t="s">
        <v>108</v>
      </c>
      <c r="H1009" s="4">
        <v>3</v>
      </c>
      <c r="I1009" s="2">
        <v>0</v>
      </c>
    </row>
    <row r="1010" spans="1:9" hidden="1" x14ac:dyDescent="0.35">
      <c r="A1010" s="52" t="s">
        <v>78</v>
      </c>
      <c r="B1010" s="52" t="s">
        <v>79</v>
      </c>
      <c r="C1010" s="3">
        <v>20</v>
      </c>
      <c r="D1010" s="52" t="s">
        <v>83</v>
      </c>
      <c r="E1010" s="52" t="s">
        <v>111</v>
      </c>
      <c r="F1010" s="52" t="s">
        <v>105</v>
      </c>
      <c r="G1010" s="52" t="s">
        <v>82</v>
      </c>
      <c r="H1010" s="4">
        <v>104</v>
      </c>
      <c r="I1010" s="2">
        <v>0</v>
      </c>
    </row>
    <row r="1011" spans="1:9" hidden="1" x14ac:dyDescent="0.35">
      <c r="A1011" s="52" t="s">
        <v>78</v>
      </c>
      <c r="B1011" s="52" t="s">
        <v>79</v>
      </c>
      <c r="C1011" s="3">
        <v>20</v>
      </c>
      <c r="D1011" s="52" t="s">
        <v>83</v>
      </c>
      <c r="E1011" s="52" t="s">
        <v>111</v>
      </c>
      <c r="F1011" s="52" t="s">
        <v>81</v>
      </c>
      <c r="G1011" s="52" t="s">
        <v>82</v>
      </c>
      <c r="H1011" s="4">
        <v>10</v>
      </c>
      <c r="I1011" s="2">
        <v>0</v>
      </c>
    </row>
    <row r="1012" spans="1:9" x14ac:dyDescent="0.35">
      <c r="A1012" s="52" t="s">
        <v>78</v>
      </c>
      <c r="B1012" s="52" t="s">
        <v>79</v>
      </c>
      <c r="C1012" s="3">
        <v>20</v>
      </c>
      <c r="D1012" s="52" t="s">
        <v>83</v>
      </c>
      <c r="E1012" s="52" t="s">
        <v>131</v>
      </c>
      <c r="F1012" s="52" t="s">
        <v>129</v>
      </c>
      <c r="G1012" s="52" t="s">
        <v>108</v>
      </c>
      <c r="H1012" s="4">
        <v>1</v>
      </c>
      <c r="I1012" s="2">
        <v>0</v>
      </c>
    </row>
    <row r="1013" spans="1:9" hidden="1" x14ac:dyDescent="0.35">
      <c r="A1013" s="52" t="s">
        <v>78</v>
      </c>
      <c r="B1013" s="52" t="s">
        <v>79</v>
      </c>
      <c r="C1013" s="3">
        <v>20</v>
      </c>
      <c r="D1013" s="52" t="s">
        <v>83</v>
      </c>
      <c r="E1013" s="52" t="s">
        <v>102</v>
      </c>
      <c r="F1013" s="52" t="s">
        <v>116</v>
      </c>
      <c r="G1013" s="52" t="s">
        <v>115</v>
      </c>
      <c r="H1013" s="4">
        <v>915</v>
      </c>
      <c r="I1013" s="2">
        <v>0</v>
      </c>
    </row>
    <row r="1014" spans="1:9" hidden="1" x14ac:dyDescent="0.35">
      <c r="A1014" s="52" t="s">
        <v>78</v>
      </c>
      <c r="B1014" s="52" t="s">
        <v>79</v>
      </c>
      <c r="C1014" s="3">
        <v>20</v>
      </c>
      <c r="D1014" s="52" t="s">
        <v>83</v>
      </c>
      <c r="E1014" s="52" t="s">
        <v>121</v>
      </c>
      <c r="F1014" s="52" t="s">
        <v>112</v>
      </c>
      <c r="G1014" s="52" t="s">
        <v>108</v>
      </c>
      <c r="H1014" s="4">
        <v>147</v>
      </c>
      <c r="I1014" s="2">
        <v>0</v>
      </c>
    </row>
    <row r="1015" spans="1:9" x14ac:dyDescent="0.35">
      <c r="A1015" s="52" t="s">
        <v>78</v>
      </c>
      <c r="B1015" s="52" t="s">
        <v>79</v>
      </c>
      <c r="C1015" s="3">
        <v>20</v>
      </c>
      <c r="D1015" s="52" t="s">
        <v>83</v>
      </c>
      <c r="E1015" s="52" t="s">
        <v>111</v>
      </c>
      <c r="F1015" s="52" t="s">
        <v>124</v>
      </c>
      <c r="G1015" s="52" t="s">
        <v>108</v>
      </c>
      <c r="H1015" s="4">
        <v>1</v>
      </c>
      <c r="I1015" s="2">
        <v>0</v>
      </c>
    </row>
    <row r="1016" spans="1:9" hidden="1" x14ac:dyDescent="0.35">
      <c r="A1016" s="52" t="s">
        <v>78</v>
      </c>
      <c r="B1016" s="52" t="s">
        <v>79</v>
      </c>
      <c r="C1016" s="3">
        <v>20</v>
      </c>
      <c r="D1016" s="52" t="s">
        <v>83</v>
      </c>
      <c r="E1016" s="52" t="s">
        <v>102</v>
      </c>
      <c r="F1016" s="52" t="s">
        <v>101</v>
      </c>
      <c r="G1016" s="52" t="s">
        <v>108</v>
      </c>
      <c r="H1016" s="4">
        <v>11</v>
      </c>
      <c r="I1016" s="2">
        <v>0</v>
      </c>
    </row>
    <row r="1017" spans="1:9" hidden="1" x14ac:dyDescent="0.35">
      <c r="A1017" s="52" t="s">
        <v>78</v>
      </c>
      <c r="B1017" s="52" t="s">
        <v>79</v>
      </c>
      <c r="C1017" s="3">
        <v>20</v>
      </c>
      <c r="D1017" s="52" t="s">
        <v>83</v>
      </c>
      <c r="E1017" s="52" t="s">
        <v>118</v>
      </c>
      <c r="F1017" s="52" t="s">
        <v>119</v>
      </c>
      <c r="G1017" s="52" t="s">
        <v>115</v>
      </c>
      <c r="H1017" s="4">
        <v>1028</v>
      </c>
      <c r="I1017" s="2">
        <v>0</v>
      </c>
    </row>
    <row r="1018" spans="1:9" x14ac:dyDescent="0.35">
      <c r="A1018" s="52" t="s">
        <v>78</v>
      </c>
      <c r="B1018" s="52" t="s">
        <v>79</v>
      </c>
      <c r="C1018" s="3">
        <v>20</v>
      </c>
      <c r="D1018" s="52" t="s">
        <v>83</v>
      </c>
      <c r="E1018" s="52" t="s">
        <v>102</v>
      </c>
      <c r="F1018" s="52" t="s">
        <v>97</v>
      </c>
      <c r="G1018" s="52" t="s">
        <v>108</v>
      </c>
      <c r="H1018" s="4">
        <v>1</v>
      </c>
      <c r="I1018" s="2">
        <v>0</v>
      </c>
    </row>
    <row r="1019" spans="1:9" hidden="1" x14ac:dyDescent="0.35">
      <c r="A1019" s="52" t="s">
        <v>78</v>
      </c>
      <c r="B1019" s="52" t="s">
        <v>79</v>
      </c>
      <c r="C1019" s="3">
        <v>20</v>
      </c>
      <c r="D1019" s="52" t="s">
        <v>83</v>
      </c>
      <c r="E1019" s="52" t="s">
        <v>106</v>
      </c>
      <c r="F1019" s="52" t="s">
        <v>101</v>
      </c>
      <c r="G1019" s="52" t="s">
        <v>108</v>
      </c>
      <c r="H1019" s="4">
        <v>3</v>
      </c>
      <c r="I1019" s="2">
        <v>0</v>
      </c>
    </row>
    <row r="1020" spans="1:9" hidden="1" x14ac:dyDescent="0.35">
      <c r="A1020" s="52" t="s">
        <v>78</v>
      </c>
      <c r="B1020" s="52" t="s">
        <v>79</v>
      </c>
      <c r="C1020" s="3">
        <v>20</v>
      </c>
      <c r="D1020" s="52" t="s">
        <v>83</v>
      </c>
      <c r="E1020" s="52" t="s">
        <v>126</v>
      </c>
      <c r="F1020" s="52" t="s">
        <v>101</v>
      </c>
      <c r="G1020" s="52" t="s">
        <v>82</v>
      </c>
      <c r="H1020" s="4">
        <v>112</v>
      </c>
      <c r="I1020" s="2">
        <v>0</v>
      </c>
    </row>
    <row r="1021" spans="1:9" hidden="1" x14ac:dyDescent="0.35">
      <c r="A1021" s="52" t="s">
        <v>78</v>
      </c>
      <c r="B1021" s="52" t="s">
        <v>79</v>
      </c>
      <c r="C1021" s="3">
        <v>20</v>
      </c>
      <c r="D1021" s="52" t="s">
        <v>83</v>
      </c>
      <c r="E1021" s="52" t="s">
        <v>106</v>
      </c>
      <c r="F1021" s="52" t="s">
        <v>124</v>
      </c>
      <c r="G1021" s="52" t="s">
        <v>108</v>
      </c>
      <c r="H1021" s="4">
        <v>2</v>
      </c>
      <c r="I1021" s="2">
        <v>0</v>
      </c>
    </row>
    <row r="1022" spans="1:9" hidden="1" x14ac:dyDescent="0.35">
      <c r="A1022" s="52" t="s">
        <v>78</v>
      </c>
      <c r="B1022" s="52" t="s">
        <v>79</v>
      </c>
      <c r="C1022" s="3">
        <v>20</v>
      </c>
      <c r="D1022" s="52" t="s">
        <v>83</v>
      </c>
      <c r="E1022" s="52" t="s">
        <v>117</v>
      </c>
      <c r="F1022" s="52" t="s">
        <v>116</v>
      </c>
      <c r="G1022" s="52" t="s">
        <v>82</v>
      </c>
      <c r="H1022" s="4">
        <v>2227</v>
      </c>
      <c r="I1022" s="2">
        <v>0</v>
      </c>
    </row>
    <row r="1023" spans="1:9" hidden="1" x14ac:dyDescent="0.35">
      <c r="A1023" s="52" t="s">
        <v>78</v>
      </c>
      <c r="B1023" s="52" t="s">
        <v>79</v>
      </c>
      <c r="C1023" s="3">
        <v>20</v>
      </c>
      <c r="D1023" s="52" t="s">
        <v>83</v>
      </c>
      <c r="E1023" s="52" t="s">
        <v>139</v>
      </c>
      <c r="F1023" s="52" t="s">
        <v>140</v>
      </c>
      <c r="G1023" s="52" t="s">
        <v>82</v>
      </c>
      <c r="H1023" s="4">
        <v>214</v>
      </c>
      <c r="I1023" s="2">
        <v>0</v>
      </c>
    </row>
    <row r="1024" spans="1:9" hidden="1" x14ac:dyDescent="0.35">
      <c r="A1024" s="52" t="s">
        <v>78</v>
      </c>
      <c r="B1024" s="52" t="s">
        <v>79</v>
      </c>
      <c r="C1024" s="3">
        <v>20</v>
      </c>
      <c r="D1024" s="52" t="s">
        <v>83</v>
      </c>
      <c r="E1024" s="52" t="s">
        <v>102</v>
      </c>
      <c r="F1024" s="52" t="s">
        <v>103</v>
      </c>
      <c r="G1024" s="52" t="s">
        <v>82</v>
      </c>
      <c r="H1024" s="4">
        <v>428</v>
      </c>
      <c r="I1024" s="2">
        <v>0</v>
      </c>
    </row>
    <row r="1025" spans="1:9" hidden="1" x14ac:dyDescent="0.35">
      <c r="A1025" s="52" t="s">
        <v>78</v>
      </c>
      <c r="B1025" s="52" t="s">
        <v>79</v>
      </c>
      <c r="C1025" s="3">
        <v>20</v>
      </c>
      <c r="D1025" s="52" t="s">
        <v>83</v>
      </c>
      <c r="E1025" s="52" t="s">
        <v>113</v>
      </c>
      <c r="F1025" s="52" t="s">
        <v>114</v>
      </c>
      <c r="G1025" s="52" t="s">
        <v>115</v>
      </c>
      <c r="H1025" s="4">
        <v>2455</v>
      </c>
      <c r="I1025" s="2">
        <v>0</v>
      </c>
    </row>
    <row r="1026" spans="1:9" hidden="1" x14ac:dyDescent="0.35">
      <c r="A1026" s="52" t="s">
        <v>78</v>
      </c>
      <c r="B1026" s="52" t="s">
        <v>79</v>
      </c>
      <c r="C1026" s="3">
        <v>20</v>
      </c>
      <c r="D1026" s="52" t="s">
        <v>83</v>
      </c>
      <c r="E1026" s="52" t="s">
        <v>111</v>
      </c>
      <c r="F1026" s="52" t="s">
        <v>97</v>
      </c>
      <c r="G1026" s="52" t="s">
        <v>82</v>
      </c>
      <c r="H1026" s="4">
        <v>2</v>
      </c>
      <c r="I1026" s="2">
        <v>0</v>
      </c>
    </row>
    <row r="1027" spans="1:9" hidden="1" x14ac:dyDescent="0.35">
      <c r="A1027" s="52" t="s">
        <v>78</v>
      </c>
      <c r="B1027" s="52" t="s">
        <v>79</v>
      </c>
      <c r="C1027" s="3">
        <v>20</v>
      </c>
      <c r="D1027" s="52" t="s">
        <v>83</v>
      </c>
      <c r="E1027" s="52" t="s">
        <v>109</v>
      </c>
      <c r="F1027" s="52" t="s">
        <v>110</v>
      </c>
      <c r="G1027" s="52" t="s">
        <v>108</v>
      </c>
      <c r="H1027" s="4">
        <v>21</v>
      </c>
      <c r="I1027" s="2">
        <v>0</v>
      </c>
    </row>
    <row r="1028" spans="1:9" hidden="1" x14ac:dyDescent="0.35">
      <c r="A1028" s="52" t="s">
        <v>78</v>
      </c>
      <c r="B1028" s="52" t="s">
        <v>79</v>
      </c>
      <c r="C1028" s="3">
        <v>20</v>
      </c>
      <c r="D1028" s="52" t="s">
        <v>83</v>
      </c>
      <c r="E1028" s="52" t="s">
        <v>111</v>
      </c>
      <c r="F1028" s="52" t="s">
        <v>103</v>
      </c>
      <c r="G1028" s="52" t="s">
        <v>82</v>
      </c>
      <c r="H1028" s="4">
        <v>28</v>
      </c>
      <c r="I1028" s="2">
        <v>0</v>
      </c>
    </row>
    <row r="1029" spans="1:9" hidden="1" x14ac:dyDescent="0.35">
      <c r="A1029" s="52" t="s">
        <v>78</v>
      </c>
      <c r="B1029" s="52" t="s">
        <v>79</v>
      </c>
      <c r="C1029" s="3">
        <v>20</v>
      </c>
      <c r="D1029" s="52" t="s">
        <v>83</v>
      </c>
      <c r="E1029" s="52" t="s">
        <v>106</v>
      </c>
      <c r="F1029" s="52" t="s">
        <v>107</v>
      </c>
      <c r="G1029" s="52" t="s">
        <v>108</v>
      </c>
      <c r="H1029" s="4">
        <v>17</v>
      </c>
      <c r="I1029" s="2">
        <v>0</v>
      </c>
    </row>
    <row r="1030" spans="1:9" hidden="1" x14ac:dyDescent="0.35">
      <c r="A1030" s="52" t="s">
        <v>78</v>
      </c>
      <c r="B1030" s="52" t="s">
        <v>79</v>
      </c>
      <c r="C1030" s="3">
        <v>20</v>
      </c>
      <c r="D1030" s="52" t="s">
        <v>83</v>
      </c>
      <c r="E1030" s="52" t="s">
        <v>128</v>
      </c>
      <c r="F1030" s="52" t="s">
        <v>129</v>
      </c>
      <c r="G1030" s="52" t="s">
        <v>82</v>
      </c>
      <c r="H1030" s="4">
        <v>2</v>
      </c>
      <c r="I1030" s="2">
        <v>0</v>
      </c>
    </row>
    <row r="1031" spans="1:9" hidden="1" x14ac:dyDescent="0.35">
      <c r="A1031" s="52" t="s">
        <v>78</v>
      </c>
      <c r="B1031" s="52" t="s">
        <v>79</v>
      </c>
      <c r="C1031" s="3">
        <v>20</v>
      </c>
      <c r="D1031" s="52" t="s">
        <v>83</v>
      </c>
      <c r="E1031" s="52" t="s">
        <v>135</v>
      </c>
      <c r="F1031" s="52" t="s">
        <v>112</v>
      </c>
      <c r="G1031" s="52" t="s">
        <v>82</v>
      </c>
      <c r="H1031" s="4">
        <v>15723</v>
      </c>
      <c r="I1031" s="2">
        <v>0</v>
      </c>
    </row>
    <row r="1032" spans="1:9" hidden="1" x14ac:dyDescent="0.35">
      <c r="A1032" s="52" t="s">
        <v>78</v>
      </c>
      <c r="B1032" s="52" t="s">
        <v>79</v>
      </c>
      <c r="C1032" s="3">
        <v>20</v>
      </c>
      <c r="D1032" s="52" t="s">
        <v>83</v>
      </c>
      <c r="E1032" s="52" t="s">
        <v>111</v>
      </c>
      <c r="F1032" s="52" t="s">
        <v>93</v>
      </c>
      <c r="G1032" s="52" t="s">
        <v>82</v>
      </c>
      <c r="H1032" s="4">
        <v>41</v>
      </c>
      <c r="I1032" s="2">
        <v>0</v>
      </c>
    </row>
    <row r="1033" spans="1:9" hidden="1" x14ac:dyDescent="0.35">
      <c r="A1033" s="52" t="s">
        <v>78</v>
      </c>
      <c r="B1033" s="52" t="s">
        <v>79</v>
      </c>
      <c r="C1033" s="3">
        <v>20</v>
      </c>
      <c r="D1033" s="52" t="s">
        <v>83</v>
      </c>
      <c r="E1033" s="52" t="s">
        <v>126</v>
      </c>
      <c r="F1033" s="52" t="s">
        <v>103</v>
      </c>
      <c r="G1033" s="52" t="s">
        <v>82</v>
      </c>
      <c r="H1033" s="4">
        <v>14</v>
      </c>
      <c r="I1033" s="2">
        <v>0</v>
      </c>
    </row>
    <row r="1034" spans="1:9" hidden="1" x14ac:dyDescent="0.35">
      <c r="A1034" s="52" t="s">
        <v>78</v>
      </c>
      <c r="B1034" s="52" t="s">
        <v>79</v>
      </c>
      <c r="C1034" s="3">
        <v>20</v>
      </c>
      <c r="D1034" s="52" t="s">
        <v>83</v>
      </c>
      <c r="E1034" s="52" t="s">
        <v>111</v>
      </c>
      <c r="F1034" s="52" t="s">
        <v>107</v>
      </c>
      <c r="G1034" s="52" t="s">
        <v>108</v>
      </c>
      <c r="H1034" s="4">
        <v>62</v>
      </c>
      <c r="I1034" s="2">
        <v>0</v>
      </c>
    </row>
    <row r="1035" spans="1:9" x14ac:dyDescent="0.35">
      <c r="A1035" s="52" t="s">
        <v>78</v>
      </c>
      <c r="B1035" s="52" t="s">
        <v>79</v>
      </c>
      <c r="C1035" s="3">
        <v>20</v>
      </c>
      <c r="D1035" s="52" t="s">
        <v>83</v>
      </c>
      <c r="E1035" s="52" t="s">
        <v>102</v>
      </c>
      <c r="F1035" s="52" t="s">
        <v>123</v>
      </c>
      <c r="G1035" s="52" t="s">
        <v>108</v>
      </c>
      <c r="H1035" s="4">
        <v>1</v>
      </c>
      <c r="I1035" s="2">
        <v>0</v>
      </c>
    </row>
    <row r="1036" spans="1:9" hidden="1" x14ac:dyDescent="0.35">
      <c r="A1036" s="52" t="s">
        <v>78</v>
      </c>
      <c r="B1036" s="52" t="s">
        <v>79</v>
      </c>
      <c r="C1036" s="3">
        <v>20</v>
      </c>
      <c r="D1036" s="52" t="s">
        <v>83</v>
      </c>
      <c r="E1036" s="52" t="s">
        <v>111</v>
      </c>
      <c r="F1036" s="52" t="s">
        <v>95</v>
      </c>
      <c r="G1036" s="52" t="s">
        <v>82</v>
      </c>
      <c r="H1036" s="4">
        <v>71</v>
      </c>
      <c r="I1036" s="2">
        <v>0</v>
      </c>
    </row>
    <row r="1037" spans="1:9" hidden="1" x14ac:dyDescent="0.35">
      <c r="A1037" s="52" t="s">
        <v>78</v>
      </c>
      <c r="B1037" s="52" t="s">
        <v>79</v>
      </c>
      <c r="C1037" s="3">
        <v>20</v>
      </c>
      <c r="D1037" s="52" t="s">
        <v>83</v>
      </c>
      <c r="E1037" s="52" t="s">
        <v>122</v>
      </c>
      <c r="F1037" s="52" t="s">
        <v>123</v>
      </c>
      <c r="G1037" s="52" t="s">
        <v>108</v>
      </c>
      <c r="H1037" s="4">
        <v>994</v>
      </c>
      <c r="I1037" s="2">
        <v>0</v>
      </c>
    </row>
    <row r="1038" spans="1:9" hidden="1" x14ac:dyDescent="0.35">
      <c r="A1038" s="52" t="s">
        <v>78</v>
      </c>
      <c r="B1038" s="52" t="s">
        <v>79</v>
      </c>
      <c r="C1038" s="3">
        <v>20</v>
      </c>
      <c r="D1038" s="52" t="s">
        <v>83</v>
      </c>
      <c r="E1038" s="52" t="s">
        <v>102</v>
      </c>
      <c r="F1038" s="52" t="s">
        <v>124</v>
      </c>
      <c r="G1038" s="52" t="s">
        <v>108</v>
      </c>
      <c r="H1038" s="4">
        <v>19</v>
      </c>
      <c r="I1038" s="2">
        <v>0</v>
      </c>
    </row>
    <row r="1039" spans="1:9" hidden="1" x14ac:dyDescent="0.35">
      <c r="A1039" s="52" t="s">
        <v>78</v>
      </c>
      <c r="B1039" s="52" t="s">
        <v>79</v>
      </c>
      <c r="C1039" s="3">
        <v>211</v>
      </c>
      <c r="D1039" s="52" t="s">
        <v>83</v>
      </c>
      <c r="E1039" s="52" t="s">
        <v>92</v>
      </c>
      <c r="F1039" s="52" t="s">
        <v>93</v>
      </c>
      <c r="G1039" s="52" t="s">
        <v>82</v>
      </c>
      <c r="H1039" s="4">
        <v>3855</v>
      </c>
      <c r="I1039" s="2">
        <v>30069.23</v>
      </c>
    </row>
    <row r="1040" spans="1:9" hidden="1" x14ac:dyDescent="0.35">
      <c r="A1040" s="52" t="s">
        <v>78</v>
      </c>
      <c r="B1040" s="52" t="s">
        <v>79</v>
      </c>
      <c r="C1040" s="3">
        <v>211</v>
      </c>
      <c r="D1040" s="52" t="s">
        <v>83</v>
      </c>
      <c r="E1040" s="52" t="s">
        <v>40</v>
      </c>
      <c r="F1040" s="52" t="s">
        <v>96</v>
      </c>
      <c r="G1040" s="52" t="s">
        <v>82</v>
      </c>
      <c r="H1040" s="4">
        <v>46</v>
      </c>
      <c r="I1040" s="2">
        <v>1150</v>
      </c>
    </row>
    <row r="1041" spans="1:9" hidden="1" x14ac:dyDescent="0.35">
      <c r="A1041" s="52" t="s">
        <v>78</v>
      </c>
      <c r="B1041" s="52" t="s">
        <v>79</v>
      </c>
      <c r="C1041" s="3">
        <v>211</v>
      </c>
      <c r="D1041" s="52" t="s">
        <v>83</v>
      </c>
      <c r="E1041" s="52" t="s">
        <v>36</v>
      </c>
      <c r="F1041" s="52" t="s">
        <v>95</v>
      </c>
      <c r="G1041" s="52" t="s">
        <v>82</v>
      </c>
      <c r="H1041" s="4">
        <v>88</v>
      </c>
      <c r="I1041" s="2">
        <v>413.6</v>
      </c>
    </row>
    <row r="1042" spans="1:9" hidden="1" x14ac:dyDescent="0.35">
      <c r="A1042" s="52" t="s">
        <v>78</v>
      </c>
      <c r="B1042" s="52" t="s">
        <v>79</v>
      </c>
      <c r="C1042" s="3">
        <v>211</v>
      </c>
      <c r="D1042" s="52" t="s">
        <v>83</v>
      </c>
      <c r="E1042" s="52" t="s">
        <v>26</v>
      </c>
      <c r="F1042" s="52" t="s">
        <v>81</v>
      </c>
      <c r="G1042" s="52" t="s">
        <v>82</v>
      </c>
      <c r="H1042" s="4">
        <v>26</v>
      </c>
      <c r="I1042" s="2">
        <v>380.9</v>
      </c>
    </row>
    <row r="1043" spans="1:9" hidden="1" x14ac:dyDescent="0.35">
      <c r="A1043" s="52" t="s">
        <v>78</v>
      </c>
      <c r="B1043" s="52" t="s">
        <v>79</v>
      </c>
      <c r="C1043" s="3">
        <v>211</v>
      </c>
      <c r="D1043" s="52" t="s">
        <v>83</v>
      </c>
      <c r="E1043" s="52" t="s">
        <v>38</v>
      </c>
      <c r="F1043" s="52" t="s">
        <v>97</v>
      </c>
      <c r="G1043" s="52" t="s">
        <v>82</v>
      </c>
      <c r="H1043" s="4">
        <v>14</v>
      </c>
      <c r="I1043" s="2">
        <v>210.4</v>
      </c>
    </row>
    <row r="1044" spans="1:9" hidden="1" x14ac:dyDescent="0.35">
      <c r="A1044" s="52" t="s">
        <v>78</v>
      </c>
      <c r="B1044" s="52" t="s">
        <v>79</v>
      </c>
      <c r="C1044" s="3">
        <v>211</v>
      </c>
      <c r="D1044" s="52" t="s">
        <v>83</v>
      </c>
      <c r="E1044" s="52" t="s">
        <v>90</v>
      </c>
      <c r="F1044" s="52" t="s">
        <v>91</v>
      </c>
      <c r="G1044" s="52" t="s">
        <v>82</v>
      </c>
      <c r="H1044" s="4">
        <v>8</v>
      </c>
      <c r="I1044" s="2">
        <v>49.4</v>
      </c>
    </row>
    <row r="1045" spans="1:9" hidden="1" x14ac:dyDescent="0.35">
      <c r="A1045" s="52" t="s">
        <v>78</v>
      </c>
      <c r="B1045" s="52" t="s">
        <v>79</v>
      </c>
      <c r="C1045" s="3">
        <v>211</v>
      </c>
      <c r="D1045" s="52" t="s">
        <v>83</v>
      </c>
      <c r="E1045" s="52" t="s">
        <v>106</v>
      </c>
      <c r="F1045" s="52" t="s">
        <v>107</v>
      </c>
      <c r="G1045" s="52" t="s">
        <v>108</v>
      </c>
      <c r="H1045" s="4">
        <v>4</v>
      </c>
      <c r="I1045" s="2">
        <v>0</v>
      </c>
    </row>
    <row r="1046" spans="1:9" hidden="1" x14ac:dyDescent="0.35">
      <c r="A1046" s="52" t="s">
        <v>78</v>
      </c>
      <c r="B1046" s="52" t="s">
        <v>79</v>
      </c>
      <c r="C1046" s="3">
        <v>211</v>
      </c>
      <c r="D1046" s="52" t="s">
        <v>83</v>
      </c>
      <c r="E1046" s="52" t="s">
        <v>111</v>
      </c>
      <c r="F1046" s="52" t="s">
        <v>107</v>
      </c>
      <c r="G1046" s="52" t="s">
        <v>108</v>
      </c>
      <c r="H1046" s="4">
        <v>4</v>
      </c>
      <c r="I1046" s="2">
        <v>0</v>
      </c>
    </row>
    <row r="1047" spans="1:9" hidden="1" x14ac:dyDescent="0.35">
      <c r="A1047" s="52" t="s">
        <v>78</v>
      </c>
      <c r="B1047" s="52" t="s">
        <v>79</v>
      </c>
      <c r="C1047" s="3">
        <v>211</v>
      </c>
      <c r="D1047" s="52" t="s">
        <v>83</v>
      </c>
      <c r="E1047" s="52" t="s">
        <v>111</v>
      </c>
      <c r="F1047" s="52" t="s">
        <v>103</v>
      </c>
      <c r="G1047" s="52" t="s">
        <v>82</v>
      </c>
      <c r="H1047" s="4">
        <v>3</v>
      </c>
      <c r="I1047" s="2">
        <v>0</v>
      </c>
    </row>
    <row r="1048" spans="1:9" hidden="1" x14ac:dyDescent="0.35">
      <c r="A1048" s="52" t="s">
        <v>78</v>
      </c>
      <c r="B1048" s="52" t="s">
        <v>79</v>
      </c>
      <c r="C1048" s="3">
        <v>211</v>
      </c>
      <c r="D1048" s="52" t="s">
        <v>83</v>
      </c>
      <c r="E1048" s="52" t="s">
        <v>113</v>
      </c>
      <c r="F1048" s="52" t="s">
        <v>114</v>
      </c>
      <c r="G1048" s="52" t="s">
        <v>115</v>
      </c>
      <c r="H1048" s="4">
        <v>246</v>
      </c>
      <c r="I1048" s="2">
        <v>0</v>
      </c>
    </row>
    <row r="1049" spans="1:9" x14ac:dyDescent="0.35">
      <c r="A1049" s="52" t="s">
        <v>78</v>
      </c>
      <c r="B1049" s="52" t="s">
        <v>79</v>
      </c>
      <c r="C1049" s="3">
        <v>211</v>
      </c>
      <c r="D1049" s="52" t="s">
        <v>83</v>
      </c>
      <c r="E1049" s="52" t="s">
        <v>111</v>
      </c>
      <c r="F1049" s="52" t="s">
        <v>81</v>
      </c>
      <c r="G1049" s="52" t="s">
        <v>82</v>
      </c>
      <c r="H1049" s="4">
        <v>1</v>
      </c>
      <c r="I1049" s="2">
        <v>0</v>
      </c>
    </row>
    <row r="1050" spans="1:9" hidden="1" x14ac:dyDescent="0.35">
      <c r="A1050" s="52" t="s">
        <v>78</v>
      </c>
      <c r="B1050" s="52" t="s">
        <v>79</v>
      </c>
      <c r="C1050" s="3">
        <v>211</v>
      </c>
      <c r="D1050" s="52" t="s">
        <v>83</v>
      </c>
      <c r="E1050" s="52" t="s">
        <v>111</v>
      </c>
      <c r="F1050" s="52" t="s">
        <v>93</v>
      </c>
      <c r="G1050" s="52" t="s">
        <v>82</v>
      </c>
      <c r="H1050" s="4">
        <v>26</v>
      </c>
      <c r="I1050" s="2">
        <v>0</v>
      </c>
    </row>
    <row r="1051" spans="1:9" hidden="1" x14ac:dyDescent="0.35">
      <c r="A1051" s="52" t="s">
        <v>78</v>
      </c>
      <c r="B1051" s="52" t="s">
        <v>79</v>
      </c>
      <c r="C1051" s="3">
        <v>211</v>
      </c>
      <c r="D1051" s="52" t="s">
        <v>83</v>
      </c>
      <c r="E1051" s="52" t="s">
        <v>111</v>
      </c>
      <c r="F1051" s="52" t="s">
        <v>101</v>
      </c>
      <c r="G1051" s="52" t="s">
        <v>82</v>
      </c>
      <c r="H1051" s="4">
        <v>43</v>
      </c>
      <c r="I1051" s="2">
        <v>0</v>
      </c>
    </row>
    <row r="1052" spans="1:9" hidden="1" x14ac:dyDescent="0.35">
      <c r="A1052" s="52" t="s">
        <v>78</v>
      </c>
      <c r="B1052" s="52" t="s">
        <v>79</v>
      </c>
      <c r="C1052" s="3">
        <v>211</v>
      </c>
      <c r="D1052" s="52" t="s">
        <v>83</v>
      </c>
      <c r="E1052" s="52" t="s">
        <v>117</v>
      </c>
      <c r="F1052" s="52" t="s">
        <v>116</v>
      </c>
      <c r="G1052" s="52" t="s">
        <v>82</v>
      </c>
      <c r="H1052" s="4">
        <v>248</v>
      </c>
      <c r="I1052" s="2">
        <v>0</v>
      </c>
    </row>
    <row r="1053" spans="1:9" hidden="1" x14ac:dyDescent="0.35">
      <c r="A1053" s="52" t="s">
        <v>78</v>
      </c>
      <c r="B1053" s="52" t="s">
        <v>79</v>
      </c>
      <c r="C1053" s="3">
        <v>211</v>
      </c>
      <c r="D1053" s="52" t="s">
        <v>83</v>
      </c>
      <c r="E1053" s="52" t="s">
        <v>104</v>
      </c>
      <c r="F1053" s="52" t="s">
        <v>101</v>
      </c>
      <c r="G1053" s="52" t="s">
        <v>82</v>
      </c>
      <c r="H1053" s="4">
        <v>34</v>
      </c>
      <c r="I1053" s="2">
        <v>0</v>
      </c>
    </row>
    <row r="1054" spans="1:9" hidden="1" x14ac:dyDescent="0.35">
      <c r="A1054" s="52" t="s">
        <v>78</v>
      </c>
      <c r="B1054" s="52" t="s">
        <v>79</v>
      </c>
      <c r="C1054" s="3">
        <v>211</v>
      </c>
      <c r="D1054" s="52" t="s">
        <v>83</v>
      </c>
      <c r="E1054" s="52" t="s">
        <v>134</v>
      </c>
      <c r="F1054" s="52" t="s">
        <v>123</v>
      </c>
      <c r="G1054" s="52" t="s">
        <v>82</v>
      </c>
      <c r="H1054" s="4">
        <v>22</v>
      </c>
      <c r="I1054" s="2">
        <v>0</v>
      </c>
    </row>
    <row r="1055" spans="1:9" hidden="1" x14ac:dyDescent="0.35">
      <c r="A1055" s="52" t="s">
        <v>78</v>
      </c>
      <c r="B1055" s="52" t="s">
        <v>79</v>
      </c>
      <c r="C1055" s="3">
        <v>211</v>
      </c>
      <c r="D1055" s="52" t="s">
        <v>83</v>
      </c>
      <c r="E1055" s="52" t="s">
        <v>104</v>
      </c>
      <c r="F1055" s="52" t="s">
        <v>105</v>
      </c>
      <c r="G1055" s="52" t="s">
        <v>82</v>
      </c>
      <c r="H1055" s="4">
        <v>26</v>
      </c>
      <c r="I1055" s="2">
        <v>0</v>
      </c>
    </row>
    <row r="1056" spans="1:9" hidden="1" x14ac:dyDescent="0.35">
      <c r="A1056" s="52" t="s">
        <v>78</v>
      </c>
      <c r="B1056" s="52" t="s">
        <v>79</v>
      </c>
      <c r="C1056" s="3">
        <v>211</v>
      </c>
      <c r="D1056" s="52" t="s">
        <v>83</v>
      </c>
      <c r="E1056" s="52" t="s">
        <v>126</v>
      </c>
      <c r="F1056" s="52" t="s">
        <v>101</v>
      </c>
      <c r="G1056" s="52" t="s">
        <v>82</v>
      </c>
      <c r="H1056" s="4">
        <v>2</v>
      </c>
      <c r="I1056" s="2">
        <v>0</v>
      </c>
    </row>
    <row r="1057" spans="1:9" hidden="1" x14ac:dyDescent="0.35">
      <c r="A1057" s="52" t="s">
        <v>78</v>
      </c>
      <c r="B1057" s="52" t="s">
        <v>79</v>
      </c>
      <c r="C1057" s="3">
        <v>211</v>
      </c>
      <c r="D1057" s="52" t="s">
        <v>83</v>
      </c>
      <c r="E1057" s="52" t="s">
        <v>122</v>
      </c>
      <c r="F1057" s="52" t="s">
        <v>123</v>
      </c>
      <c r="G1057" s="52" t="s">
        <v>108</v>
      </c>
      <c r="H1057" s="4">
        <v>9</v>
      </c>
      <c r="I1057" s="2">
        <v>0</v>
      </c>
    </row>
    <row r="1058" spans="1:9" hidden="1" x14ac:dyDescent="0.35">
      <c r="A1058" s="52" t="s">
        <v>78</v>
      </c>
      <c r="B1058" s="52" t="s">
        <v>79</v>
      </c>
      <c r="C1058" s="3">
        <v>211</v>
      </c>
      <c r="D1058" s="52" t="s">
        <v>83</v>
      </c>
      <c r="E1058" s="52" t="s">
        <v>102</v>
      </c>
      <c r="F1058" s="52" t="s">
        <v>103</v>
      </c>
      <c r="G1058" s="52" t="s">
        <v>82</v>
      </c>
      <c r="H1058" s="4">
        <v>66</v>
      </c>
      <c r="I1058" s="2">
        <v>0</v>
      </c>
    </row>
    <row r="1059" spans="1:9" hidden="1" x14ac:dyDescent="0.35">
      <c r="A1059" s="52" t="s">
        <v>78</v>
      </c>
      <c r="B1059" s="52" t="s">
        <v>79</v>
      </c>
      <c r="C1059" s="3">
        <v>211</v>
      </c>
      <c r="D1059" s="52" t="s">
        <v>83</v>
      </c>
      <c r="E1059" s="52" t="s">
        <v>102</v>
      </c>
      <c r="F1059" s="52" t="s">
        <v>101</v>
      </c>
      <c r="G1059" s="52" t="s">
        <v>108</v>
      </c>
      <c r="H1059" s="4">
        <v>2</v>
      </c>
      <c r="I1059" s="2">
        <v>0</v>
      </c>
    </row>
    <row r="1060" spans="1:9" hidden="1" x14ac:dyDescent="0.35">
      <c r="A1060" s="52" t="s">
        <v>78</v>
      </c>
      <c r="B1060" s="52" t="s">
        <v>79</v>
      </c>
      <c r="C1060" s="3">
        <v>211</v>
      </c>
      <c r="D1060" s="52" t="s">
        <v>83</v>
      </c>
      <c r="E1060" s="52" t="s">
        <v>111</v>
      </c>
      <c r="F1060" s="52" t="s">
        <v>95</v>
      </c>
      <c r="G1060" s="52" t="s">
        <v>82</v>
      </c>
      <c r="H1060" s="4">
        <v>15</v>
      </c>
      <c r="I1060" s="2">
        <v>0</v>
      </c>
    </row>
    <row r="1061" spans="1:9" hidden="1" x14ac:dyDescent="0.35">
      <c r="A1061" s="52" t="s">
        <v>78</v>
      </c>
      <c r="B1061" s="52" t="s">
        <v>79</v>
      </c>
      <c r="C1061" s="3">
        <v>211</v>
      </c>
      <c r="D1061" s="52" t="s">
        <v>83</v>
      </c>
      <c r="E1061" s="52" t="s">
        <v>102</v>
      </c>
      <c r="F1061" s="52" t="s">
        <v>107</v>
      </c>
      <c r="G1061" s="52" t="s">
        <v>108</v>
      </c>
      <c r="H1061" s="4">
        <v>31</v>
      </c>
      <c r="I1061" s="2">
        <v>0</v>
      </c>
    </row>
    <row r="1062" spans="1:9" hidden="1" x14ac:dyDescent="0.35">
      <c r="A1062" s="52" t="s">
        <v>78</v>
      </c>
      <c r="B1062" s="52" t="s">
        <v>79</v>
      </c>
      <c r="C1062" s="3">
        <v>211</v>
      </c>
      <c r="D1062" s="52" t="s">
        <v>83</v>
      </c>
      <c r="E1062" s="52" t="s">
        <v>139</v>
      </c>
      <c r="F1062" s="52" t="s">
        <v>140</v>
      </c>
      <c r="G1062" s="52" t="s">
        <v>82</v>
      </c>
      <c r="H1062" s="4">
        <v>22</v>
      </c>
      <c r="I1062" s="2">
        <v>0</v>
      </c>
    </row>
    <row r="1063" spans="1:9" x14ac:dyDescent="0.35">
      <c r="A1063" s="52" t="s">
        <v>78</v>
      </c>
      <c r="B1063" s="52" t="s">
        <v>79</v>
      </c>
      <c r="C1063" s="3">
        <v>211</v>
      </c>
      <c r="D1063" s="52" t="s">
        <v>83</v>
      </c>
      <c r="E1063" s="52" t="s">
        <v>109</v>
      </c>
      <c r="F1063" s="52" t="s">
        <v>110</v>
      </c>
      <c r="G1063" s="52" t="s">
        <v>108</v>
      </c>
      <c r="H1063" s="4">
        <v>1</v>
      </c>
      <c r="I1063" s="2">
        <v>0</v>
      </c>
    </row>
    <row r="1064" spans="1:9" hidden="1" x14ac:dyDescent="0.35">
      <c r="A1064" s="52" t="s">
        <v>78</v>
      </c>
      <c r="B1064" s="52" t="s">
        <v>79</v>
      </c>
      <c r="C1064" s="3">
        <v>211</v>
      </c>
      <c r="D1064" s="52" t="s">
        <v>83</v>
      </c>
      <c r="E1064" s="52" t="s">
        <v>118</v>
      </c>
      <c r="F1064" s="52" t="s">
        <v>119</v>
      </c>
      <c r="G1064" s="52" t="s">
        <v>115</v>
      </c>
      <c r="H1064" s="4">
        <v>130</v>
      </c>
      <c r="I1064" s="2">
        <v>0</v>
      </c>
    </row>
    <row r="1065" spans="1:9" hidden="1" x14ac:dyDescent="0.35">
      <c r="A1065" s="52" t="s">
        <v>78</v>
      </c>
      <c r="B1065" s="52" t="s">
        <v>79</v>
      </c>
      <c r="C1065" s="3">
        <v>211</v>
      </c>
      <c r="D1065" s="52" t="s">
        <v>83</v>
      </c>
      <c r="E1065" s="52" t="s">
        <v>120</v>
      </c>
      <c r="F1065" s="52" t="s">
        <v>116</v>
      </c>
      <c r="G1065" s="52" t="s">
        <v>115</v>
      </c>
      <c r="H1065" s="4">
        <v>130</v>
      </c>
      <c r="I1065" s="2">
        <v>0</v>
      </c>
    </row>
    <row r="1066" spans="1:9" hidden="1" x14ac:dyDescent="0.35">
      <c r="A1066" s="52" t="s">
        <v>78</v>
      </c>
      <c r="B1066" s="52" t="s">
        <v>79</v>
      </c>
      <c r="C1066" s="3">
        <v>211</v>
      </c>
      <c r="D1066" s="52" t="s">
        <v>83</v>
      </c>
      <c r="E1066" s="52" t="s">
        <v>111</v>
      </c>
      <c r="F1066" s="52" t="s">
        <v>105</v>
      </c>
      <c r="G1066" s="52" t="s">
        <v>82</v>
      </c>
      <c r="H1066" s="4">
        <v>14</v>
      </c>
      <c r="I1066" s="2">
        <v>0</v>
      </c>
    </row>
    <row r="1067" spans="1:9" x14ac:dyDescent="0.35">
      <c r="A1067" s="52" t="s">
        <v>78</v>
      </c>
      <c r="B1067" s="52" t="s">
        <v>79</v>
      </c>
      <c r="C1067" s="3">
        <v>211</v>
      </c>
      <c r="D1067" s="52" t="s">
        <v>83</v>
      </c>
      <c r="E1067" s="52" t="s">
        <v>106</v>
      </c>
      <c r="F1067" s="52" t="s">
        <v>101</v>
      </c>
      <c r="G1067" s="52" t="s">
        <v>108</v>
      </c>
      <c r="H1067" s="4">
        <v>1</v>
      </c>
      <c r="I1067" s="2">
        <v>0</v>
      </c>
    </row>
    <row r="1068" spans="1:9" hidden="1" x14ac:dyDescent="0.35">
      <c r="A1068" s="52" t="s">
        <v>78</v>
      </c>
      <c r="B1068" s="52" t="s">
        <v>79</v>
      </c>
      <c r="C1068" s="3">
        <v>211</v>
      </c>
      <c r="D1068" s="52" t="s">
        <v>83</v>
      </c>
      <c r="E1068" s="52" t="s">
        <v>102</v>
      </c>
      <c r="F1068" s="52" t="s">
        <v>116</v>
      </c>
      <c r="G1068" s="52" t="s">
        <v>115</v>
      </c>
      <c r="H1068" s="4">
        <v>129</v>
      </c>
      <c r="I1068" s="2">
        <v>0</v>
      </c>
    </row>
    <row r="1069" spans="1:9" hidden="1" x14ac:dyDescent="0.35">
      <c r="A1069" s="52" t="s">
        <v>78</v>
      </c>
      <c r="B1069" s="52" t="s">
        <v>79</v>
      </c>
      <c r="C1069" s="3">
        <v>211</v>
      </c>
      <c r="D1069" s="52" t="s">
        <v>83</v>
      </c>
      <c r="E1069" s="52" t="s">
        <v>135</v>
      </c>
      <c r="F1069" s="52" t="s">
        <v>112</v>
      </c>
      <c r="G1069" s="52" t="s">
        <v>82</v>
      </c>
      <c r="H1069" s="4">
        <v>298</v>
      </c>
      <c r="I1069" s="2">
        <v>0</v>
      </c>
    </row>
    <row r="1070" spans="1:9" hidden="1" x14ac:dyDescent="0.35">
      <c r="A1070" s="52" t="s">
        <v>78</v>
      </c>
      <c r="B1070" s="52" t="s">
        <v>79</v>
      </c>
      <c r="C1070" s="3">
        <v>211</v>
      </c>
      <c r="D1070" s="52" t="s">
        <v>83</v>
      </c>
      <c r="E1070" s="52" t="s">
        <v>121</v>
      </c>
      <c r="F1070" s="52" t="s">
        <v>112</v>
      </c>
      <c r="G1070" s="52" t="s">
        <v>108</v>
      </c>
      <c r="H1070" s="4">
        <v>3</v>
      </c>
      <c r="I1070" s="2">
        <v>0</v>
      </c>
    </row>
    <row r="1071" spans="1:9" hidden="1" x14ac:dyDescent="0.35">
      <c r="A1071" s="52" t="s">
        <v>78</v>
      </c>
      <c r="B1071" s="52" t="s">
        <v>79</v>
      </c>
      <c r="C1071" s="3">
        <v>212</v>
      </c>
      <c r="D1071" s="52" t="s">
        <v>83</v>
      </c>
      <c r="E1071" s="52" t="s">
        <v>92</v>
      </c>
      <c r="F1071" s="52" t="s">
        <v>93</v>
      </c>
      <c r="G1071" s="52" t="s">
        <v>82</v>
      </c>
      <c r="H1071" s="4">
        <v>897</v>
      </c>
      <c r="I1071" s="2">
        <v>16900.009999999998</v>
      </c>
    </row>
    <row r="1072" spans="1:9" x14ac:dyDescent="0.35">
      <c r="A1072" s="52" t="s">
        <v>78</v>
      </c>
      <c r="B1072" s="52" t="s">
        <v>79</v>
      </c>
      <c r="C1072" s="3">
        <v>212</v>
      </c>
      <c r="D1072" s="52" t="s">
        <v>83</v>
      </c>
      <c r="E1072" s="52" t="s">
        <v>29</v>
      </c>
      <c r="F1072" s="52" t="s">
        <v>94</v>
      </c>
      <c r="G1072" s="52" t="s">
        <v>82</v>
      </c>
      <c r="H1072" s="4">
        <v>1</v>
      </c>
      <c r="I1072" s="2">
        <v>314.52999999999997</v>
      </c>
    </row>
    <row r="1073" spans="1:9" hidden="1" x14ac:dyDescent="0.35">
      <c r="A1073" s="52" t="s">
        <v>78</v>
      </c>
      <c r="B1073" s="52" t="s">
        <v>79</v>
      </c>
      <c r="C1073" s="3">
        <v>212</v>
      </c>
      <c r="D1073" s="52" t="s">
        <v>83</v>
      </c>
      <c r="E1073" s="52" t="s">
        <v>36</v>
      </c>
      <c r="F1073" s="52" t="s">
        <v>95</v>
      </c>
      <c r="G1073" s="52" t="s">
        <v>82</v>
      </c>
      <c r="H1073" s="4">
        <v>33</v>
      </c>
      <c r="I1073" s="2">
        <v>155.1</v>
      </c>
    </row>
    <row r="1074" spans="1:9" hidden="1" x14ac:dyDescent="0.35">
      <c r="A1074" s="52" t="s">
        <v>78</v>
      </c>
      <c r="B1074" s="52" t="s">
        <v>79</v>
      </c>
      <c r="C1074" s="3">
        <v>212</v>
      </c>
      <c r="D1074" s="52" t="s">
        <v>83</v>
      </c>
      <c r="E1074" s="52" t="s">
        <v>26</v>
      </c>
      <c r="F1074" s="52" t="s">
        <v>81</v>
      </c>
      <c r="G1074" s="52" t="s">
        <v>82</v>
      </c>
      <c r="H1074" s="4">
        <v>6</v>
      </c>
      <c r="I1074" s="2">
        <v>87.9</v>
      </c>
    </row>
    <row r="1075" spans="1:9" hidden="1" x14ac:dyDescent="0.35">
      <c r="A1075" s="52" t="s">
        <v>78</v>
      </c>
      <c r="B1075" s="52" t="s">
        <v>79</v>
      </c>
      <c r="C1075" s="3">
        <v>212</v>
      </c>
      <c r="D1075" s="52" t="s">
        <v>83</v>
      </c>
      <c r="E1075" s="52" t="s">
        <v>38</v>
      </c>
      <c r="F1075" s="52" t="s">
        <v>97</v>
      </c>
      <c r="G1075" s="52" t="s">
        <v>82</v>
      </c>
      <c r="H1075" s="4">
        <v>2</v>
      </c>
      <c r="I1075" s="2">
        <v>9.4</v>
      </c>
    </row>
    <row r="1076" spans="1:9" x14ac:dyDescent="0.35">
      <c r="A1076" s="52" t="s">
        <v>78</v>
      </c>
      <c r="B1076" s="52" t="s">
        <v>79</v>
      </c>
      <c r="C1076" s="3">
        <v>212</v>
      </c>
      <c r="D1076" s="52" t="s">
        <v>83</v>
      </c>
      <c r="E1076" s="52" t="s">
        <v>90</v>
      </c>
      <c r="F1076" s="52" t="s">
        <v>91</v>
      </c>
      <c r="G1076" s="52" t="s">
        <v>82</v>
      </c>
      <c r="H1076" s="4">
        <v>1</v>
      </c>
      <c r="I1076" s="2">
        <v>6.99</v>
      </c>
    </row>
    <row r="1077" spans="1:9" x14ac:dyDescent="0.35">
      <c r="A1077" s="52" t="s">
        <v>78</v>
      </c>
      <c r="B1077" s="52" t="s">
        <v>79</v>
      </c>
      <c r="C1077" s="3">
        <v>212</v>
      </c>
      <c r="D1077" s="52" t="s">
        <v>83</v>
      </c>
      <c r="E1077" s="52" t="s">
        <v>111</v>
      </c>
      <c r="F1077" s="52" t="s">
        <v>107</v>
      </c>
      <c r="G1077" s="52" t="s">
        <v>108</v>
      </c>
      <c r="H1077" s="4">
        <v>1</v>
      </c>
      <c r="I1077" s="2">
        <v>0</v>
      </c>
    </row>
    <row r="1078" spans="1:9" x14ac:dyDescent="0.35">
      <c r="A1078" s="52" t="s">
        <v>78</v>
      </c>
      <c r="B1078" s="52" t="s">
        <v>79</v>
      </c>
      <c r="C1078" s="3">
        <v>212</v>
      </c>
      <c r="D1078" s="52" t="s">
        <v>83</v>
      </c>
      <c r="E1078" s="52" t="s">
        <v>102</v>
      </c>
      <c r="F1078" s="52" t="s">
        <v>101</v>
      </c>
      <c r="G1078" s="52" t="s">
        <v>108</v>
      </c>
      <c r="H1078" s="4">
        <v>1</v>
      </c>
      <c r="I1078" s="2">
        <v>0</v>
      </c>
    </row>
    <row r="1079" spans="1:9" x14ac:dyDescent="0.35">
      <c r="A1079" s="52" t="s">
        <v>78</v>
      </c>
      <c r="B1079" s="52" t="s">
        <v>79</v>
      </c>
      <c r="C1079" s="3">
        <v>212</v>
      </c>
      <c r="D1079" s="52" t="s">
        <v>83</v>
      </c>
      <c r="E1079" s="52" t="s">
        <v>134</v>
      </c>
      <c r="F1079" s="52" t="s">
        <v>123</v>
      </c>
      <c r="G1079" s="52" t="s">
        <v>82</v>
      </c>
      <c r="H1079" s="4">
        <v>1</v>
      </c>
      <c r="I1079" s="2">
        <v>0</v>
      </c>
    </row>
    <row r="1080" spans="1:9" hidden="1" x14ac:dyDescent="0.35">
      <c r="A1080" s="52" t="s">
        <v>78</v>
      </c>
      <c r="B1080" s="52" t="s">
        <v>79</v>
      </c>
      <c r="C1080" s="3">
        <v>212</v>
      </c>
      <c r="D1080" s="52" t="s">
        <v>83</v>
      </c>
      <c r="E1080" s="52" t="s">
        <v>113</v>
      </c>
      <c r="F1080" s="52" t="s">
        <v>114</v>
      </c>
      <c r="G1080" s="52" t="s">
        <v>115</v>
      </c>
      <c r="H1080" s="4">
        <v>87</v>
      </c>
      <c r="I1080" s="2">
        <v>0</v>
      </c>
    </row>
    <row r="1081" spans="1:9" hidden="1" x14ac:dyDescent="0.35">
      <c r="A1081" s="52" t="s">
        <v>78</v>
      </c>
      <c r="B1081" s="52" t="s">
        <v>79</v>
      </c>
      <c r="C1081" s="3">
        <v>212</v>
      </c>
      <c r="D1081" s="52" t="s">
        <v>83</v>
      </c>
      <c r="E1081" s="52" t="s">
        <v>135</v>
      </c>
      <c r="F1081" s="52" t="s">
        <v>112</v>
      </c>
      <c r="G1081" s="52" t="s">
        <v>82</v>
      </c>
      <c r="H1081" s="4">
        <v>80</v>
      </c>
      <c r="I1081" s="2">
        <v>0</v>
      </c>
    </row>
    <row r="1082" spans="1:9" hidden="1" x14ac:dyDescent="0.35">
      <c r="A1082" s="52" t="s">
        <v>78</v>
      </c>
      <c r="B1082" s="52" t="s">
        <v>79</v>
      </c>
      <c r="C1082" s="3">
        <v>212</v>
      </c>
      <c r="D1082" s="52" t="s">
        <v>83</v>
      </c>
      <c r="E1082" s="52" t="s">
        <v>102</v>
      </c>
      <c r="F1082" s="52" t="s">
        <v>103</v>
      </c>
      <c r="G1082" s="52" t="s">
        <v>82</v>
      </c>
      <c r="H1082" s="4">
        <v>16</v>
      </c>
      <c r="I1082" s="2">
        <v>0</v>
      </c>
    </row>
    <row r="1083" spans="1:9" hidden="1" x14ac:dyDescent="0.35">
      <c r="A1083" s="52" t="s">
        <v>78</v>
      </c>
      <c r="B1083" s="52" t="s">
        <v>79</v>
      </c>
      <c r="C1083" s="3">
        <v>212</v>
      </c>
      <c r="D1083" s="52" t="s">
        <v>83</v>
      </c>
      <c r="E1083" s="52" t="s">
        <v>111</v>
      </c>
      <c r="F1083" s="52" t="s">
        <v>95</v>
      </c>
      <c r="G1083" s="52" t="s">
        <v>82</v>
      </c>
      <c r="H1083" s="4">
        <v>3</v>
      </c>
      <c r="I1083" s="2">
        <v>0</v>
      </c>
    </row>
    <row r="1084" spans="1:9" hidden="1" x14ac:dyDescent="0.35">
      <c r="A1084" s="52" t="s">
        <v>78</v>
      </c>
      <c r="B1084" s="52" t="s">
        <v>79</v>
      </c>
      <c r="C1084" s="3">
        <v>212</v>
      </c>
      <c r="D1084" s="52" t="s">
        <v>83</v>
      </c>
      <c r="E1084" s="52" t="s">
        <v>111</v>
      </c>
      <c r="F1084" s="52" t="s">
        <v>93</v>
      </c>
      <c r="G1084" s="52" t="s">
        <v>82</v>
      </c>
      <c r="H1084" s="4">
        <v>8</v>
      </c>
      <c r="I1084" s="2">
        <v>0</v>
      </c>
    </row>
    <row r="1085" spans="1:9" hidden="1" x14ac:dyDescent="0.35">
      <c r="A1085" s="52" t="s">
        <v>78</v>
      </c>
      <c r="B1085" s="52" t="s">
        <v>79</v>
      </c>
      <c r="C1085" s="3">
        <v>212</v>
      </c>
      <c r="D1085" s="52" t="s">
        <v>83</v>
      </c>
      <c r="E1085" s="52" t="s">
        <v>102</v>
      </c>
      <c r="F1085" s="52" t="s">
        <v>116</v>
      </c>
      <c r="G1085" s="52" t="s">
        <v>115</v>
      </c>
      <c r="H1085" s="4">
        <v>31</v>
      </c>
      <c r="I1085" s="2">
        <v>0</v>
      </c>
    </row>
    <row r="1086" spans="1:9" x14ac:dyDescent="0.35">
      <c r="A1086" s="52" t="s">
        <v>78</v>
      </c>
      <c r="B1086" s="52" t="s">
        <v>79</v>
      </c>
      <c r="C1086" s="3">
        <v>212</v>
      </c>
      <c r="D1086" s="52" t="s">
        <v>83</v>
      </c>
      <c r="E1086" s="52" t="s">
        <v>106</v>
      </c>
      <c r="F1086" s="52" t="s">
        <v>101</v>
      </c>
      <c r="G1086" s="52" t="s">
        <v>108</v>
      </c>
      <c r="H1086" s="4">
        <v>1</v>
      </c>
      <c r="I1086" s="2">
        <v>0</v>
      </c>
    </row>
    <row r="1087" spans="1:9" hidden="1" x14ac:dyDescent="0.35">
      <c r="A1087" s="52" t="s">
        <v>78</v>
      </c>
      <c r="B1087" s="52" t="s">
        <v>79</v>
      </c>
      <c r="C1087" s="3">
        <v>212</v>
      </c>
      <c r="D1087" s="52" t="s">
        <v>83</v>
      </c>
      <c r="E1087" s="52" t="s">
        <v>118</v>
      </c>
      <c r="F1087" s="52" t="s">
        <v>119</v>
      </c>
      <c r="G1087" s="52" t="s">
        <v>115</v>
      </c>
      <c r="H1087" s="4">
        <v>31</v>
      </c>
      <c r="I1087" s="2">
        <v>0</v>
      </c>
    </row>
    <row r="1088" spans="1:9" hidden="1" x14ac:dyDescent="0.35">
      <c r="A1088" s="52" t="s">
        <v>78</v>
      </c>
      <c r="B1088" s="52" t="s">
        <v>79</v>
      </c>
      <c r="C1088" s="3">
        <v>212</v>
      </c>
      <c r="D1088" s="52" t="s">
        <v>83</v>
      </c>
      <c r="E1088" s="52" t="s">
        <v>106</v>
      </c>
      <c r="F1088" s="52" t="s">
        <v>103</v>
      </c>
      <c r="G1088" s="52" t="s">
        <v>82</v>
      </c>
      <c r="H1088" s="4">
        <v>3</v>
      </c>
      <c r="I1088" s="2">
        <v>0</v>
      </c>
    </row>
    <row r="1089" spans="1:9" hidden="1" x14ac:dyDescent="0.35">
      <c r="A1089" s="52" t="s">
        <v>78</v>
      </c>
      <c r="B1089" s="52" t="s">
        <v>79</v>
      </c>
      <c r="C1089" s="3">
        <v>212</v>
      </c>
      <c r="D1089" s="52" t="s">
        <v>83</v>
      </c>
      <c r="E1089" s="52" t="s">
        <v>111</v>
      </c>
      <c r="F1089" s="52" t="s">
        <v>105</v>
      </c>
      <c r="G1089" s="52" t="s">
        <v>82</v>
      </c>
      <c r="H1089" s="4">
        <v>10</v>
      </c>
      <c r="I1089" s="2">
        <v>0</v>
      </c>
    </row>
    <row r="1090" spans="1:9" hidden="1" x14ac:dyDescent="0.35">
      <c r="A1090" s="52" t="s">
        <v>78</v>
      </c>
      <c r="B1090" s="52" t="s">
        <v>79</v>
      </c>
      <c r="C1090" s="3">
        <v>212</v>
      </c>
      <c r="D1090" s="52" t="s">
        <v>83</v>
      </c>
      <c r="E1090" s="52" t="s">
        <v>102</v>
      </c>
      <c r="F1090" s="52" t="s">
        <v>107</v>
      </c>
      <c r="G1090" s="52" t="s">
        <v>108</v>
      </c>
      <c r="H1090" s="4">
        <v>10</v>
      </c>
      <c r="I1090" s="2">
        <v>0</v>
      </c>
    </row>
    <row r="1091" spans="1:9" hidden="1" x14ac:dyDescent="0.35">
      <c r="A1091" s="52" t="s">
        <v>78</v>
      </c>
      <c r="B1091" s="52" t="s">
        <v>79</v>
      </c>
      <c r="C1091" s="3">
        <v>212</v>
      </c>
      <c r="D1091" s="52" t="s">
        <v>83</v>
      </c>
      <c r="E1091" s="52" t="s">
        <v>117</v>
      </c>
      <c r="F1091" s="52" t="s">
        <v>116</v>
      </c>
      <c r="G1091" s="52" t="s">
        <v>82</v>
      </c>
      <c r="H1091" s="4">
        <v>61</v>
      </c>
      <c r="I1091" s="2">
        <v>0</v>
      </c>
    </row>
    <row r="1092" spans="1:9" hidden="1" x14ac:dyDescent="0.35">
      <c r="A1092" s="52" t="s">
        <v>78</v>
      </c>
      <c r="B1092" s="52" t="s">
        <v>79</v>
      </c>
      <c r="C1092" s="3">
        <v>212</v>
      </c>
      <c r="D1092" s="52" t="s">
        <v>83</v>
      </c>
      <c r="E1092" s="52" t="s">
        <v>120</v>
      </c>
      <c r="F1092" s="52" t="s">
        <v>116</v>
      </c>
      <c r="G1092" s="52" t="s">
        <v>115</v>
      </c>
      <c r="H1092" s="4">
        <v>31</v>
      </c>
      <c r="I1092" s="2">
        <v>0</v>
      </c>
    </row>
    <row r="1093" spans="1:9" hidden="1" x14ac:dyDescent="0.35">
      <c r="A1093" s="52" t="s">
        <v>78</v>
      </c>
      <c r="B1093" s="52" t="s">
        <v>79</v>
      </c>
      <c r="C1093" s="3">
        <v>212</v>
      </c>
      <c r="D1093" s="52" t="s">
        <v>83</v>
      </c>
      <c r="E1093" s="52" t="s">
        <v>111</v>
      </c>
      <c r="F1093" s="52" t="s">
        <v>101</v>
      </c>
      <c r="G1093" s="52" t="s">
        <v>82</v>
      </c>
      <c r="H1093" s="4">
        <v>5</v>
      </c>
      <c r="I1093" s="2">
        <v>0</v>
      </c>
    </row>
    <row r="1094" spans="1:9" hidden="1" x14ac:dyDescent="0.35">
      <c r="A1094" s="52" t="s">
        <v>78</v>
      </c>
      <c r="B1094" s="52" t="s">
        <v>79</v>
      </c>
      <c r="C1094" s="3">
        <v>212</v>
      </c>
      <c r="D1094" s="52" t="s">
        <v>83</v>
      </c>
      <c r="E1094" s="52" t="s">
        <v>106</v>
      </c>
      <c r="F1094" s="52" t="s">
        <v>107</v>
      </c>
      <c r="G1094" s="52" t="s">
        <v>108</v>
      </c>
      <c r="H1094" s="4">
        <v>3</v>
      </c>
      <c r="I1094" s="2">
        <v>0</v>
      </c>
    </row>
    <row r="1095" spans="1:9" hidden="1" x14ac:dyDescent="0.35">
      <c r="A1095" s="52" t="s">
        <v>78</v>
      </c>
      <c r="B1095" s="52" t="s">
        <v>79</v>
      </c>
      <c r="C1095" s="3">
        <v>212</v>
      </c>
      <c r="D1095" s="52" t="s">
        <v>83</v>
      </c>
      <c r="E1095" s="52" t="s">
        <v>139</v>
      </c>
      <c r="F1095" s="52" t="s">
        <v>140</v>
      </c>
      <c r="G1095" s="52" t="s">
        <v>82</v>
      </c>
      <c r="H1095" s="4">
        <v>6</v>
      </c>
      <c r="I1095" s="2">
        <v>0</v>
      </c>
    </row>
    <row r="1096" spans="1:9" x14ac:dyDescent="0.35">
      <c r="A1096" s="52" t="s">
        <v>78</v>
      </c>
      <c r="B1096" s="52" t="s">
        <v>79</v>
      </c>
      <c r="C1096" s="3">
        <v>213</v>
      </c>
      <c r="D1096" s="52" t="s">
        <v>83</v>
      </c>
      <c r="E1096" s="52" t="s">
        <v>26</v>
      </c>
      <c r="F1096" s="52" t="s">
        <v>81</v>
      </c>
      <c r="G1096" s="52" t="s">
        <v>82</v>
      </c>
      <c r="H1096" s="4">
        <v>1</v>
      </c>
      <c r="I1096" s="2">
        <v>14.65</v>
      </c>
    </row>
    <row r="1097" spans="1:9" x14ac:dyDescent="0.35">
      <c r="A1097" s="52" t="s">
        <v>78</v>
      </c>
      <c r="B1097" s="52" t="s">
        <v>79</v>
      </c>
      <c r="C1097" s="3">
        <v>213</v>
      </c>
      <c r="D1097" s="52" t="s">
        <v>83</v>
      </c>
      <c r="E1097" s="52" t="s">
        <v>92</v>
      </c>
      <c r="F1097" s="52" t="s">
        <v>93</v>
      </c>
      <c r="G1097" s="52" t="s">
        <v>82</v>
      </c>
      <c r="H1097" s="4">
        <v>1</v>
      </c>
      <c r="I1097" s="2">
        <v>2.0699999999999998</v>
      </c>
    </row>
    <row r="1098" spans="1:9" x14ac:dyDescent="0.35">
      <c r="A1098" s="52" t="s">
        <v>78</v>
      </c>
      <c r="B1098" s="52" t="s">
        <v>79</v>
      </c>
      <c r="C1098" s="3">
        <v>213</v>
      </c>
      <c r="D1098" s="52" t="s">
        <v>83</v>
      </c>
      <c r="E1098" s="52" t="s">
        <v>102</v>
      </c>
      <c r="F1098" s="52" t="s">
        <v>103</v>
      </c>
      <c r="G1098" s="52" t="s">
        <v>82</v>
      </c>
      <c r="H1098" s="4">
        <v>1</v>
      </c>
      <c r="I1098" s="2">
        <v>0</v>
      </c>
    </row>
    <row r="1099" spans="1:9" x14ac:dyDescent="0.35">
      <c r="A1099" s="52" t="s">
        <v>78</v>
      </c>
      <c r="B1099" s="52" t="s">
        <v>79</v>
      </c>
      <c r="C1099" s="3">
        <v>213</v>
      </c>
      <c r="D1099" s="52" t="s">
        <v>83</v>
      </c>
      <c r="E1099" s="52" t="s">
        <v>139</v>
      </c>
      <c r="F1099" s="52" t="s">
        <v>140</v>
      </c>
      <c r="G1099" s="52" t="s">
        <v>82</v>
      </c>
      <c r="H1099" s="4">
        <v>1</v>
      </c>
      <c r="I1099" s="2">
        <v>0</v>
      </c>
    </row>
    <row r="1100" spans="1:9" x14ac:dyDescent="0.35">
      <c r="A1100" s="52" t="s">
        <v>78</v>
      </c>
      <c r="B1100" s="52" t="s">
        <v>79</v>
      </c>
      <c r="C1100" s="3">
        <v>213</v>
      </c>
      <c r="D1100" s="52" t="s">
        <v>83</v>
      </c>
      <c r="E1100" s="52" t="s">
        <v>109</v>
      </c>
      <c r="F1100" s="52" t="s">
        <v>110</v>
      </c>
      <c r="G1100" s="52" t="s">
        <v>108</v>
      </c>
      <c r="H1100" s="4">
        <v>1</v>
      </c>
      <c r="I1100" s="2">
        <v>0</v>
      </c>
    </row>
    <row r="1101" spans="1:9" hidden="1" x14ac:dyDescent="0.35">
      <c r="A1101" s="52" t="s">
        <v>78</v>
      </c>
      <c r="B1101" s="52" t="s">
        <v>79</v>
      </c>
      <c r="C1101" s="3">
        <v>216</v>
      </c>
      <c r="D1101" s="52" t="s">
        <v>83</v>
      </c>
      <c r="E1101" s="52" t="s">
        <v>92</v>
      </c>
      <c r="F1101" s="52" t="s">
        <v>93</v>
      </c>
      <c r="G1101" s="52" t="s">
        <v>82</v>
      </c>
      <c r="H1101" s="4">
        <v>46</v>
      </c>
      <c r="I1101" s="2">
        <v>701.33</v>
      </c>
    </row>
    <row r="1102" spans="1:9" hidden="1" x14ac:dyDescent="0.35">
      <c r="A1102" s="52" t="s">
        <v>78</v>
      </c>
      <c r="B1102" s="52" t="s">
        <v>79</v>
      </c>
      <c r="C1102" s="3">
        <v>216</v>
      </c>
      <c r="D1102" s="52" t="s">
        <v>83</v>
      </c>
      <c r="E1102" s="52" t="s">
        <v>36</v>
      </c>
      <c r="F1102" s="52" t="s">
        <v>95</v>
      </c>
      <c r="G1102" s="52" t="s">
        <v>82</v>
      </c>
      <c r="H1102" s="4">
        <v>2</v>
      </c>
      <c r="I1102" s="2">
        <v>9.4</v>
      </c>
    </row>
    <row r="1103" spans="1:9" hidden="1" x14ac:dyDescent="0.35">
      <c r="A1103" s="52" t="s">
        <v>78</v>
      </c>
      <c r="B1103" s="52" t="s">
        <v>79</v>
      </c>
      <c r="C1103" s="3">
        <v>216</v>
      </c>
      <c r="D1103" s="52" t="s">
        <v>83</v>
      </c>
      <c r="E1103" s="52" t="s">
        <v>113</v>
      </c>
      <c r="F1103" s="52" t="s">
        <v>114</v>
      </c>
      <c r="G1103" s="52" t="s">
        <v>115</v>
      </c>
      <c r="H1103" s="4">
        <v>4</v>
      </c>
      <c r="I1103" s="2">
        <v>0</v>
      </c>
    </row>
    <row r="1104" spans="1:9" hidden="1" x14ac:dyDescent="0.35">
      <c r="A1104" s="52" t="s">
        <v>78</v>
      </c>
      <c r="B1104" s="52" t="s">
        <v>79</v>
      </c>
      <c r="C1104" s="3">
        <v>216</v>
      </c>
      <c r="D1104" s="52" t="s">
        <v>83</v>
      </c>
      <c r="E1104" s="52" t="s">
        <v>111</v>
      </c>
      <c r="F1104" s="52" t="s">
        <v>101</v>
      </c>
      <c r="G1104" s="52" t="s">
        <v>82</v>
      </c>
      <c r="H1104" s="4">
        <v>6</v>
      </c>
      <c r="I1104" s="2">
        <v>0</v>
      </c>
    </row>
    <row r="1105" spans="1:9" hidden="1" x14ac:dyDescent="0.35">
      <c r="A1105" s="52" t="s">
        <v>78</v>
      </c>
      <c r="B1105" s="52" t="s">
        <v>79</v>
      </c>
      <c r="C1105" s="3">
        <v>216</v>
      </c>
      <c r="D1105" s="52" t="s">
        <v>83</v>
      </c>
      <c r="E1105" s="52" t="s">
        <v>135</v>
      </c>
      <c r="F1105" s="52" t="s">
        <v>112</v>
      </c>
      <c r="G1105" s="52" t="s">
        <v>82</v>
      </c>
      <c r="H1105" s="4">
        <v>2</v>
      </c>
      <c r="I1105" s="2">
        <v>0</v>
      </c>
    </row>
    <row r="1106" spans="1:9" hidden="1" x14ac:dyDescent="0.35">
      <c r="A1106" s="52" t="s">
        <v>78</v>
      </c>
      <c r="B1106" s="52" t="s">
        <v>79</v>
      </c>
      <c r="C1106" s="3">
        <v>216</v>
      </c>
      <c r="D1106" s="52" t="s">
        <v>83</v>
      </c>
      <c r="E1106" s="52" t="s">
        <v>102</v>
      </c>
      <c r="F1106" s="52" t="s">
        <v>103</v>
      </c>
      <c r="G1106" s="52" t="s">
        <v>82</v>
      </c>
      <c r="H1106" s="4">
        <v>10</v>
      </c>
      <c r="I1106" s="2">
        <v>0</v>
      </c>
    </row>
    <row r="1107" spans="1:9" x14ac:dyDescent="0.35">
      <c r="A1107" s="52" t="s">
        <v>78</v>
      </c>
      <c r="B1107" s="52" t="s">
        <v>79</v>
      </c>
      <c r="C1107" s="3">
        <v>216</v>
      </c>
      <c r="D1107" s="52" t="s">
        <v>83</v>
      </c>
      <c r="E1107" s="52" t="s">
        <v>134</v>
      </c>
      <c r="F1107" s="52" t="s">
        <v>123</v>
      </c>
      <c r="G1107" s="52" t="s">
        <v>82</v>
      </c>
      <c r="H1107" s="4">
        <v>1</v>
      </c>
      <c r="I1107" s="2">
        <v>0</v>
      </c>
    </row>
    <row r="1108" spans="1:9" hidden="1" x14ac:dyDescent="0.35">
      <c r="A1108" s="52" t="s">
        <v>78</v>
      </c>
      <c r="B1108" s="52" t="s">
        <v>79</v>
      </c>
      <c r="C1108" s="3">
        <v>216</v>
      </c>
      <c r="D1108" s="52" t="s">
        <v>83</v>
      </c>
      <c r="E1108" s="52" t="s">
        <v>109</v>
      </c>
      <c r="F1108" s="52" t="s">
        <v>110</v>
      </c>
      <c r="G1108" s="52" t="s">
        <v>108</v>
      </c>
      <c r="H1108" s="4">
        <v>4</v>
      </c>
      <c r="I1108" s="2">
        <v>0</v>
      </c>
    </row>
    <row r="1109" spans="1:9" x14ac:dyDescent="0.35">
      <c r="A1109" s="52" t="s">
        <v>78</v>
      </c>
      <c r="B1109" s="52" t="s">
        <v>79</v>
      </c>
      <c r="C1109" s="3">
        <v>216</v>
      </c>
      <c r="D1109" s="52" t="s">
        <v>83</v>
      </c>
      <c r="E1109" s="52" t="s">
        <v>122</v>
      </c>
      <c r="F1109" s="52" t="s">
        <v>123</v>
      </c>
      <c r="G1109" s="52" t="s">
        <v>108</v>
      </c>
      <c r="H1109" s="4">
        <v>1</v>
      </c>
      <c r="I1109" s="2">
        <v>0</v>
      </c>
    </row>
    <row r="1110" spans="1:9" hidden="1" x14ac:dyDescent="0.35">
      <c r="A1110" s="52" t="s">
        <v>78</v>
      </c>
      <c r="B1110" s="52" t="s">
        <v>79</v>
      </c>
      <c r="C1110" s="3">
        <v>221</v>
      </c>
      <c r="D1110" s="52" t="s">
        <v>83</v>
      </c>
      <c r="E1110" s="52" t="s">
        <v>92</v>
      </c>
      <c r="F1110" s="52" t="s">
        <v>93</v>
      </c>
      <c r="G1110" s="52" t="s">
        <v>82</v>
      </c>
      <c r="H1110" s="4">
        <v>56</v>
      </c>
      <c r="I1110" s="2">
        <v>3932.58</v>
      </c>
    </row>
    <row r="1111" spans="1:9" hidden="1" x14ac:dyDescent="0.35">
      <c r="A1111" s="52" t="s">
        <v>78</v>
      </c>
      <c r="B1111" s="52" t="s">
        <v>79</v>
      </c>
      <c r="C1111" s="3">
        <v>221</v>
      </c>
      <c r="D1111" s="52" t="s">
        <v>83</v>
      </c>
      <c r="E1111" s="52" t="s">
        <v>36</v>
      </c>
      <c r="F1111" s="52" t="s">
        <v>95</v>
      </c>
      <c r="G1111" s="52" t="s">
        <v>82</v>
      </c>
      <c r="H1111" s="4">
        <v>3</v>
      </c>
      <c r="I1111" s="2">
        <v>14.1</v>
      </c>
    </row>
    <row r="1112" spans="1:9" x14ac:dyDescent="0.35">
      <c r="A1112" s="52" t="s">
        <v>78</v>
      </c>
      <c r="B1112" s="52" t="s">
        <v>79</v>
      </c>
      <c r="C1112" s="3">
        <v>221</v>
      </c>
      <c r="D1112" s="52" t="s">
        <v>83</v>
      </c>
      <c r="E1112" s="52" t="s">
        <v>102</v>
      </c>
      <c r="F1112" s="52" t="s">
        <v>103</v>
      </c>
      <c r="G1112" s="52" t="s">
        <v>82</v>
      </c>
      <c r="H1112" s="4">
        <v>1</v>
      </c>
      <c r="I1112" s="2">
        <v>0</v>
      </c>
    </row>
    <row r="1113" spans="1:9" hidden="1" x14ac:dyDescent="0.35">
      <c r="A1113" s="52" t="s">
        <v>78</v>
      </c>
      <c r="B1113" s="52" t="s">
        <v>79</v>
      </c>
      <c r="C1113" s="3">
        <v>221</v>
      </c>
      <c r="D1113" s="52" t="s">
        <v>83</v>
      </c>
      <c r="E1113" s="52" t="s">
        <v>120</v>
      </c>
      <c r="F1113" s="52" t="s">
        <v>116</v>
      </c>
      <c r="G1113" s="52" t="s">
        <v>115</v>
      </c>
      <c r="H1113" s="4">
        <v>2</v>
      </c>
      <c r="I1113" s="2">
        <v>0</v>
      </c>
    </row>
    <row r="1114" spans="1:9" x14ac:dyDescent="0.35">
      <c r="A1114" s="52" t="s">
        <v>78</v>
      </c>
      <c r="B1114" s="52" t="s">
        <v>79</v>
      </c>
      <c r="C1114" s="3">
        <v>221</v>
      </c>
      <c r="D1114" s="52" t="s">
        <v>83</v>
      </c>
      <c r="E1114" s="52" t="s">
        <v>135</v>
      </c>
      <c r="F1114" s="52" t="s">
        <v>112</v>
      </c>
      <c r="G1114" s="52" t="s">
        <v>82</v>
      </c>
      <c r="H1114" s="4">
        <v>1</v>
      </c>
      <c r="I1114" s="2">
        <v>0</v>
      </c>
    </row>
    <row r="1115" spans="1:9" hidden="1" x14ac:dyDescent="0.35">
      <c r="A1115" s="52" t="s">
        <v>78</v>
      </c>
      <c r="B1115" s="52" t="s">
        <v>79</v>
      </c>
      <c r="C1115" s="3">
        <v>221</v>
      </c>
      <c r="D1115" s="52" t="s">
        <v>83</v>
      </c>
      <c r="E1115" s="52" t="s">
        <v>113</v>
      </c>
      <c r="F1115" s="52" t="s">
        <v>114</v>
      </c>
      <c r="G1115" s="52" t="s">
        <v>115</v>
      </c>
      <c r="H1115" s="4">
        <v>5</v>
      </c>
      <c r="I1115" s="2">
        <v>0</v>
      </c>
    </row>
    <row r="1116" spans="1:9" hidden="1" x14ac:dyDescent="0.35">
      <c r="A1116" s="52" t="s">
        <v>78</v>
      </c>
      <c r="B1116" s="52" t="s">
        <v>79</v>
      </c>
      <c r="C1116" s="3">
        <v>221</v>
      </c>
      <c r="D1116" s="52" t="s">
        <v>83</v>
      </c>
      <c r="E1116" s="52" t="s">
        <v>111</v>
      </c>
      <c r="F1116" s="52" t="s">
        <v>101</v>
      </c>
      <c r="G1116" s="52" t="s">
        <v>82</v>
      </c>
      <c r="H1116" s="4">
        <v>5</v>
      </c>
      <c r="I1116" s="2">
        <v>0</v>
      </c>
    </row>
    <row r="1117" spans="1:9" hidden="1" x14ac:dyDescent="0.35">
      <c r="A1117" s="52" t="s">
        <v>78</v>
      </c>
      <c r="B1117" s="52" t="s">
        <v>79</v>
      </c>
      <c r="C1117" s="3">
        <v>221</v>
      </c>
      <c r="D1117" s="52" t="s">
        <v>83</v>
      </c>
      <c r="E1117" s="52" t="s">
        <v>118</v>
      </c>
      <c r="F1117" s="52" t="s">
        <v>119</v>
      </c>
      <c r="G1117" s="52" t="s">
        <v>115</v>
      </c>
      <c r="H1117" s="4">
        <v>2</v>
      </c>
      <c r="I1117" s="2">
        <v>0</v>
      </c>
    </row>
    <row r="1118" spans="1:9" x14ac:dyDescent="0.35">
      <c r="A1118" s="52" t="s">
        <v>78</v>
      </c>
      <c r="B1118" s="52" t="s">
        <v>79</v>
      </c>
      <c r="C1118" s="3">
        <v>221</v>
      </c>
      <c r="D1118" s="52" t="s">
        <v>83</v>
      </c>
      <c r="E1118" s="52" t="s">
        <v>102</v>
      </c>
      <c r="F1118" s="52" t="s">
        <v>116</v>
      </c>
      <c r="G1118" s="52" t="s">
        <v>115</v>
      </c>
      <c r="H1118" s="4">
        <v>1</v>
      </c>
      <c r="I1118" s="2">
        <v>0</v>
      </c>
    </row>
    <row r="1119" spans="1:9" x14ac:dyDescent="0.35">
      <c r="A1119" s="52" t="s">
        <v>78</v>
      </c>
      <c r="B1119" s="52" t="s">
        <v>79</v>
      </c>
      <c r="C1119" s="3">
        <v>221</v>
      </c>
      <c r="D1119" s="52" t="s">
        <v>83</v>
      </c>
      <c r="E1119" s="52" t="s">
        <v>102</v>
      </c>
      <c r="F1119" s="52" t="s">
        <v>107</v>
      </c>
      <c r="G1119" s="52" t="s">
        <v>108</v>
      </c>
      <c r="H1119" s="4">
        <v>1</v>
      </c>
      <c r="I1119" s="2">
        <v>0</v>
      </c>
    </row>
    <row r="1120" spans="1:9" hidden="1" x14ac:dyDescent="0.35">
      <c r="A1120" s="52" t="s">
        <v>78</v>
      </c>
      <c r="B1120" s="52" t="s">
        <v>79</v>
      </c>
      <c r="C1120" s="3">
        <v>221</v>
      </c>
      <c r="D1120" s="52" t="s">
        <v>83</v>
      </c>
      <c r="E1120" s="52" t="s">
        <v>117</v>
      </c>
      <c r="F1120" s="52" t="s">
        <v>116</v>
      </c>
      <c r="G1120" s="52" t="s">
        <v>82</v>
      </c>
      <c r="H1120" s="4">
        <v>7</v>
      </c>
      <c r="I1120" s="2">
        <v>0</v>
      </c>
    </row>
    <row r="1121" spans="1:9" hidden="1" x14ac:dyDescent="0.35">
      <c r="A1121" s="52" t="s">
        <v>78</v>
      </c>
      <c r="B1121" s="52" t="s">
        <v>79</v>
      </c>
      <c r="C1121" s="3">
        <v>222</v>
      </c>
      <c r="D1121" s="52" t="s">
        <v>83</v>
      </c>
      <c r="E1121" s="52" t="s">
        <v>92</v>
      </c>
      <c r="F1121" s="52" t="s">
        <v>93</v>
      </c>
      <c r="G1121" s="52" t="s">
        <v>82</v>
      </c>
      <c r="H1121" s="4">
        <v>3</v>
      </c>
      <c r="I1121" s="2">
        <v>27.04</v>
      </c>
    </row>
    <row r="1122" spans="1:9" x14ac:dyDescent="0.35">
      <c r="A1122" s="52" t="s">
        <v>78</v>
      </c>
      <c r="B1122" s="52" t="s">
        <v>79</v>
      </c>
      <c r="C1122" s="3">
        <v>222</v>
      </c>
      <c r="D1122" s="52" t="s">
        <v>83</v>
      </c>
      <c r="E1122" s="52" t="s">
        <v>36</v>
      </c>
      <c r="F1122" s="52" t="s">
        <v>95</v>
      </c>
      <c r="G1122" s="52" t="s">
        <v>82</v>
      </c>
      <c r="H1122" s="4">
        <v>1</v>
      </c>
      <c r="I1122" s="2">
        <v>4.7</v>
      </c>
    </row>
    <row r="1123" spans="1:9" x14ac:dyDescent="0.35">
      <c r="A1123" s="52" t="s">
        <v>78</v>
      </c>
      <c r="B1123" s="52" t="s">
        <v>79</v>
      </c>
      <c r="C1123" s="3">
        <v>222</v>
      </c>
      <c r="D1123" s="52" t="s">
        <v>83</v>
      </c>
      <c r="E1123" s="52" t="s">
        <v>102</v>
      </c>
      <c r="F1123" s="52" t="s">
        <v>103</v>
      </c>
      <c r="G1123" s="52" t="s">
        <v>82</v>
      </c>
      <c r="H1123" s="4">
        <v>1</v>
      </c>
      <c r="I1123" s="2">
        <v>0</v>
      </c>
    </row>
    <row r="1124" spans="1:9" hidden="1" x14ac:dyDescent="0.35">
      <c r="A1124" s="52" t="s">
        <v>78</v>
      </c>
      <c r="B1124" s="52" t="s">
        <v>79</v>
      </c>
      <c r="C1124" s="3">
        <v>230</v>
      </c>
      <c r="D1124" s="52" t="s">
        <v>83</v>
      </c>
      <c r="E1124" s="52" t="s">
        <v>92</v>
      </c>
      <c r="F1124" s="52" t="s">
        <v>93</v>
      </c>
      <c r="G1124" s="52" t="s">
        <v>82</v>
      </c>
      <c r="H1124" s="4">
        <v>22</v>
      </c>
      <c r="I1124" s="2">
        <v>5957.96</v>
      </c>
    </row>
    <row r="1125" spans="1:9" hidden="1" x14ac:dyDescent="0.35">
      <c r="A1125" s="52" t="s">
        <v>78</v>
      </c>
      <c r="B1125" s="52" t="s">
        <v>79</v>
      </c>
      <c r="C1125" s="3">
        <v>230</v>
      </c>
      <c r="D1125" s="52" t="s">
        <v>83</v>
      </c>
      <c r="E1125" s="52" t="s">
        <v>26</v>
      </c>
      <c r="F1125" s="52" t="s">
        <v>81</v>
      </c>
      <c r="G1125" s="52" t="s">
        <v>82</v>
      </c>
      <c r="H1125" s="4">
        <v>4</v>
      </c>
      <c r="I1125" s="2">
        <v>58.6</v>
      </c>
    </row>
    <row r="1126" spans="1:9" hidden="1" x14ac:dyDescent="0.35">
      <c r="A1126" s="52" t="s">
        <v>78</v>
      </c>
      <c r="B1126" s="52" t="s">
        <v>79</v>
      </c>
      <c r="C1126" s="3">
        <v>230</v>
      </c>
      <c r="D1126" s="52" t="s">
        <v>83</v>
      </c>
      <c r="E1126" s="52" t="s">
        <v>36</v>
      </c>
      <c r="F1126" s="52" t="s">
        <v>95</v>
      </c>
      <c r="G1126" s="52" t="s">
        <v>82</v>
      </c>
      <c r="H1126" s="4">
        <v>3</v>
      </c>
      <c r="I1126" s="2">
        <v>14.1</v>
      </c>
    </row>
    <row r="1127" spans="1:9" x14ac:dyDescent="0.35">
      <c r="A1127" s="52" t="s">
        <v>78</v>
      </c>
      <c r="B1127" s="52" t="s">
        <v>79</v>
      </c>
      <c r="C1127" s="3">
        <v>230</v>
      </c>
      <c r="D1127" s="52" t="s">
        <v>83</v>
      </c>
      <c r="E1127" s="52" t="s">
        <v>102</v>
      </c>
      <c r="F1127" s="52" t="s">
        <v>107</v>
      </c>
      <c r="G1127" s="52" t="s">
        <v>108</v>
      </c>
      <c r="H1127" s="4">
        <v>1</v>
      </c>
      <c r="I1127" s="2">
        <v>0</v>
      </c>
    </row>
    <row r="1128" spans="1:9" hidden="1" x14ac:dyDescent="0.35">
      <c r="A1128" s="52" t="s">
        <v>78</v>
      </c>
      <c r="B1128" s="52" t="s">
        <v>79</v>
      </c>
      <c r="C1128" s="3">
        <v>230</v>
      </c>
      <c r="D1128" s="52" t="s">
        <v>83</v>
      </c>
      <c r="E1128" s="52" t="s">
        <v>117</v>
      </c>
      <c r="F1128" s="52" t="s">
        <v>116</v>
      </c>
      <c r="G1128" s="52" t="s">
        <v>82</v>
      </c>
      <c r="H1128" s="4">
        <v>4</v>
      </c>
      <c r="I1128" s="2">
        <v>0</v>
      </c>
    </row>
    <row r="1129" spans="1:9" hidden="1" x14ac:dyDescent="0.35">
      <c r="A1129" s="52" t="s">
        <v>78</v>
      </c>
      <c r="B1129" s="52" t="s">
        <v>79</v>
      </c>
      <c r="C1129" s="3">
        <v>230</v>
      </c>
      <c r="D1129" s="52" t="s">
        <v>83</v>
      </c>
      <c r="E1129" s="52" t="s">
        <v>118</v>
      </c>
      <c r="F1129" s="52" t="s">
        <v>119</v>
      </c>
      <c r="G1129" s="52" t="s">
        <v>115</v>
      </c>
      <c r="H1129" s="4">
        <v>2</v>
      </c>
      <c r="I1129" s="2">
        <v>0</v>
      </c>
    </row>
    <row r="1130" spans="1:9" hidden="1" x14ac:dyDescent="0.35">
      <c r="A1130" s="52" t="s">
        <v>78</v>
      </c>
      <c r="B1130" s="52" t="s">
        <v>79</v>
      </c>
      <c r="C1130" s="3">
        <v>230</v>
      </c>
      <c r="D1130" s="52" t="s">
        <v>83</v>
      </c>
      <c r="E1130" s="52" t="s">
        <v>102</v>
      </c>
      <c r="F1130" s="52" t="s">
        <v>116</v>
      </c>
      <c r="G1130" s="52" t="s">
        <v>115</v>
      </c>
      <c r="H1130" s="4">
        <v>2</v>
      </c>
      <c r="I1130" s="2">
        <v>0</v>
      </c>
    </row>
    <row r="1131" spans="1:9" hidden="1" x14ac:dyDescent="0.35">
      <c r="A1131" s="52" t="s">
        <v>78</v>
      </c>
      <c r="B1131" s="52" t="s">
        <v>79</v>
      </c>
      <c r="C1131" s="3">
        <v>230</v>
      </c>
      <c r="D1131" s="52" t="s">
        <v>83</v>
      </c>
      <c r="E1131" s="52" t="s">
        <v>113</v>
      </c>
      <c r="F1131" s="52" t="s">
        <v>114</v>
      </c>
      <c r="G1131" s="52" t="s">
        <v>115</v>
      </c>
      <c r="H1131" s="4">
        <v>17</v>
      </c>
      <c r="I1131" s="2">
        <v>0</v>
      </c>
    </row>
    <row r="1132" spans="1:9" hidden="1" x14ac:dyDescent="0.35">
      <c r="A1132" s="52" t="s">
        <v>78</v>
      </c>
      <c r="B1132" s="52" t="s">
        <v>79</v>
      </c>
      <c r="C1132" s="3">
        <v>230</v>
      </c>
      <c r="D1132" s="52" t="s">
        <v>83</v>
      </c>
      <c r="E1132" s="52" t="s">
        <v>120</v>
      </c>
      <c r="F1132" s="52" t="s">
        <v>116</v>
      </c>
      <c r="G1132" s="52" t="s">
        <v>115</v>
      </c>
      <c r="H1132" s="4">
        <v>2</v>
      </c>
      <c r="I1132" s="2">
        <v>0</v>
      </c>
    </row>
    <row r="1133" spans="1:9" x14ac:dyDescent="0.35">
      <c r="A1133" s="52" t="s">
        <v>78</v>
      </c>
      <c r="B1133" s="52" t="s">
        <v>79</v>
      </c>
      <c r="C1133" s="3">
        <v>230</v>
      </c>
      <c r="D1133" s="52" t="s">
        <v>83</v>
      </c>
      <c r="E1133" s="52" t="s">
        <v>102</v>
      </c>
      <c r="F1133" s="52" t="s">
        <v>103</v>
      </c>
      <c r="G1133" s="52" t="s">
        <v>82</v>
      </c>
      <c r="H1133" s="4">
        <v>1</v>
      </c>
      <c r="I1133" s="2">
        <v>0</v>
      </c>
    </row>
    <row r="1134" spans="1:9" x14ac:dyDescent="0.35">
      <c r="A1134" s="52" t="s">
        <v>78</v>
      </c>
      <c r="B1134" s="52" t="s">
        <v>79</v>
      </c>
      <c r="C1134" s="3">
        <v>230</v>
      </c>
      <c r="D1134" s="52" t="s">
        <v>83</v>
      </c>
      <c r="E1134" s="52" t="s">
        <v>106</v>
      </c>
      <c r="F1134" s="52" t="s">
        <v>107</v>
      </c>
      <c r="G1134" s="52" t="s">
        <v>108</v>
      </c>
      <c r="H1134" s="4">
        <v>1</v>
      </c>
      <c r="I1134" s="2">
        <v>0</v>
      </c>
    </row>
    <row r="1135" spans="1:9" hidden="1" x14ac:dyDescent="0.35">
      <c r="A1135" s="52" t="s">
        <v>78</v>
      </c>
      <c r="B1135" s="52" t="s">
        <v>79</v>
      </c>
      <c r="C1135" s="3">
        <v>0</v>
      </c>
      <c r="D1135" s="52" t="s">
        <v>2019</v>
      </c>
      <c r="E1135" s="52" t="s">
        <v>92</v>
      </c>
      <c r="F1135" s="52" t="s">
        <v>93</v>
      </c>
      <c r="G1135" s="52" t="s">
        <v>82</v>
      </c>
      <c r="H1135" s="4">
        <v>223</v>
      </c>
      <c r="I1135" s="2">
        <v>7086.75</v>
      </c>
    </row>
    <row r="1136" spans="1:9" hidden="1" x14ac:dyDescent="0.35">
      <c r="A1136" s="52" t="s">
        <v>78</v>
      </c>
      <c r="B1136" s="52" t="s">
        <v>79</v>
      </c>
      <c r="C1136" s="3">
        <v>0</v>
      </c>
      <c r="D1136" s="52" t="s">
        <v>2019</v>
      </c>
      <c r="E1136" s="52" t="s">
        <v>104</v>
      </c>
      <c r="F1136" s="52" t="s">
        <v>112</v>
      </c>
      <c r="G1136" s="52" t="s">
        <v>82</v>
      </c>
      <c r="H1136" s="4">
        <v>20</v>
      </c>
      <c r="I1136" s="2">
        <v>0</v>
      </c>
    </row>
    <row r="1137" spans="1:9" hidden="1" x14ac:dyDescent="0.35">
      <c r="A1137" s="52" t="s">
        <v>78</v>
      </c>
      <c r="B1137" s="52" t="s">
        <v>79</v>
      </c>
      <c r="C1137" s="3">
        <v>0</v>
      </c>
      <c r="D1137" s="52" t="s">
        <v>2019</v>
      </c>
      <c r="E1137" s="52" t="s">
        <v>104</v>
      </c>
      <c r="F1137" s="52" t="s">
        <v>101</v>
      </c>
      <c r="G1137" s="52" t="s">
        <v>82</v>
      </c>
      <c r="H1137" s="4">
        <v>3520</v>
      </c>
      <c r="I1137" s="2">
        <v>0</v>
      </c>
    </row>
    <row r="1138" spans="1:9" hidden="1" x14ac:dyDescent="0.35">
      <c r="A1138" s="52" t="s">
        <v>78</v>
      </c>
      <c r="B1138" s="52" t="s">
        <v>79</v>
      </c>
      <c r="C1138" s="3">
        <v>0</v>
      </c>
      <c r="D1138" s="52" t="s">
        <v>2019</v>
      </c>
      <c r="E1138" s="52" t="s">
        <v>104</v>
      </c>
      <c r="F1138" s="52" t="s">
        <v>105</v>
      </c>
      <c r="G1138" s="52" t="s">
        <v>82</v>
      </c>
      <c r="H1138" s="4">
        <v>1087</v>
      </c>
      <c r="I1138" s="2">
        <v>0</v>
      </c>
    </row>
    <row r="1139" spans="1:9" hidden="1" x14ac:dyDescent="0.35">
      <c r="A1139" s="52" t="s">
        <v>78</v>
      </c>
      <c r="B1139" s="52" t="s">
        <v>79</v>
      </c>
      <c r="C1139" s="3">
        <v>0</v>
      </c>
      <c r="D1139" s="52" t="s">
        <v>2019</v>
      </c>
      <c r="E1139" s="52" t="s">
        <v>111</v>
      </c>
      <c r="F1139" s="52" t="s">
        <v>101</v>
      </c>
      <c r="G1139" s="52" t="s">
        <v>82</v>
      </c>
      <c r="H1139" s="4">
        <v>2</v>
      </c>
      <c r="I1139" s="2">
        <v>0</v>
      </c>
    </row>
    <row r="1140" spans="1:9" hidden="1" x14ac:dyDescent="0.35">
      <c r="A1140" s="52" t="s">
        <v>78</v>
      </c>
      <c r="B1140" s="52" t="s">
        <v>79</v>
      </c>
      <c r="C1140" s="3">
        <v>10</v>
      </c>
      <c r="D1140" s="52" t="s">
        <v>2019</v>
      </c>
      <c r="E1140" s="52" t="s">
        <v>90</v>
      </c>
      <c r="F1140" s="52" t="s">
        <v>91</v>
      </c>
      <c r="G1140" s="52" t="s">
        <v>82</v>
      </c>
      <c r="H1140" s="4">
        <v>5529</v>
      </c>
      <c r="I1140" s="2">
        <v>63433.68</v>
      </c>
    </row>
    <row r="1141" spans="1:9" hidden="1" x14ac:dyDescent="0.35">
      <c r="A1141" s="52" t="s">
        <v>78</v>
      </c>
      <c r="B1141" s="52" t="s">
        <v>79</v>
      </c>
      <c r="C1141" s="3">
        <v>10</v>
      </c>
      <c r="D1141" s="52" t="s">
        <v>2019</v>
      </c>
      <c r="E1141" s="52" t="s">
        <v>29</v>
      </c>
      <c r="F1141" s="52" t="s">
        <v>94</v>
      </c>
      <c r="G1141" s="52" t="s">
        <v>82</v>
      </c>
      <c r="H1141" s="4">
        <v>9</v>
      </c>
      <c r="I1141" s="2">
        <v>2412.6</v>
      </c>
    </row>
    <row r="1142" spans="1:9" hidden="1" x14ac:dyDescent="0.35">
      <c r="A1142" s="52" t="s">
        <v>78</v>
      </c>
      <c r="B1142" s="52" t="s">
        <v>79</v>
      </c>
      <c r="C1142" s="3">
        <v>10</v>
      </c>
      <c r="D1142" s="52" t="s">
        <v>2019</v>
      </c>
      <c r="E1142" s="52" t="s">
        <v>26</v>
      </c>
      <c r="F1142" s="52" t="s">
        <v>81</v>
      </c>
      <c r="G1142" s="52" t="s">
        <v>82</v>
      </c>
      <c r="H1142" s="4">
        <v>141</v>
      </c>
      <c r="I1142" s="2">
        <v>2065.65</v>
      </c>
    </row>
    <row r="1143" spans="1:9" hidden="1" x14ac:dyDescent="0.35">
      <c r="A1143" s="52" t="s">
        <v>78</v>
      </c>
      <c r="B1143" s="52" t="s">
        <v>79</v>
      </c>
      <c r="C1143" s="3">
        <v>10</v>
      </c>
      <c r="D1143" s="52" t="s">
        <v>2019</v>
      </c>
      <c r="E1143" s="52" t="s">
        <v>36</v>
      </c>
      <c r="F1143" s="52" t="s">
        <v>95</v>
      </c>
      <c r="G1143" s="52" t="s">
        <v>82</v>
      </c>
      <c r="H1143" s="4">
        <v>382</v>
      </c>
      <c r="I1143" s="2">
        <v>1795.4</v>
      </c>
    </row>
    <row r="1144" spans="1:9" hidden="1" x14ac:dyDescent="0.35">
      <c r="A1144" s="52" t="s">
        <v>78</v>
      </c>
      <c r="B1144" s="52" t="s">
        <v>79</v>
      </c>
      <c r="C1144" s="3">
        <v>10</v>
      </c>
      <c r="D1144" s="52" t="s">
        <v>2019</v>
      </c>
      <c r="E1144" s="52" t="s">
        <v>38</v>
      </c>
      <c r="F1144" s="52" t="s">
        <v>97</v>
      </c>
      <c r="G1144" s="52" t="s">
        <v>82</v>
      </c>
      <c r="H1144" s="4">
        <v>84</v>
      </c>
      <c r="I1144" s="2">
        <v>983.7</v>
      </c>
    </row>
    <row r="1145" spans="1:9" hidden="1" x14ac:dyDescent="0.35">
      <c r="A1145" s="52" t="s">
        <v>78</v>
      </c>
      <c r="B1145" s="52" t="s">
        <v>79</v>
      </c>
      <c r="C1145" s="3">
        <v>10</v>
      </c>
      <c r="D1145" s="52" t="s">
        <v>2019</v>
      </c>
      <c r="E1145" s="52" t="s">
        <v>33</v>
      </c>
      <c r="F1145" s="52" t="s">
        <v>99</v>
      </c>
      <c r="G1145" s="52" t="s">
        <v>82</v>
      </c>
      <c r="H1145" s="4">
        <v>2</v>
      </c>
      <c r="I1145" s="2">
        <v>96</v>
      </c>
    </row>
    <row r="1146" spans="1:9" hidden="1" x14ac:dyDescent="0.35">
      <c r="A1146" s="52" t="s">
        <v>78</v>
      </c>
      <c r="B1146" s="52" t="s">
        <v>79</v>
      </c>
      <c r="C1146" s="3">
        <v>10</v>
      </c>
      <c r="D1146" s="52" t="s">
        <v>2019</v>
      </c>
      <c r="E1146" s="52" t="s">
        <v>92</v>
      </c>
      <c r="F1146" s="52" t="s">
        <v>93</v>
      </c>
      <c r="G1146" s="52" t="s">
        <v>82</v>
      </c>
      <c r="H1146" s="4">
        <v>12</v>
      </c>
      <c r="I1146" s="2">
        <v>33.61</v>
      </c>
    </row>
    <row r="1147" spans="1:9" x14ac:dyDescent="0.35">
      <c r="A1147" s="52" t="s">
        <v>78</v>
      </c>
      <c r="B1147" s="52" t="s">
        <v>79</v>
      </c>
      <c r="C1147" s="3">
        <v>10</v>
      </c>
      <c r="D1147" s="52" t="s">
        <v>2019</v>
      </c>
      <c r="E1147" s="52" t="s">
        <v>106</v>
      </c>
      <c r="F1147" s="52" t="s">
        <v>101</v>
      </c>
      <c r="G1147" s="52" t="s">
        <v>108</v>
      </c>
      <c r="H1147" s="4">
        <v>1</v>
      </c>
      <c r="I1147" s="2">
        <v>0</v>
      </c>
    </row>
    <row r="1148" spans="1:9" hidden="1" x14ac:dyDescent="0.35">
      <c r="A1148" s="52" t="s">
        <v>78</v>
      </c>
      <c r="B1148" s="52" t="s">
        <v>79</v>
      </c>
      <c r="C1148" s="3">
        <v>10</v>
      </c>
      <c r="D1148" s="52" t="s">
        <v>2019</v>
      </c>
      <c r="E1148" s="52" t="s">
        <v>106</v>
      </c>
      <c r="F1148" s="52" t="s">
        <v>107</v>
      </c>
      <c r="G1148" s="52" t="s">
        <v>108</v>
      </c>
      <c r="H1148" s="4">
        <v>8</v>
      </c>
      <c r="I1148" s="2">
        <v>0</v>
      </c>
    </row>
    <row r="1149" spans="1:9" hidden="1" x14ac:dyDescent="0.35">
      <c r="A1149" s="52" t="s">
        <v>78</v>
      </c>
      <c r="B1149" s="52" t="s">
        <v>79</v>
      </c>
      <c r="C1149" s="3">
        <v>10</v>
      </c>
      <c r="D1149" s="52" t="s">
        <v>2019</v>
      </c>
      <c r="E1149" s="52" t="s">
        <v>121</v>
      </c>
      <c r="F1149" s="52" t="s">
        <v>112</v>
      </c>
      <c r="G1149" s="52" t="s">
        <v>108</v>
      </c>
      <c r="H1149" s="4">
        <v>161</v>
      </c>
      <c r="I1149" s="2">
        <v>0</v>
      </c>
    </row>
    <row r="1150" spans="1:9" hidden="1" x14ac:dyDescent="0.35">
      <c r="A1150" s="52" t="s">
        <v>78</v>
      </c>
      <c r="B1150" s="52" t="s">
        <v>79</v>
      </c>
      <c r="C1150" s="3">
        <v>10</v>
      </c>
      <c r="D1150" s="52" t="s">
        <v>2019</v>
      </c>
      <c r="E1150" s="52" t="s">
        <v>102</v>
      </c>
      <c r="F1150" s="52" t="s">
        <v>101</v>
      </c>
      <c r="G1150" s="52" t="s">
        <v>108</v>
      </c>
      <c r="H1150" s="4">
        <v>3</v>
      </c>
      <c r="I1150" s="2">
        <v>0</v>
      </c>
    </row>
    <row r="1151" spans="1:9" hidden="1" x14ac:dyDescent="0.35">
      <c r="A1151" s="52" t="s">
        <v>78</v>
      </c>
      <c r="B1151" s="52" t="s">
        <v>79</v>
      </c>
      <c r="C1151" s="3">
        <v>10</v>
      </c>
      <c r="D1151" s="52" t="s">
        <v>2019</v>
      </c>
      <c r="E1151" s="52" t="s">
        <v>111</v>
      </c>
      <c r="F1151" s="52" t="s">
        <v>81</v>
      </c>
      <c r="G1151" s="52" t="s">
        <v>82</v>
      </c>
      <c r="H1151" s="4">
        <v>17</v>
      </c>
      <c r="I1151" s="2">
        <v>0</v>
      </c>
    </row>
    <row r="1152" spans="1:9" hidden="1" x14ac:dyDescent="0.35">
      <c r="A1152" s="52" t="s">
        <v>78</v>
      </c>
      <c r="B1152" s="52" t="s">
        <v>79</v>
      </c>
      <c r="C1152" s="3">
        <v>10</v>
      </c>
      <c r="D1152" s="52" t="s">
        <v>2019</v>
      </c>
      <c r="E1152" s="52" t="s">
        <v>111</v>
      </c>
      <c r="F1152" s="52" t="s">
        <v>105</v>
      </c>
      <c r="G1152" s="52" t="s">
        <v>82</v>
      </c>
      <c r="H1152" s="4">
        <v>91</v>
      </c>
      <c r="I1152" s="2">
        <v>0</v>
      </c>
    </row>
    <row r="1153" spans="1:9" hidden="1" x14ac:dyDescent="0.35">
      <c r="A1153" s="52" t="s">
        <v>78</v>
      </c>
      <c r="B1153" s="52" t="s">
        <v>79</v>
      </c>
      <c r="C1153" s="3">
        <v>10</v>
      </c>
      <c r="D1153" s="52" t="s">
        <v>2019</v>
      </c>
      <c r="E1153" s="52" t="s">
        <v>102</v>
      </c>
      <c r="F1153" s="52" t="s">
        <v>125</v>
      </c>
      <c r="G1153" s="52" t="s">
        <v>108</v>
      </c>
      <c r="H1153" s="4">
        <v>3</v>
      </c>
      <c r="I1153" s="2">
        <v>0</v>
      </c>
    </row>
    <row r="1154" spans="1:9" hidden="1" x14ac:dyDescent="0.35">
      <c r="A1154" s="52" t="s">
        <v>78</v>
      </c>
      <c r="B1154" s="52" t="s">
        <v>79</v>
      </c>
      <c r="C1154" s="3">
        <v>10</v>
      </c>
      <c r="D1154" s="52" t="s">
        <v>2019</v>
      </c>
      <c r="E1154" s="52" t="s">
        <v>111</v>
      </c>
      <c r="F1154" s="52" t="s">
        <v>107</v>
      </c>
      <c r="G1154" s="52" t="s">
        <v>108</v>
      </c>
      <c r="H1154" s="4">
        <v>35</v>
      </c>
      <c r="I1154" s="2">
        <v>0</v>
      </c>
    </row>
    <row r="1155" spans="1:9" hidden="1" x14ac:dyDescent="0.35">
      <c r="A1155" s="52" t="s">
        <v>78</v>
      </c>
      <c r="B1155" s="52" t="s">
        <v>79</v>
      </c>
      <c r="C1155" s="3">
        <v>10</v>
      </c>
      <c r="D1155" s="52" t="s">
        <v>2019</v>
      </c>
      <c r="E1155" s="52" t="s">
        <v>106</v>
      </c>
      <c r="F1155" s="52" t="s">
        <v>103</v>
      </c>
      <c r="G1155" s="52" t="s">
        <v>82</v>
      </c>
      <c r="H1155" s="4">
        <v>2</v>
      </c>
      <c r="I1155" s="2">
        <v>0</v>
      </c>
    </row>
    <row r="1156" spans="1:9" hidden="1" x14ac:dyDescent="0.35">
      <c r="A1156" s="52" t="s">
        <v>78</v>
      </c>
      <c r="B1156" s="52" t="s">
        <v>79</v>
      </c>
      <c r="C1156" s="3">
        <v>10</v>
      </c>
      <c r="D1156" s="52" t="s">
        <v>2019</v>
      </c>
      <c r="E1156" s="52" t="s">
        <v>132</v>
      </c>
      <c r="F1156" s="52" t="s">
        <v>133</v>
      </c>
      <c r="G1156" s="52" t="s">
        <v>108</v>
      </c>
      <c r="H1156" s="4">
        <v>2</v>
      </c>
      <c r="I1156" s="2">
        <v>0</v>
      </c>
    </row>
    <row r="1157" spans="1:9" hidden="1" x14ac:dyDescent="0.35">
      <c r="A1157" s="52" t="s">
        <v>78</v>
      </c>
      <c r="B1157" s="52" t="s">
        <v>79</v>
      </c>
      <c r="C1157" s="3">
        <v>10</v>
      </c>
      <c r="D1157" s="52" t="s">
        <v>2019</v>
      </c>
      <c r="E1157" s="52" t="s">
        <v>139</v>
      </c>
      <c r="F1157" s="52" t="s">
        <v>140</v>
      </c>
      <c r="G1157" s="52" t="s">
        <v>82</v>
      </c>
      <c r="H1157" s="4">
        <v>187</v>
      </c>
      <c r="I1157" s="2">
        <v>0</v>
      </c>
    </row>
    <row r="1158" spans="1:9" hidden="1" x14ac:dyDescent="0.35">
      <c r="A1158" s="52" t="s">
        <v>78</v>
      </c>
      <c r="B1158" s="52" t="s">
        <v>79</v>
      </c>
      <c r="C1158" s="3">
        <v>10</v>
      </c>
      <c r="D1158" s="52" t="s">
        <v>2019</v>
      </c>
      <c r="E1158" s="52" t="s">
        <v>111</v>
      </c>
      <c r="F1158" s="52" t="s">
        <v>101</v>
      </c>
      <c r="G1158" s="52" t="s">
        <v>82</v>
      </c>
      <c r="H1158" s="4">
        <v>481</v>
      </c>
      <c r="I1158" s="2">
        <v>0</v>
      </c>
    </row>
    <row r="1159" spans="1:9" x14ac:dyDescent="0.35">
      <c r="A1159" s="52" t="s">
        <v>78</v>
      </c>
      <c r="B1159" s="52" t="s">
        <v>79</v>
      </c>
      <c r="C1159" s="3">
        <v>10</v>
      </c>
      <c r="D1159" s="52" t="s">
        <v>2019</v>
      </c>
      <c r="E1159" s="52" t="s">
        <v>111</v>
      </c>
      <c r="F1159" s="52" t="s">
        <v>127</v>
      </c>
      <c r="G1159" s="52" t="s">
        <v>108</v>
      </c>
      <c r="H1159" s="4">
        <v>1</v>
      </c>
      <c r="I1159" s="2">
        <v>0</v>
      </c>
    </row>
    <row r="1160" spans="1:9" x14ac:dyDescent="0.35">
      <c r="A1160" s="52" t="s">
        <v>78</v>
      </c>
      <c r="B1160" s="52" t="s">
        <v>79</v>
      </c>
      <c r="C1160" s="3">
        <v>10</v>
      </c>
      <c r="D1160" s="52" t="s">
        <v>2019</v>
      </c>
      <c r="E1160" s="52" t="s">
        <v>106</v>
      </c>
      <c r="F1160" s="52" t="s">
        <v>127</v>
      </c>
      <c r="G1160" s="52" t="s">
        <v>108</v>
      </c>
      <c r="H1160" s="4">
        <v>1</v>
      </c>
      <c r="I1160" s="2">
        <v>0</v>
      </c>
    </row>
    <row r="1161" spans="1:9" hidden="1" x14ac:dyDescent="0.35">
      <c r="A1161" s="52" t="s">
        <v>78</v>
      </c>
      <c r="B1161" s="52" t="s">
        <v>79</v>
      </c>
      <c r="C1161" s="3">
        <v>10</v>
      </c>
      <c r="D1161" s="52" t="s">
        <v>2019</v>
      </c>
      <c r="E1161" s="52" t="s">
        <v>135</v>
      </c>
      <c r="F1161" s="52" t="s">
        <v>112</v>
      </c>
      <c r="G1161" s="52" t="s">
        <v>82</v>
      </c>
      <c r="H1161" s="4">
        <v>7653</v>
      </c>
      <c r="I1161" s="2">
        <v>0</v>
      </c>
    </row>
    <row r="1162" spans="1:9" hidden="1" x14ac:dyDescent="0.35">
      <c r="A1162" s="52" t="s">
        <v>78</v>
      </c>
      <c r="B1162" s="52" t="s">
        <v>79</v>
      </c>
      <c r="C1162" s="3">
        <v>10</v>
      </c>
      <c r="D1162" s="52" t="s">
        <v>2019</v>
      </c>
      <c r="E1162" s="52" t="s">
        <v>118</v>
      </c>
      <c r="F1162" s="52" t="s">
        <v>119</v>
      </c>
      <c r="G1162" s="52" t="s">
        <v>115</v>
      </c>
      <c r="H1162" s="4">
        <v>722</v>
      </c>
      <c r="I1162" s="2">
        <v>0</v>
      </c>
    </row>
    <row r="1163" spans="1:9" hidden="1" x14ac:dyDescent="0.35">
      <c r="A1163" s="52" t="s">
        <v>78</v>
      </c>
      <c r="B1163" s="52" t="s">
        <v>79</v>
      </c>
      <c r="C1163" s="3">
        <v>10</v>
      </c>
      <c r="D1163" s="52" t="s">
        <v>2019</v>
      </c>
      <c r="E1163" s="52" t="s">
        <v>120</v>
      </c>
      <c r="F1163" s="52" t="s">
        <v>116</v>
      </c>
      <c r="G1163" s="52" t="s">
        <v>115</v>
      </c>
      <c r="H1163" s="4">
        <v>722</v>
      </c>
      <c r="I1163" s="2">
        <v>0</v>
      </c>
    </row>
    <row r="1164" spans="1:9" x14ac:dyDescent="0.35">
      <c r="A1164" s="52" t="s">
        <v>78</v>
      </c>
      <c r="B1164" s="52" t="s">
        <v>79</v>
      </c>
      <c r="C1164" s="3">
        <v>10</v>
      </c>
      <c r="D1164" s="52" t="s">
        <v>2019</v>
      </c>
      <c r="E1164" s="52" t="s">
        <v>131</v>
      </c>
      <c r="F1164" s="52" t="s">
        <v>129</v>
      </c>
      <c r="G1164" s="52" t="s">
        <v>108</v>
      </c>
      <c r="H1164" s="4">
        <v>1</v>
      </c>
      <c r="I1164" s="2">
        <v>0</v>
      </c>
    </row>
    <row r="1165" spans="1:9" hidden="1" x14ac:dyDescent="0.35">
      <c r="A1165" s="52" t="s">
        <v>78</v>
      </c>
      <c r="B1165" s="52" t="s">
        <v>79</v>
      </c>
      <c r="C1165" s="3">
        <v>10</v>
      </c>
      <c r="D1165" s="52" t="s">
        <v>2019</v>
      </c>
      <c r="E1165" s="52" t="s">
        <v>102</v>
      </c>
      <c r="F1165" s="52" t="s">
        <v>116</v>
      </c>
      <c r="G1165" s="52" t="s">
        <v>115</v>
      </c>
      <c r="H1165" s="4">
        <v>608</v>
      </c>
      <c r="I1165" s="2">
        <v>0</v>
      </c>
    </row>
    <row r="1166" spans="1:9" x14ac:dyDescent="0.35">
      <c r="A1166" s="52" t="s">
        <v>78</v>
      </c>
      <c r="B1166" s="52" t="s">
        <v>79</v>
      </c>
      <c r="C1166" s="3">
        <v>10</v>
      </c>
      <c r="D1166" s="52" t="s">
        <v>2019</v>
      </c>
      <c r="E1166" s="52" t="s">
        <v>137</v>
      </c>
      <c r="F1166" s="52" t="s">
        <v>107</v>
      </c>
      <c r="G1166" s="52" t="s">
        <v>108</v>
      </c>
      <c r="H1166" s="4">
        <v>1</v>
      </c>
      <c r="I1166" s="2">
        <v>0</v>
      </c>
    </row>
    <row r="1167" spans="1:9" hidden="1" x14ac:dyDescent="0.35">
      <c r="A1167" s="52" t="s">
        <v>78</v>
      </c>
      <c r="B1167" s="52" t="s">
        <v>79</v>
      </c>
      <c r="C1167" s="3">
        <v>10</v>
      </c>
      <c r="D1167" s="52" t="s">
        <v>2019</v>
      </c>
      <c r="E1167" s="52" t="s">
        <v>109</v>
      </c>
      <c r="F1167" s="52" t="s">
        <v>110</v>
      </c>
      <c r="G1167" s="52" t="s">
        <v>108</v>
      </c>
      <c r="H1167" s="4">
        <v>11</v>
      </c>
      <c r="I1167" s="2">
        <v>0</v>
      </c>
    </row>
    <row r="1168" spans="1:9" x14ac:dyDescent="0.35">
      <c r="A1168" s="52" t="s">
        <v>78</v>
      </c>
      <c r="B1168" s="52" t="s">
        <v>79</v>
      </c>
      <c r="C1168" s="3">
        <v>10</v>
      </c>
      <c r="D1168" s="52" t="s">
        <v>2019</v>
      </c>
      <c r="E1168" s="52" t="s">
        <v>102</v>
      </c>
      <c r="F1168" s="52" t="s">
        <v>138</v>
      </c>
      <c r="G1168" s="52" t="s">
        <v>108</v>
      </c>
      <c r="H1168" s="4">
        <v>1</v>
      </c>
      <c r="I1168" s="2">
        <v>0</v>
      </c>
    </row>
    <row r="1169" spans="1:9" hidden="1" x14ac:dyDescent="0.35">
      <c r="A1169" s="52" t="s">
        <v>78</v>
      </c>
      <c r="B1169" s="52" t="s">
        <v>79</v>
      </c>
      <c r="C1169" s="3">
        <v>10</v>
      </c>
      <c r="D1169" s="52" t="s">
        <v>2019</v>
      </c>
      <c r="E1169" s="52" t="s">
        <v>128</v>
      </c>
      <c r="F1169" s="52" t="s">
        <v>129</v>
      </c>
      <c r="G1169" s="52" t="s">
        <v>82</v>
      </c>
      <c r="H1169" s="4">
        <v>3</v>
      </c>
      <c r="I1169" s="2">
        <v>0</v>
      </c>
    </row>
    <row r="1170" spans="1:9" hidden="1" x14ac:dyDescent="0.35">
      <c r="A1170" s="52" t="s">
        <v>78</v>
      </c>
      <c r="B1170" s="52" t="s">
        <v>79</v>
      </c>
      <c r="C1170" s="3">
        <v>10</v>
      </c>
      <c r="D1170" s="52" t="s">
        <v>2019</v>
      </c>
      <c r="E1170" s="52" t="s">
        <v>102</v>
      </c>
      <c r="F1170" s="52" t="s">
        <v>107</v>
      </c>
      <c r="G1170" s="52" t="s">
        <v>108</v>
      </c>
      <c r="H1170" s="4">
        <v>67</v>
      </c>
      <c r="I1170" s="2">
        <v>0</v>
      </c>
    </row>
    <row r="1171" spans="1:9" hidden="1" x14ac:dyDescent="0.35">
      <c r="A1171" s="52" t="s">
        <v>78</v>
      </c>
      <c r="B1171" s="52" t="s">
        <v>79</v>
      </c>
      <c r="C1171" s="3">
        <v>10</v>
      </c>
      <c r="D1171" s="52" t="s">
        <v>2019</v>
      </c>
      <c r="E1171" s="52" t="s">
        <v>117</v>
      </c>
      <c r="F1171" s="52" t="s">
        <v>116</v>
      </c>
      <c r="G1171" s="52" t="s">
        <v>82</v>
      </c>
      <c r="H1171" s="4">
        <v>1431</v>
      </c>
      <c r="I1171" s="2">
        <v>0</v>
      </c>
    </row>
    <row r="1172" spans="1:9" hidden="1" x14ac:dyDescent="0.35">
      <c r="A1172" s="52" t="s">
        <v>78</v>
      </c>
      <c r="B1172" s="52" t="s">
        <v>79</v>
      </c>
      <c r="C1172" s="3">
        <v>10</v>
      </c>
      <c r="D1172" s="52" t="s">
        <v>2019</v>
      </c>
      <c r="E1172" s="52" t="s">
        <v>122</v>
      </c>
      <c r="F1172" s="52" t="s">
        <v>123</v>
      </c>
      <c r="G1172" s="52" t="s">
        <v>108</v>
      </c>
      <c r="H1172" s="4">
        <v>582</v>
      </c>
      <c r="I1172" s="2">
        <v>0</v>
      </c>
    </row>
    <row r="1173" spans="1:9" hidden="1" x14ac:dyDescent="0.35">
      <c r="A1173" s="52" t="s">
        <v>78</v>
      </c>
      <c r="B1173" s="52" t="s">
        <v>79</v>
      </c>
      <c r="C1173" s="3">
        <v>10</v>
      </c>
      <c r="D1173" s="52" t="s">
        <v>2019</v>
      </c>
      <c r="E1173" s="52" t="s">
        <v>111</v>
      </c>
      <c r="F1173" s="52" t="s">
        <v>103</v>
      </c>
      <c r="G1173" s="52" t="s">
        <v>82</v>
      </c>
      <c r="H1173" s="4">
        <v>13</v>
      </c>
      <c r="I1173" s="2">
        <v>0</v>
      </c>
    </row>
    <row r="1174" spans="1:9" hidden="1" x14ac:dyDescent="0.35">
      <c r="A1174" s="52" t="s">
        <v>78</v>
      </c>
      <c r="B1174" s="52" t="s">
        <v>79</v>
      </c>
      <c r="C1174" s="3">
        <v>10</v>
      </c>
      <c r="D1174" s="52" t="s">
        <v>2019</v>
      </c>
      <c r="E1174" s="52" t="s">
        <v>102</v>
      </c>
      <c r="F1174" s="52" t="s">
        <v>103</v>
      </c>
      <c r="G1174" s="52" t="s">
        <v>82</v>
      </c>
      <c r="H1174" s="4">
        <v>252</v>
      </c>
      <c r="I1174" s="2">
        <v>0</v>
      </c>
    </row>
    <row r="1175" spans="1:9" hidden="1" x14ac:dyDescent="0.35">
      <c r="A1175" s="52" t="s">
        <v>78</v>
      </c>
      <c r="B1175" s="52" t="s">
        <v>79</v>
      </c>
      <c r="C1175" s="3">
        <v>10</v>
      </c>
      <c r="D1175" s="52" t="s">
        <v>2019</v>
      </c>
      <c r="E1175" s="52" t="s">
        <v>111</v>
      </c>
      <c r="F1175" s="52" t="s">
        <v>95</v>
      </c>
      <c r="G1175" s="52" t="s">
        <v>82</v>
      </c>
      <c r="H1175" s="4">
        <v>47</v>
      </c>
      <c r="I1175" s="2">
        <v>0</v>
      </c>
    </row>
    <row r="1176" spans="1:9" hidden="1" x14ac:dyDescent="0.35">
      <c r="A1176" s="52" t="s">
        <v>78</v>
      </c>
      <c r="B1176" s="52" t="s">
        <v>79</v>
      </c>
      <c r="C1176" s="3">
        <v>10</v>
      </c>
      <c r="D1176" s="52" t="s">
        <v>2019</v>
      </c>
      <c r="E1176" s="52" t="s">
        <v>126</v>
      </c>
      <c r="F1176" s="52" t="s">
        <v>103</v>
      </c>
      <c r="G1176" s="52" t="s">
        <v>82</v>
      </c>
      <c r="H1176" s="4">
        <v>9</v>
      </c>
      <c r="I1176" s="2">
        <v>0</v>
      </c>
    </row>
    <row r="1177" spans="1:9" hidden="1" x14ac:dyDescent="0.35">
      <c r="A1177" s="52" t="s">
        <v>78</v>
      </c>
      <c r="B1177" s="52" t="s">
        <v>79</v>
      </c>
      <c r="C1177" s="3">
        <v>10</v>
      </c>
      <c r="D1177" s="52" t="s">
        <v>2019</v>
      </c>
      <c r="E1177" s="52" t="s">
        <v>111</v>
      </c>
      <c r="F1177" s="52" t="s">
        <v>94</v>
      </c>
      <c r="G1177" s="52" t="s">
        <v>82</v>
      </c>
      <c r="H1177" s="4">
        <v>5</v>
      </c>
      <c r="I1177" s="2">
        <v>0</v>
      </c>
    </row>
    <row r="1178" spans="1:9" hidden="1" x14ac:dyDescent="0.35">
      <c r="A1178" s="52" t="s">
        <v>78</v>
      </c>
      <c r="B1178" s="52" t="s">
        <v>79</v>
      </c>
      <c r="C1178" s="3">
        <v>10</v>
      </c>
      <c r="D1178" s="52" t="s">
        <v>2019</v>
      </c>
      <c r="E1178" s="52" t="s">
        <v>111</v>
      </c>
      <c r="F1178" s="52" t="s">
        <v>93</v>
      </c>
      <c r="G1178" s="52" t="s">
        <v>82</v>
      </c>
      <c r="H1178" s="4">
        <v>39</v>
      </c>
      <c r="I1178" s="2">
        <v>0</v>
      </c>
    </row>
    <row r="1179" spans="1:9" hidden="1" x14ac:dyDescent="0.35">
      <c r="A1179" s="52" t="s">
        <v>78</v>
      </c>
      <c r="B1179" s="52" t="s">
        <v>79</v>
      </c>
      <c r="C1179" s="3">
        <v>10</v>
      </c>
      <c r="D1179" s="52" t="s">
        <v>2019</v>
      </c>
      <c r="E1179" s="52" t="s">
        <v>134</v>
      </c>
      <c r="F1179" s="52" t="s">
        <v>123</v>
      </c>
      <c r="G1179" s="52" t="s">
        <v>82</v>
      </c>
      <c r="H1179" s="4">
        <v>1872</v>
      </c>
      <c r="I1179" s="2">
        <v>0</v>
      </c>
    </row>
    <row r="1180" spans="1:9" hidden="1" x14ac:dyDescent="0.35">
      <c r="A1180" s="52" t="s">
        <v>78</v>
      </c>
      <c r="B1180" s="52" t="s">
        <v>79</v>
      </c>
      <c r="C1180" s="3">
        <v>10</v>
      </c>
      <c r="D1180" s="52" t="s">
        <v>2019</v>
      </c>
      <c r="E1180" s="52" t="s">
        <v>113</v>
      </c>
      <c r="F1180" s="52" t="s">
        <v>114</v>
      </c>
      <c r="G1180" s="52" t="s">
        <v>115</v>
      </c>
      <c r="H1180" s="4">
        <v>1589</v>
      </c>
      <c r="I1180" s="2">
        <v>0</v>
      </c>
    </row>
    <row r="1181" spans="1:9" hidden="1" x14ac:dyDescent="0.35">
      <c r="A1181" s="52" t="s">
        <v>78</v>
      </c>
      <c r="B1181" s="52" t="s">
        <v>79</v>
      </c>
      <c r="C1181" s="3">
        <v>10</v>
      </c>
      <c r="D1181" s="52" t="s">
        <v>2019</v>
      </c>
      <c r="E1181" s="52" t="s">
        <v>126</v>
      </c>
      <c r="F1181" s="52" t="s">
        <v>101</v>
      </c>
      <c r="G1181" s="52" t="s">
        <v>82</v>
      </c>
      <c r="H1181" s="4">
        <v>70</v>
      </c>
      <c r="I1181" s="2">
        <v>0</v>
      </c>
    </row>
    <row r="1182" spans="1:9" hidden="1" x14ac:dyDescent="0.35">
      <c r="A1182" s="52" t="s">
        <v>78</v>
      </c>
      <c r="B1182" s="52" t="s">
        <v>79</v>
      </c>
      <c r="C1182" s="3">
        <v>10</v>
      </c>
      <c r="D1182" s="52" t="s">
        <v>2019</v>
      </c>
      <c r="E1182" s="52" t="s">
        <v>102</v>
      </c>
      <c r="F1182" s="52" t="s">
        <v>127</v>
      </c>
      <c r="G1182" s="52" t="s">
        <v>108</v>
      </c>
      <c r="H1182" s="4">
        <v>173</v>
      </c>
      <c r="I1182" s="2">
        <v>0</v>
      </c>
    </row>
    <row r="1183" spans="1:9" hidden="1" x14ac:dyDescent="0.35">
      <c r="A1183" s="52" t="s">
        <v>78</v>
      </c>
      <c r="B1183" s="52" t="s">
        <v>79</v>
      </c>
      <c r="C1183" s="3">
        <v>10</v>
      </c>
      <c r="D1183" s="52" t="s">
        <v>2019</v>
      </c>
      <c r="E1183" s="52" t="s">
        <v>111</v>
      </c>
      <c r="F1183" s="52" t="s">
        <v>97</v>
      </c>
      <c r="G1183" s="52" t="s">
        <v>82</v>
      </c>
      <c r="H1183" s="4">
        <v>2</v>
      </c>
      <c r="I1183" s="2">
        <v>0</v>
      </c>
    </row>
    <row r="1184" spans="1:9" hidden="1" x14ac:dyDescent="0.35">
      <c r="A1184" s="52" t="s">
        <v>78</v>
      </c>
      <c r="B1184" s="52" t="s">
        <v>79</v>
      </c>
      <c r="C1184" s="3">
        <v>20</v>
      </c>
      <c r="D1184" s="52" t="s">
        <v>2019</v>
      </c>
      <c r="E1184" s="52" t="s">
        <v>90</v>
      </c>
      <c r="F1184" s="52" t="s">
        <v>91</v>
      </c>
      <c r="G1184" s="52" t="s">
        <v>82</v>
      </c>
      <c r="H1184" s="4">
        <v>8790</v>
      </c>
      <c r="I1184" s="2">
        <v>98722.17</v>
      </c>
    </row>
    <row r="1185" spans="1:9" hidden="1" x14ac:dyDescent="0.35">
      <c r="A1185" s="52" t="s">
        <v>78</v>
      </c>
      <c r="B1185" s="52" t="s">
        <v>79</v>
      </c>
      <c r="C1185" s="3">
        <v>20</v>
      </c>
      <c r="D1185" s="52" t="s">
        <v>2019</v>
      </c>
      <c r="E1185" s="52" t="s">
        <v>36</v>
      </c>
      <c r="F1185" s="52" t="s">
        <v>95</v>
      </c>
      <c r="G1185" s="52" t="s">
        <v>82</v>
      </c>
      <c r="H1185" s="4">
        <v>668</v>
      </c>
      <c r="I1185" s="2">
        <v>3139.6</v>
      </c>
    </row>
    <row r="1186" spans="1:9" hidden="1" x14ac:dyDescent="0.35">
      <c r="A1186" s="52" t="s">
        <v>78</v>
      </c>
      <c r="B1186" s="52" t="s">
        <v>79</v>
      </c>
      <c r="C1186" s="3">
        <v>20</v>
      </c>
      <c r="D1186" s="52" t="s">
        <v>2019</v>
      </c>
      <c r="E1186" s="52" t="s">
        <v>26</v>
      </c>
      <c r="F1186" s="52" t="s">
        <v>81</v>
      </c>
      <c r="G1186" s="52" t="s">
        <v>82</v>
      </c>
      <c r="H1186" s="4">
        <v>213</v>
      </c>
      <c r="I1186" s="2">
        <v>3120.45</v>
      </c>
    </row>
    <row r="1187" spans="1:9" hidden="1" x14ac:dyDescent="0.35">
      <c r="A1187" s="52" t="s">
        <v>78</v>
      </c>
      <c r="B1187" s="52" t="s">
        <v>79</v>
      </c>
      <c r="C1187" s="3">
        <v>20</v>
      </c>
      <c r="D1187" s="52" t="s">
        <v>2019</v>
      </c>
      <c r="E1187" s="52" t="s">
        <v>29</v>
      </c>
      <c r="F1187" s="52" t="s">
        <v>94</v>
      </c>
      <c r="G1187" s="52" t="s">
        <v>82</v>
      </c>
      <c r="H1187" s="4">
        <v>14</v>
      </c>
      <c r="I1187" s="2">
        <v>2997.29</v>
      </c>
    </row>
    <row r="1188" spans="1:9" hidden="1" x14ac:dyDescent="0.35">
      <c r="A1188" s="52" t="s">
        <v>78</v>
      </c>
      <c r="B1188" s="52" t="s">
        <v>79</v>
      </c>
      <c r="C1188" s="3">
        <v>20</v>
      </c>
      <c r="D1188" s="52" t="s">
        <v>2019</v>
      </c>
      <c r="E1188" s="52" t="s">
        <v>38</v>
      </c>
      <c r="F1188" s="52" t="s">
        <v>97</v>
      </c>
      <c r="G1188" s="52" t="s">
        <v>82</v>
      </c>
      <c r="H1188" s="4">
        <v>137</v>
      </c>
      <c r="I1188" s="2">
        <v>1211.2</v>
      </c>
    </row>
    <row r="1189" spans="1:9" hidden="1" x14ac:dyDescent="0.35">
      <c r="A1189" s="52" t="s">
        <v>78</v>
      </c>
      <c r="B1189" s="52" t="s">
        <v>79</v>
      </c>
      <c r="C1189" s="3">
        <v>20</v>
      </c>
      <c r="D1189" s="52" t="s">
        <v>2019</v>
      </c>
      <c r="E1189" s="52" t="s">
        <v>92</v>
      </c>
      <c r="F1189" s="52" t="s">
        <v>93</v>
      </c>
      <c r="G1189" s="52" t="s">
        <v>82</v>
      </c>
      <c r="H1189" s="4">
        <v>13</v>
      </c>
      <c r="I1189" s="2">
        <v>83.87</v>
      </c>
    </row>
    <row r="1190" spans="1:9" x14ac:dyDescent="0.35">
      <c r="A1190" s="52" t="s">
        <v>78</v>
      </c>
      <c r="B1190" s="52" t="s">
        <v>79</v>
      </c>
      <c r="C1190" s="3">
        <v>20</v>
      </c>
      <c r="D1190" s="52" t="s">
        <v>2019</v>
      </c>
      <c r="E1190" s="52" t="s">
        <v>33</v>
      </c>
      <c r="F1190" s="52" t="s">
        <v>99</v>
      </c>
      <c r="G1190" s="52" t="s">
        <v>82</v>
      </c>
      <c r="H1190" s="4">
        <v>1</v>
      </c>
      <c r="I1190" s="2">
        <v>48</v>
      </c>
    </row>
    <row r="1191" spans="1:9" hidden="1" x14ac:dyDescent="0.35">
      <c r="A1191" s="52" t="s">
        <v>78</v>
      </c>
      <c r="B1191" s="52" t="s">
        <v>79</v>
      </c>
      <c r="C1191" s="3">
        <v>20</v>
      </c>
      <c r="D1191" s="52" t="s">
        <v>2019</v>
      </c>
      <c r="E1191" s="52" t="s">
        <v>135</v>
      </c>
      <c r="F1191" s="52" t="s">
        <v>112</v>
      </c>
      <c r="G1191" s="52" t="s">
        <v>82</v>
      </c>
      <c r="H1191" s="4">
        <v>15635</v>
      </c>
      <c r="I1191" s="2">
        <v>0</v>
      </c>
    </row>
    <row r="1192" spans="1:9" hidden="1" x14ac:dyDescent="0.35">
      <c r="A1192" s="52" t="s">
        <v>78</v>
      </c>
      <c r="B1192" s="52" t="s">
        <v>79</v>
      </c>
      <c r="C1192" s="3">
        <v>20</v>
      </c>
      <c r="D1192" s="52" t="s">
        <v>2019</v>
      </c>
      <c r="E1192" s="52" t="s">
        <v>106</v>
      </c>
      <c r="F1192" s="52" t="s">
        <v>127</v>
      </c>
      <c r="G1192" s="52" t="s">
        <v>108</v>
      </c>
      <c r="H1192" s="4">
        <v>5</v>
      </c>
      <c r="I1192" s="2">
        <v>0</v>
      </c>
    </row>
    <row r="1193" spans="1:9" hidden="1" x14ac:dyDescent="0.35">
      <c r="A1193" s="52" t="s">
        <v>78</v>
      </c>
      <c r="B1193" s="52" t="s">
        <v>79</v>
      </c>
      <c r="C1193" s="3">
        <v>20</v>
      </c>
      <c r="D1193" s="52" t="s">
        <v>2019</v>
      </c>
      <c r="E1193" s="52" t="s">
        <v>121</v>
      </c>
      <c r="F1193" s="52" t="s">
        <v>112</v>
      </c>
      <c r="G1193" s="52" t="s">
        <v>108</v>
      </c>
      <c r="H1193" s="4">
        <v>158</v>
      </c>
      <c r="I1193" s="2">
        <v>0</v>
      </c>
    </row>
    <row r="1194" spans="1:9" hidden="1" x14ac:dyDescent="0.35">
      <c r="A1194" s="52" t="s">
        <v>78</v>
      </c>
      <c r="B1194" s="52" t="s">
        <v>79</v>
      </c>
      <c r="C1194" s="3">
        <v>20</v>
      </c>
      <c r="D1194" s="52" t="s">
        <v>2019</v>
      </c>
      <c r="E1194" s="52" t="s">
        <v>117</v>
      </c>
      <c r="F1194" s="52" t="s">
        <v>116</v>
      </c>
      <c r="G1194" s="52" t="s">
        <v>82</v>
      </c>
      <c r="H1194" s="4">
        <v>2547</v>
      </c>
      <c r="I1194" s="2">
        <v>0</v>
      </c>
    </row>
    <row r="1195" spans="1:9" x14ac:dyDescent="0.35">
      <c r="A1195" s="52" t="s">
        <v>78</v>
      </c>
      <c r="B1195" s="52" t="s">
        <v>79</v>
      </c>
      <c r="C1195" s="3">
        <v>20</v>
      </c>
      <c r="D1195" s="52" t="s">
        <v>2019</v>
      </c>
      <c r="E1195" s="52" t="s">
        <v>131</v>
      </c>
      <c r="F1195" s="52" t="s">
        <v>129</v>
      </c>
      <c r="G1195" s="52" t="s">
        <v>108</v>
      </c>
      <c r="H1195" s="4">
        <v>1</v>
      </c>
      <c r="I1195" s="2">
        <v>0</v>
      </c>
    </row>
    <row r="1196" spans="1:9" hidden="1" x14ac:dyDescent="0.35">
      <c r="A1196" s="52" t="s">
        <v>78</v>
      </c>
      <c r="B1196" s="52" t="s">
        <v>79</v>
      </c>
      <c r="C1196" s="3">
        <v>20</v>
      </c>
      <c r="D1196" s="52" t="s">
        <v>2019</v>
      </c>
      <c r="E1196" s="52" t="s">
        <v>102</v>
      </c>
      <c r="F1196" s="52" t="s">
        <v>103</v>
      </c>
      <c r="G1196" s="52" t="s">
        <v>82</v>
      </c>
      <c r="H1196" s="4">
        <v>491</v>
      </c>
      <c r="I1196" s="2">
        <v>0</v>
      </c>
    </row>
    <row r="1197" spans="1:9" hidden="1" x14ac:dyDescent="0.35">
      <c r="A1197" s="52" t="s">
        <v>78</v>
      </c>
      <c r="B1197" s="52" t="s">
        <v>79</v>
      </c>
      <c r="C1197" s="3">
        <v>20</v>
      </c>
      <c r="D1197" s="52" t="s">
        <v>2019</v>
      </c>
      <c r="E1197" s="52" t="s">
        <v>134</v>
      </c>
      <c r="F1197" s="52" t="s">
        <v>123</v>
      </c>
      <c r="G1197" s="52" t="s">
        <v>82</v>
      </c>
      <c r="H1197" s="4">
        <v>3865</v>
      </c>
      <c r="I1197" s="2">
        <v>0</v>
      </c>
    </row>
    <row r="1198" spans="1:9" hidden="1" x14ac:dyDescent="0.35">
      <c r="A1198" s="52" t="s">
        <v>78</v>
      </c>
      <c r="B1198" s="52" t="s">
        <v>79</v>
      </c>
      <c r="C1198" s="3">
        <v>20</v>
      </c>
      <c r="D1198" s="52" t="s">
        <v>2019</v>
      </c>
      <c r="E1198" s="52" t="s">
        <v>126</v>
      </c>
      <c r="F1198" s="52" t="s">
        <v>103</v>
      </c>
      <c r="G1198" s="52" t="s">
        <v>82</v>
      </c>
      <c r="H1198" s="4">
        <v>11</v>
      </c>
      <c r="I1198" s="2">
        <v>0</v>
      </c>
    </row>
    <row r="1199" spans="1:9" hidden="1" x14ac:dyDescent="0.35">
      <c r="A1199" s="52" t="s">
        <v>78</v>
      </c>
      <c r="B1199" s="52" t="s">
        <v>79</v>
      </c>
      <c r="C1199" s="3">
        <v>20</v>
      </c>
      <c r="D1199" s="52" t="s">
        <v>2019</v>
      </c>
      <c r="E1199" s="52" t="s">
        <v>111</v>
      </c>
      <c r="F1199" s="52" t="s">
        <v>103</v>
      </c>
      <c r="G1199" s="52" t="s">
        <v>82</v>
      </c>
      <c r="H1199" s="4">
        <v>17</v>
      </c>
      <c r="I1199" s="2">
        <v>0</v>
      </c>
    </row>
    <row r="1200" spans="1:9" hidden="1" x14ac:dyDescent="0.35">
      <c r="A1200" s="52" t="s">
        <v>78</v>
      </c>
      <c r="B1200" s="52" t="s">
        <v>79</v>
      </c>
      <c r="C1200" s="3">
        <v>20</v>
      </c>
      <c r="D1200" s="52" t="s">
        <v>2019</v>
      </c>
      <c r="E1200" s="52" t="s">
        <v>109</v>
      </c>
      <c r="F1200" s="52" t="s">
        <v>110</v>
      </c>
      <c r="G1200" s="52" t="s">
        <v>108</v>
      </c>
      <c r="H1200" s="4">
        <v>16</v>
      </c>
      <c r="I1200" s="2">
        <v>0</v>
      </c>
    </row>
    <row r="1201" spans="1:9" hidden="1" x14ac:dyDescent="0.35">
      <c r="A1201" s="52" t="s">
        <v>78</v>
      </c>
      <c r="B1201" s="52" t="s">
        <v>79</v>
      </c>
      <c r="C1201" s="3">
        <v>20</v>
      </c>
      <c r="D1201" s="52" t="s">
        <v>2019</v>
      </c>
      <c r="E1201" s="52" t="s">
        <v>126</v>
      </c>
      <c r="F1201" s="52" t="s">
        <v>101</v>
      </c>
      <c r="G1201" s="52" t="s">
        <v>82</v>
      </c>
      <c r="H1201" s="4">
        <v>154</v>
      </c>
      <c r="I1201" s="2">
        <v>0</v>
      </c>
    </row>
    <row r="1202" spans="1:9" hidden="1" x14ac:dyDescent="0.35">
      <c r="A1202" s="52" t="s">
        <v>78</v>
      </c>
      <c r="B1202" s="52" t="s">
        <v>79</v>
      </c>
      <c r="C1202" s="3">
        <v>20</v>
      </c>
      <c r="D1202" s="52" t="s">
        <v>2019</v>
      </c>
      <c r="E1202" s="52" t="s">
        <v>111</v>
      </c>
      <c r="F1202" s="52" t="s">
        <v>93</v>
      </c>
      <c r="G1202" s="52" t="s">
        <v>82</v>
      </c>
      <c r="H1202" s="4">
        <v>54</v>
      </c>
      <c r="I1202" s="2">
        <v>0</v>
      </c>
    </row>
    <row r="1203" spans="1:9" hidden="1" x14ac:dyDescent="0.35">
      <c r="A1203" s="52" t="s">
        <v>78</v>
      </c>
      <c r="B1203" s="52" t="s">
        <v>79</v>
      </c>
      <c r="C1203" s="3">
        <v>20</v>
      </c>
      <c r="D1203" s="52" t="s">
        <v>2019</v>
      </c>
      <c r="E1203" s="52" t="s">
        <v>102</v>
      </c>
      <c r="F1203" s="52" t="s">
        <v>116</v>
      </c>
      <c r="G1203" s="52" t="s">
        <v>115</v>
      </c>
      <c r="H1203" s="4">
        <v>980</v>
      </c>
      <c r="I1203" s="2">
        <v>0</v>
      </c>
    </row>
    <row r="1204" spans="1:9" x14ac:dyDescent="0.35">
      <c r="A1204" s="52" t="s">
        <v>78</v>
      </c>
      <c r="B1204" s="52" t="s">
        <v>79</v>
      </c>
      <c r="C1204" s="3">
        <v>20</v>
      </c>
      <c r="D1204" s="52" t="s">
        <v>2019</v>
      </c>
      <c r="E1204" s="52" t="s">
        <v>102</v>
      </c>
      <c r="F1204" s="52" t="s">
        <v>105</v>
      </c>
      <c r="G1204" s="52" t="s">
        <v>108</v>
      </c>
      <c r="H1204" s="4">
        <v>1</v>
      </c>
      <c r="I1204" s="2">
        <v>0</v>
      </c>
    </row>
    <row r="1205" spans="1:9" x14ac:dyDescent="0.35">
      <c r="A1205" s="52" t="s">
        <v>78</v>
      </c>
      <c r="B1205" s="52" t="s">
        <v>79</v>
      </c>
      <c r="C1205" s="3">
        <v>20</v>
      </c>
      <c r="D1205" s="52" t="s">
        <v>2019</v>
      </c>
      <c r="E1205" s="52" t="s">
        <v>102</v>
      </c>
      <c r="F1205" s="52" t="s">
        <v>81</v>
      </c>
      <c r="G1205" s="52" t="s">
        <v>108</v>
      </c>
      <c r="H1205" s="4">
        <v>1</v>
      </c>
      <c r="I1205" s="2">
        <v>0</v>
      </c>
    </row>
    <row r="1206" spans="1:9" hidden="1" x14ac:dyDescent="0.35">
      <c r="A1206" s="52" t="s">
        <v>78</v>
      </c>
      <c r="B1206" s="52" t="s">
        <v>79</v>
      </c>
      <c r="C1206" s="3">
        <v>20</v>
      </c>
      <c r="D1206" s="52" t="s">
        <v>2019</v>
      </c>
      <c r="E1206" s="52" t="s">
        <v>106</v>
      </c>
      <c r="F1206" s="52" t="s">
        <v>107</v>
      </c>
      <c r="G1206" s="52" t="s">
        <v>108</v>
      </c>
      <c r="H1206" s="4">
        <v>25</v>
      </c>
      <c r="I1206" s="2">
        <v>0</v>
      </c>
    </row>
    <row r="1207" spans="1:9" hidden="1" x14ac:dyDescent="0.35">
      <c r="A1207" s="52" t="s">
        <v>78</v>
      </c>
      <c r="B1207" s="52" t="s">
        <v>79</v>
      </c>
      <c r="C1207" s="3">
        <v>20</v>
      </c>
      <c r="D1207" s="52" t="s">
        <v>2019</v>
      </c>
      <c r="E1207" s="52" t="s">
        <v>139</v>
      </c>
      <c r="F1207" s="52" t="s">
        <v>140</v>
      </c>
      <c r="G1207" s="52" t="s">
        <v>82</v>
      </c>
      <c r="H1207" s="4">
        <v>307</v>
      </c>
      <c r="I1207" s="2">
        <v>0</v>
      </c>
    </row>
    <row r="1208" spans="1:9" hidden="1" x14ac:dyDescent="0.35">
      <c r="A1208" s="52" t="s">
        <v>78</v>
      </c>
      <c r="B1208" s="52" t="s">
        <v>79</v>
      </c>
      <c r="C1208" s="3">
        <v>20</v>
      </c>
      <c r="D1208" s="52" t="s">
        <v>2019</v>
      </c>
      <c r="E1208" s="52" t="s">
        <v>122</v>
      </c>
      <c r="F1208" s="52" t="s">
        <v>123</v>
      </c>
      <c r="G1208" s="52" t="s">
        <v>108</v>
      </c>
      <c r="H1208" s="4">
        <v>1040</v>
      </c>
      <c r="I1208" s="2">
        <v>0</v>
      </c>
    </row>
    <row r="1209" spans="1:9" hidden="1" x14ac:dyDescent="0.35">
      <c r="A1209" s="52" t="s">
        <v>78</v>
      </c>
      <c r="B1209" s="52" t="s">
        <v>79</v>
      </c>
      <c r="C1209" s="3">
        <v>20</v>
      </c>
      <c r="D1209" s="52" t="s">
        <v>2019</v>
      </c>
      <c r="E1209" s="52" t="s">
        <v>111</v>
      </c>
      <c r="F1209" s="52" t="s">
        <v>94</v>
      </c>
      <c r="G1209" s="52" t="s">
        <v>82</v>
      </c>
      <c r="H1209" s="4">
        <v>2</v>
      </c>
      <c r="I1209" s="2">
        <v>0</v>
      </c>
    </row>
    <row r="1210" spans="1:9" hidden="1" x14ac:dyDescent="0.35">
      <c r="A1210" s="52" t="s">
        <v>78</v>
      </c>
      <c r="B1210" s="52" t="s">
        <v>79</v>
      </c>
      <c r="C1210" s="3">
        <v>20</v>
      </c>
      <c r="D1210" s="52" t="s">
        <v>2019</v>
      </c>
      <c r="E1210" s="52" t="s">
        <v>111</v>
      </c>
      <c r="F1210" s="52" t="s">
        <v>81</v>
      </c>
      <c r="G1210" s="52" t="s">
        <v>82</v>
      </c>
      <c r="H1210" s="4">
        <v>8</v>
      </c>
      <c r="I1210" s="2">
        <v>0</v>
      </c>
    </row>
    <row r="1211" spans="1:9" hidden="1" x14ac:dyDescent="0.35">
      <c r="A1211" s="52" t="s">
        <v>78</v>
      </c>
      <c r="B1211" s="52" t="s">
        <v>79</v>
      </c>
      <c r="C1211" s="3">
        <v>20</v>
      </c>
      <c r="D1211" s="52" t="s">
        <v>2019</v>
      </c>
      <c r="E1211" s="52" t="s">
        <v>128</v>
      </c>
      <c r="F1211" s="52" t="s">
        <v>129</v>
      </c>
      <c r="G1211" s="52" t="s">
        <v>82</v>
      </c>
      <c r="H1211" s="4">
        <v>3</v>
      </c>
      <c r="I1211" s="2">
        <v>0</v>
      </c>
    </row>
    <row r="1212" spans="1:9" hidden="1" x14ac:dyDescent="0.35">
      <c r="A1212" s="52" t="s">
        <v>78</v>
      </c>
      <c r="B1212" s="52" t="s">
        <v>79</v>
      </c>
      <c r="C1212" s="3">
        <v>20</v>
      </c>
      <c r="D1212" s="52" t="s">
        <v>2019</v>
      </c>
      <c r="E1212" s="52" t="s">
        <v>111</v>
      </c>
      <c r="F1212" s="52" t="s">
        <v>105</v>
      </c>
      <c r="G1212" s="52" t="s">
        <v>82</v>
      </c>
      <c r="H1212" s="4">
        <v>129</v>
      </c>
      <c r="I1212" s="2">
        <v>0</v>
      </c>
    </row>
    <row r="1213" spans="1:9" hidden="1" x14ac:dyDescent="0.35">
      <c r="A1213" s="52" t="s">
        <v>78</v>
      </c>
      <c r="B1213" s="52" t="s">
        <v>79</v>
      </c>
      <c r="C1213" s="3">
        <v>20</v>
      </c>
      <c r="D1213" s="52" t="s">
        <v>2019</v>
      </c>
      <c r="E1213" s="52" t="s">
        <v>132</v>
      </c>
      <c r="F1213" s="52" t="s">
        <v>133</v>
      </c>
      <c r="G1213" s="52" t="s">
        <v>108</v>
      </c>
      <c r="H1213" s="4">
        <v>4</v>
      </c>
      <c r="I1213" s="2">
        <v>0</v>
      </c>
    </row>
    <row r="1214" spans="1:9" hidden="1" x14ac:dyDescent="0.35">
      <c r="A1214" s="52" t="s">
        <v>78</v>
      </c>
      <c r="B1214" s="52" t="s">
        <v>79</v>
      </c>
      <c r="C1214" s="3">
        <v>20</v>
      </c>
      <c r="D1214" s="52" t="s">
        <v>2019</v>
      </c>
      <c r="E1214" s="52" t="s">
        <v>102</v>
      </c>
      <c r="F1214" s="52" t="s">
        <v>101</v>
      </c>
      <c r="G1214" s="52" t="s">
        <v>108</v>
      </c>
      <c r="H1214" s="4">
        <v>12</v>
      </c>
      <c r="I1214" s="2">
        <v>0</v>
      </c>
    </row>
    <row r="1215" spans="1:9" hidden="1" x14ac:dyDescent="0.35">
      <c r="A1215" s="52" t="s">
        <v>78</v>
      </c>
      <c r="B1215" s="52" t="s">
        <v>79</v>
      </c>
      <c r="C1215" s="3">
        <v>20</v>
      </c>
      <c r="D1215" s="52" t="s">
        <v>2019</v>
      </c>
      <c r="E1215" s="52" t="s">
        <v>106</v>
      </c>
      <c r="F1215" s="52" t="s">
        <v>101</v>
      </c>
      <c r="G1215" s="52" t="s">
        <v>108</v>
      </c>
      <c r="H1215" s="4">
        <v>3</v>
      </c>
      <c r="I1215" s="2">
        <v>0</v>
      </c>
    </row>
    <row r="1216" spans="1:9" x14ac:dyDescent="0.35">
      <c r="A1216" s="52" t="s">
        <v>78</v>
      </c>
      <c r="B1216" s="52" t="s">
        <v>79</v>
      </c>
      <c r="C1216" s="3">
        <v>20</v>
      </c>
      <c r="D1216" s="52" t="s">
        <v>2019</v>
      </c>
      <c r="E1216" s="52" t="s">
        <v>111</v>
      </c>
      <c r="F1216" s="52" t="s">
        <v>97</v>
      </c>
      <c r="G1216" s="52" t="s">
        <v>82</v>
      </c>
      <c r="H1216" s="4">
        <v>1</v>
      </c>
      <c r="I1216" s="2">
        <v>0</v>
      </c>
    </row>
    <row r="1217" spans="1:9" hidden="1" x14ac:dyDescent="0.35">
      <c r="A1217" s="52" t="s">
        <v>78</v>
      </c>
      <c r="B1217" s="52" t="s">
        <v>79</v>
      </c>
      <c r="C1217" s="3">
        <v>20</v>
      </c>
      <c r="D1217" s="52" t="s">
        <v>2019</v>
      </c>
      <c r="E1217" s="52" t="s">
        <v>118</v>
      </c>
      <c r="F1217" s="52" t="s">
        <v>119</v>
      </c>
      <c r="G1217" s="52" t="s">
        <v>115</v>
      </c>
      <c r="H1217" s="4">
        <v>1163</v>
      </c>
      <c r="I1217" s="2">
        <v>0</v>
      </c>
    </row>
    <row r="1218" spans="1:9" hidden="1" x14ac:dyDescent="0.35">
      <c r="A1218" s="52" t="s">
        <v>78</v>
      </c>
      <c r="B1218" s="52" t="s">
        <v>79</v>
      </c>
      <c r="C1218" s="3">
        <v>20</v>
      </c>
      <c r="D1218" s="52" t="s">
        <v>2019</v>
      </c>
      <c r="E1218" s="52" t="s">
        <v>102</v>
      </c>
      <c r="F1218" s="52" t="s">
        <v>127</v>
      </c>
      <c r="G1218" s="52" t="s">
        <v>108</v>
      </c>
      <c r="H1218" s="4">
        <v>282</v>
      </c>
      <c r="I1218" s="2">
        <v>0</v>
      </c>
    </row>
    <row r="1219" spans="1:9" hidden="1" x14ac:dyDescent="0.35">
      <c r="A1219" s="52" t="s">
        <v>78</v>
      </c>
      <c r="B1219" s="52" t="s">
        <v>79</v>
      </c>
      <c r="C1219" s="3">
        <v>20</v>
      </c>
      <c r="D1219" s="52" t="s">
        <v>2019</v>
      </c>
      <c r="E1219" s="52" t="s">
        <v>111</v>
      </c>
      <c r="F1219" s="52" t="s">
        <v>107</v>
      </c>
      <c r="G1219" s="52" t="s">
        <v>108</v>
      </c>
      <c r="H1219" s="4">
        <v>59</v>
      </c>
      <c r="I1219" s="2">
        <v>0</v>
      </c>
    </row>
    <row r="1220" spans="1:9" hidden="1" x14ac:dyDescent="0.35">
      <c r="A1220" s="52" t="s">
        <v>78</v>
      </c>
      <c r="B1220" s="52" t="s">
        <v>79</v>
      </c>
      <c r="C1220" s="3">
        <v>20</v>
      </c>
      <c r="D1220" s="52" t="s">
        <v>2019</v>
      </c>
      <c r="E1220" s="52" t="s">
        <v>113</v>
      </c>
      <c r="F1220" s="52" t="s">
        <v>114</v>
      </c>
      <c r="G1220" s="52" t="s">
        <v>115</v>
      </c>
      <c r="H1220" s="4">
        <v>2941</v>
      </c>
      <c r="I1220" s="2">
        <v>0</v>
      </c>
    </row>
    <row r="1221" spans="1:9" hidden="1" x14ac:dyDescent="0.35">
      <c r="A1221" s="52" t="s">
        <v>78</v>
      </c>
      <c r="B1221" s="52" t="s">
        <v>79</v>
      </c>
      <c r="C1221" s="3">
        <v>20</v>
      </c>
      <c r="D1221" s="52" t="s">
        <v>2019</v>
      </c>
      <c r="E1221" s="52" t="s">
        <v>111</v>
      </c>
      <c r="F1221" s="52" t="s">
        <v>101</v>
      </c>
      <c r="G1221" s="52" t="s">
        <v>82</v>
      </c>
      <c r="H1221" s="4">
        <v>755</v>
      </c>
      <c r="I1221" s="2">
        <v>0</v>
      </c>
    </row>
    <row r="1222" spans="1:9" x14ac:dyDescent="0.35">
      <c r="A1222" s="52" t="s">
        <v>78</v>
      </c>
      <c r="B1222" s="52" t="s">
        <v>79</v>
      </c>
      <c r="C1222" s="3">
        <v>20</v>
      </c>
      <c r="D1222" s="52" t="s">
        <v>2019</v>
      </c>
      <c r="E1222" s="52" t="s">
        <v>102</v>
      </c>
      <c r="F1222" s="52" t="s">
        <v>95</v>
      </c>
      <c r="G1222" s="52" t="s">
        <v>108</v>
      </c>
      <c r="H1222" s="4">
        <v>1</v>
      </c>
      <c r="I1222" s="2">
        <v>0</v>
      </c>
    </row>
    <row r="1223" spans="1:9" x14ac:dyDescent="0.35">
      <c r="A1223" s="52" t="s">
        <v>78</v>
      </c>
      <c r="B1223" s="52" t="s">
        <v>79</v>
      </c>
      <c r="C1223" s="3">
        <v>20</v>
      </c>
      <c r="D1223" s="52" t="s">
        <v>2019</v>
      </c>
      <c r="E1223" s="52" t="s">
        <v>106</v>
      </c>
      <c r="F1223" s="52" t="s">
        <v>103</v>
      </c>
      <c r="G1223" s="52" t="s">
        <v>82</v>
      </c>
      <c r="H1223" s="4">
        <v>1</v>
      </c>
      <c r="I1223" s="2">
        <v>0</v>
      </c>
    </row>
    <row r="1224" spans="1:9" x14ac:dyDescent="0.35">
      <c r="A1224" s="52" t="s">
        <v>78</v>
      </c>
      <c r="B1224" s="52" t="s">
        <v>79</v>
      </c>
      <c r="C1224" s="3">
        <v>20</v>
      </c>
      <c r="D1224" s="52" t="s">
        <v>2019</v>
      </c>
      <c r="E1224" s="52" t="s">
        <v>111</v>
      </c>
      <c r="F1224" s="52" t="s">
        <v>124</v>
      </c>
      <c r="G1224" s="52" t="s">
        <v>108</v>
      </c>
      <c r="H1224" s="4">
        <v>1</v>
      </c>
      <c r="I1224" s="2">
        <v>0</v>
      </c>
    </row>
    <row r="1225" spans="1:9" hidden="1" x14ac:dyDescent="0.35">
      <c r="A1225" s="52" t="s">
        <v>78</v>
      </c>
      <c r="B1225" s="52" t="s">
        <v>79</v>
      </c>
      <c r="C1225" s="3">
        <v>20</v>
      </c>
      <c r="D1225" s="52" t="s">
        <v>2019</v>
      </c>
      <c r="E1225" s="52" t="s">
        <v>102</v>
      </c>
      <c r="F1225" s="52" t="s">
        <v>125</v>
      </c>
      <c r="G1225" s="52" t="s">
        <v>108</v>
      </c>
      <c r="H1225" s="4">
        <v>3</v>
      </c>
      <c r="I1225" s="2">
        <v>0</v>
      </c>
    </row>
    <row r="1226" spans="1:9" hidden="1" x14ac:dyDescent="0.35">
      <c r="A1226" s="52" t="s">
        <v>78</v>
      </c>
      <c r="B1226" s="52" t="s">
        <v>79</v>
      </c>
      <c r="C1226" s="3">
        <v>20</v>
      </c>
      <c r="D1226" s="52" t="s">
        <v>2019</v>
      </c>
      <c r="E1226" s="52" t="s">
        <v>102</v>
      </c>
      <c r="F1226" s="52" t="s">
        <v>107</v>
      </c>
      <c r="G1226" s="52" t="s">
        <v>108</v>
      </c>
      <c r="H1226" s="4">
        <v>159</v>
      </c>
      <c r="I1226" s="2">
        <v>0</v>
      </c>
    </row>
    <row r="1227" spans="1:9" hidden="1" x14ac:dyDescent="0.35">
      <c r="A1227" s="52" t="s">
        <v>78</v>
      </c>
      <c r="B1227" s="52" t="s">
        <v>79</v>
      </c>
      <c r="C1227" s="3">
        <v>20</v>
      </c>
      <c r="D1227" s="52" t="s">
        <v>2019</v>
      </c>
      <c r="E1227" s="52" t="s">
        <v>120</v>
      </c>
      <c r="F1227" s="52" t="s">
        <v>116</v>
      </c>
      <c r="G1227" s="52" t="s">
        <v>115</v>
      </c>
      <c r="H1227" s="4">
        <v>1163</v>
      </c>
      <c r="I1227" s="2">
        <v>0</v>
      </c>
    </row>
    <row r="1228" spans="1:9" hidden="1" x14ac:dyDescent="0.35">
      <c r="A1228" s="52" t="s">
        <v>78</v>
      </c>
      <c r="B1228" s="52" t="s">
        <v>79</v>
      </c>
      <c r="C1228" s="3">
        <v>20</v>
      </c>
      <c r="D1228" s="52" t="s">
        <v>2019</v>
      </c>
      <c r="E1228" s="52" t="s">
        <v>111</v>
      </c>
      <c r="F1228" s="52" t="s">
        <v>95</v>
      </c>
      <c r="G1228" s="52" t="s">
        <v>82</v>
      </c>
      <c r="H1228" s="4">
        <v>93</v>
      </c>
      <c r="I1228" s="2">
        <v>0</v>
      </c>
    </row>
    <row r="1229" spans="1:9" hidden="1" x14ac:dyDescent="0.35">
      <c r="A1229" s="52" t="s">
        <v>78</v>
      </c>
      <c r="B1229" s="52" t="s">
        <v>79</v>
      </c>
      <c r="C1229" s="3">
        <v>211</v>
      </c>
      <c r="D1229" s="52" t="s">
        <v>2019</v>
      </c>
      <c r="E1229" s="52" t="s">
        <v>92</v>
      </c>
      <c r="F1229" s="52" t="s">
        <v>93</v>
      </c>
      <c r="G1229" s="52" t="s">
        <v>82</v>
      </c>
      <c r="H1229" s="4">
        <v>3997</v>
      </c>
      <c r="I1229" s="2">
        <v>121958.14</v>
      </c>
    </row>
    <row r="1230" spans="1:9" hidden="1" x14ac:dyDescent="0.35">
      <c r="A1230" s="52" t="s">
        <v>78</v>
      </c>
      <c r="B1230" s="52" t="s">
        <v>79</v>
      </c>
      <c r="C1230" s="3">
        <v>211</v>
      </c>
      <c r="D1230" s="52" t="s">
        <v>2019</v>
      </c>
      <c r="E1230" s="52" t="s">
        <v>40</v>
      </c>
      <c r="F1230" s="52" t="s">
        <v>96</v>
      </c>
      <c r="G1230" s="52" t="s">
        <v>82</v>
      </c>
      <c r="H1230" s="4">
        <v>49</v>
      </c>
      <c r="I1230" s="2">
        <v>1225</v>
      </c>
    </row>
    <row r="1231" spans="1:9" hidden="1" x14ac:dyDescent="0.35">
      <c r="A1231" s="52" t="s">
        <v>78</v>
      </c>
      <c r="B1231" s="52" t="s">
        <v>79</v>
      </c>
      <c r="C1231" s="3">
        <v>211</v>
      </c>
      <c r="D1231" s="52" t="s">
        <v>2019</v>
      </c>
      <c r="E1231" s="52" t="s">
        <v>36</v>
      </c>
      <c r="F1231" s="52" t="s">
        <v>95</v>
      </c>
      <c r="G1231" s="52" t="s">
        <v>82</v>
      </c>
      <c r="H1231" s="4">
        <v>116</v>
      </c>
      <c r="I1231" s="2">
        <v>545.20000000000005</v>
      </c>
    </row>
    <row r="1232" spans="1:9" hidden="1" x14ac:dyDescent="0.35">
      <c r="A1232" s="52" t="s">
        <v>78</v>
      </c>
      <c r="B1232" s="52" t="s">
        <v>79</v>
      </c>
      <c r="C1232" s="3">
        <v>211</v>
      </c>
      <c r="D1232" s="52" t="s">
        <v>2019</v>
      </c>
      <c r="E1232" s="52" t="s">
        <v>26</v>
      </c>
      <c r="F1232" s="52" t="s">
        <v>81</v>
      </c>
      <c r="G1232" s="52" t="s">
        <v>82</v>
      </c>
      <c r="H1232" s="4">
        <v>15</v>
      </c>
      <c r="I1232" s="2">
        <v>219.75</v>
      </c>
    </row>
    <row r="1233" spans="1:9" hidden="1" x14ac:dyDescent="0.35">
      <c r="A1233" s="52" t="s">
        <v>78</v>
      </c>
      <c r="B1233" s="52" t="s">
        <v>79</v>
      </c>
      <c r="C1233" s="3">
        <v>211</v>
      </c>
      <c r="D1233" s="52" t="s">
        <v>2019</v>
      </c>
      <c r="E1233" s="52" t="s">
        <v>90</v>
      </c>
      <c r="F1233" s="52" t="s">
        <v>91</v>
      </c>
      <c r="G1233" s="52" t="s">
        <v>82</v>
      </c>
      <c r="H1233" s="4">
        <v>14</v>
      </c>
      <c r="I1233" s="2">
        <v>89.84</v>
      </c>
    </row>
    <row r="1234" spans="1:9" hidden="1" x14ac:dyDescent="0.35">
      <c r="A1234" s="52" t="s">
        <v>78</v>
      </c>
      <c r="B1234" s="52" t="s">
        <v>79</v>
      </c>
      <c r="C1234" s="3">
        <v>211</v>
      </c>
      <c r="D1234" s="52" t="s">
        <v>2019</v>
      </c>
      <c r="E1234" s="52" t="s">
        <v>38</v>
      </c>
      <c r="F1234" s="52" t="s">
        <v>97</v>
      </c>
      <c r="G1234" s="52" t="s">
        <v>82</v>
      </c>
      <c r="H1234" s="4">
        <v>5</v>
      </c>
      <c r="I1234" s="2">
        <v>48.8</v>
      </c>
    </row>
    <row r="1235" spans="1:9" x14ac:dyDescent="0.35">
      <c r="A1235" s="52" t="s">
        <v>78</v>
      </c>
      <c r="B1235" s="52" t="s">
        <v>79</v>
      </c>
      <c r="C1235" s="3">
        <v>211</v>
      </c>
      <c r="D1235" s="52" t="s">
        <v>2019</v>
      </c>
      <c r="E1235" s="52" t="s">
        <v>111</v>
      </c>
      <c r="F1235" s="52" t="s">
        <v>103</v>
      </c>
      <c r="G1235" s="52" t="s">
        <v>82</v>
      </c>
      <c r="H1235" s="4">
        <v>1</v>
      </c>
      <c r="I1235" s="2">
        <v>0</v>
      </c>
    </row>
    <row r="1236" spans="1:9" hidden="1" x14ac:dyDescent="0.35">
      <c r="A1236" s="52" t="s">
        <v>78</v>
      </c>
      <c r="B1236" s="52" t="s">
        <v>79</v>
      </c>
      <c r="C1236" s="3">
        <v>211</v>
      </c>
      <c r="D1236" s="52" t="s">
        <v>2019</v>
      </c>
      <c r="E1236" s="52" t="s">
        <v>104</v>
      </c>
      <c r="F1236" s="52" t="s">
        <v>101</v>
      </c>
      <c r="G1236" s="52" t="s">
        <v>82</v>
      </c>
      <c r="H1236" s="4">
        <v>34</v>
      </c>
      <c r="I1236" s="2">
        <v>0</v>
      </c>
    </row>
    <row r="1237" spans="1:9" hidden="1" x14ac:dyDescent="0.35">
      <c r="A1237" s="52" t="s">
        <v>78</v>
      </c>
      <c r="B1237" s="52" t="s">
        <v>79</v>
      </c>
      <c r="C1237" s="3">
        <v>211</v>
      </c>
      <c r="D1237" s="52" t="s">
        <v>2019</v>
      </c>
      <c r="E1237" s="52" t="s">
        <v>121</v>
      </c>
      <c r="F1237" s="52" t="s">
        <v>112</v>
      </c>
      <c r="G1237" s="52" t="s">
        <v>108</v>
      </c>
      <c r="H1237" s="4">
        <v>2</v>
      </c>
      <c r="I1237" s="2">
        <v>0</v>
      </c>
    </row>
    <row r="1238" spans="1:9" hidden="1" x14ac:dyDescent="0.35">
      <c r="A1238" s="52" t="s">
        <v>78</v>
      </c>
      <c r="B1238" s="52" t="s">
        <v>79</v>
      </c>
      <c r="C1238" s="3">
        <v>211</v>
      </c>
      <c r="D1238" s="52" t="s">
        <v>2019</v>
      </c>
      <c r="E1238" s="52" t="s">
        <v>118</v>
      </c>
      <c r="F1238" s="52" t="s">
        <v>119</v>
      </c>
      <c r="G1238" s="52" t="s">
        <v>115</v>
      </c>
      <c r="H1238" s="4">
        <v>144</v>
      </c>
      <c r="I1238" s="2">
        <v>0</v>
      </c>
    </row>
    <row r="1239" spans="1:9" x14ac:dyDescent="0.35">
      <c r="A1239" s="52" t="s">
        <v>78</v>
      </c>
      <c r="B1239" s="52" t="s">
        <v>79</v>
      </c>
      <c r="C1239" s="3">
        <v>211</v>
      </c>
      <c r="D1239" s="52" t="s">
        <v>2019</v>
      </c>
      <c r="E1239" s="52" t="s">
        <v>111</v>
      </c>
      <c r="F1239" s="52" t="s">
        <v>81</v>
      </c>
      <c r="G1239" s="52" t="s">
        <v>82</v>
      </c>
      <c r="H1239" s="4">
        <v>1</v>
      </c>
      <c r="I1239" s="2">
        <v>0</v>
      </c>
    </row>
    <row r="1240" spans="1:9" hidden="1" x14ac:dyDescent="0.35">
      <c r="A1240" s="52" t="s">
        <v>78</v>
      </c>
      <c r="B1240" s="52" t="s">
        <v>79</v>
      </c>
      <c r="C1240" s="3">
        <v>211</v>
      </c>
      <c r="D1240" s="52" t="s">
        <v>2019</v>
      </c>
      <c r="E1240" s="52" t="s">
        <v>104</v>
      </c>
      <c r="F1240" s="52" t="s">
        <v>105</v>
      </c>
      <c r="G1240" s="52" t="s">
        <v>82</v>
      </c>
      <c r="H1240" s="4">
        <v>27</v>
      </c>
      <c r="I1240" s="2">
        <v>0</v>
      </c>
    </row>
    <row r="1241" spans="1:9" hidden="1" x14ac:dyDescent="0.35">
      <c r="A1241" s="52" t="s">
        <v>78</v>
      </c>
      <c r="B1241" s="52" t="s">
        <v>79</v>
      </c>
      <c r="C1241" s="3">
        <v>211</v>
      </c>
      <c r="D1241" s="52" t="s">
        <v>2019</v>
      </c>
      <c r="E1241" s="52" t="s">
        <v>111</v>
      </c>
      <c r="F1241" s="52" t="s">
        <v>107</v>
      </c>
      <c r="G1241" s="52" t="s">
        <v>108</v>
      </c>
      <c r="H1241" s="4">
        <v>5</v>
      </c>
      <c r="I1241" s="2">
        <v>0</v>
      </c>
    </row>
    <row r="1242" spans="1:9" hidden="1" x14ac:dyDescent="0.35">
      <c r="A1242" s="52" t="s">
        <v>78</v>
      </c>
      <c r="B1242" s="52" t="s">
        <v>79</v>
      </c>
      <c r="C1242" s="3">
        <v>211</v>
      </c>
      <c r="D1242" s="52" t="s">
        <v>2019</v>
      </c>
      <c r="E1242" s="52" t="s">
        <v>120</v>
      </c>
      <c r="F1242" s="52" t="s">
        <v>116</v>
      </c>
      <c r="G1242" s="52" t="s">
        <v>115</v>
      </c>
      <c r="H1242" s="4">
        <v>144</v>
      </c>
      <c r="I1242" s="2">
        <v>0</v>
      </c>
    </row>
    <row r="1243" spans="1:9" hidden="1" x14ac:dyDescent="0.35">
      <c r="A1243" s="52" t="s">
        <v>78</v>
      </c>
      <c r="B1243" s="52" t="s">
        <v>79</v>
      </c>
      <c r="C1243" s="3">
        <v>211</v>
      </c>
      <c r="D1243" s="52" t="s">
        <v>2019</v>
      </c>
      <c r="E1243" s="52" t="s">
        <v>135</v>
      </c>
      <c r="F1243" s="52" t="s">
        <v>112</v>
      </c>
      <c r="G1243" s="52" t="s">
        <v>82</v>
      </c>
      <c r="H1243" s="4">
        <v>294</v>
      </c>
      <c r="I1243" s="2">
        <v>0</v>
      </c>
    </row>
    <row r="1244" spans="1:9" x14ac:dyDescent="0.35">
      <c r="A1244" s="52" t="s">
        <v>78</v>
      </c>
      <c r="B1244" s="52" t="s">
        <v>79</v>
      </c>
      <c r="C1244" s="3">
        <v>211</v>
      </c>
      <c r="D1244" s="52" t="s">
        <v>2019</v>
      </c>
      <c r="E1244" s="52" t="s">
        <v>111</v>
      </c>
      <c r="F1244" s="52" t="s">
        <v>96</v>
      </c>
      <c r="G1244" s="52" t="s">
        <v>82</v>
      </c>
      <c r="H1244" s="4">
        <v>1</v>
      </c>
      <c r="I1244" s="2">
        <v>0</v>
      </c>
    </row>
    <row r="1245" spans="1:9" hidden="1" x14ac:dyDescent="0.35">
      <c r="A1245" s="52" t="s">
        <v>78</v>
      </c>
      <c r="B1245" s="52" t="s">
        <v>79</v>
      </c>
      <c r="C1245" s="3">
        <v>211</v>
      </c>
      <c r="D1245" s="52" t="s">
        <v>2019</v>
      </c>
      <c r="E1245" s="52" t="s">
        <v>111</v>
      </c>
      <c r="F1245" s="52" t="s">
        <v>101</v>
      </c>
      <c r="G1245" s="52" t="s">
        <v>82</v>
      </c>
      <c r="H1245" s="4">
        <v>63</v>
      </c>
      <c r="I1245" s="2">
        <v>0</v>
      </c>
    </row>
    <row r="1246" spans="1:9" hidden="1" x14ac:dyDescent="0.35">
      <c r="A1246" s="52" t="s">
        <v>78</v>
      </c>
      <c r="B1246" s="52" t="s">
        <v>79</v>
      </c>
      <c r="C1246" s="3">
        <v>211</v>
      </c>
      <c r="D1246" s="52" t="s">
        <v>2019</v>
      </c>
      <c r="E1246" s="52" t="s">
        <v>139</v>
      </c>
      <c r="F1246" s="52" t="s">
        <v>140</v>
      </c>
      <c r="G1246" s="52" t="s">
        <v>82</v>
      </c>
      <c r="H1246" s="4">
        <v>25</v>
      </c>
      <c r="I1246" s="2">
        <v>0</v>
      </c>
    </row>
    <row r="1247" spans="1:9" hidden="1" x14ac:dyDescent="0.35">
      <c r="A1247" s="52" t="s">
        <v>78</v>
      </c>
      <c r="B1247" s="52" t="s">
        <v>79</v>
      </c>
      <c r="C1247" s="3">
        <v>211</v>
      </c>
      <c r="D1247" s="52" t="s">
        <v>2019</v>
      </c>
      <c r="E1247" s="52" t="s">
        <v>111</v>
      </c>
      <c r="F1247" s="52" t="s">
        <v>105</v>
      </c>
      <c r="G1247" s="52" t="s">
        <v>82</v>
      </c>
      <c r="H1247" s="4">
        <v>12</v>
      </c>
      <c r="I1247" s="2">
        <v>0</v>
      </c>
    </row>
    <row r="1248" spans="1:9" hidden="1" x14ac:dyDescent="0.35">
      <c r="A1248" s="52" t="s">
        <v>78</v>
      </c>
      <c r="B1248" s="52" t="s">
        <v>79</v>
      </c>
      <c r="C1248" s="3">
        <v>211</v>
      </c>
      <c r="D1248" s="52" t="s">
        <v>2019</v>
      </c>
      <c r="E1248" s="52" t="s">
        <v>106</v>
      </c>
      <c r="F1248" s="52" t="s">
        <v>107</v>
      </c>
      <c r="G1248" s="52" t="s">
        <v>108</v>
      </c>
      <c r="H1248" s="4">
        <v>7</v>
      </c>
      <c r="I1248" s="2">
        <v>0</v>
      </c>
    </row>
    <row r="1249" spans="1:9" hidden="1" x14ac:dyDescent="0.35">
      <c r="A1249" s="52" t="s">
        <v>78</v>
      </c>
      <c r="B1249" s="52" t="s">
        <v>79</v>
      </c>
      <c r="C1249" s="3">
        <v>211</v>
      </c>
      <c r="D1249" s="52" t="s">
        <v>2019</v>
      </c>
      <c r="E1249" s="52" t="s">
        <v>102</v>
      </c>
      <c r="F1249" s="52" t="s">
        <v>103</v>
      </c>
      <c r="G1249" s="52" t="s">
        <v>82</v>
      </c>
      <c r="H1249" s="4">
        <v>108</v>
      </c>
      <c r="I1249" s="2">
        <v>0</v>
      </c>
    </row>
    <row r="1250" spans="1:9" hidden="1" x14ac:dyDescent="0.35">
      <c r="A1250" s="52" t="s">
        <v>78</v>
      </c>
      <c r="B1250" s="52" t="s">
        <v>79</v>
      </c>
      <c r="C1250" s="3">
        <v>211</v>
      </c>
      <c r="D1250" s="52" t="s">
        <v>2019</v>
      </c>
      <c r="E1250" s="52" t="s">
        <v>111</v>
      </c>
      <c r="F1250" s="52" t="s">
        <v>95</v>
      </c>
      <c r="G1250" s="52" t="s">
        <v>82</v>
      </c>
      <c r="H1250" s="4">
        <v>11</v>
      </c>
      <c r="I1250" s="2">
        <v>0</v>
      </c>
    </row>
    <row r="1251" spans="1:9" x14ac:dyDescent="0.35">
      <c r="A1251" s="52" t="s">
        <v>78</v>
      </c>
      <c r="B1251" s="52" t="s">
        <v>79</v>
      </c>
      <c r="C1251" s="3">
        <v>211</v>
      </c>
      <c r="D1251" s="52" t="s">
        <v>2019</v>
      </c>
      <c r="E1251" s="52" t="s">
        <v>126</v>
      </c>
      <c r="F1251" s="52" t="s">
        <v>103</v>
      </c>
      <c r="G1251" s="52" t="s">
        <v>82</v>
      </c>
      <c r="H1251" s="4">
        <v>1</v>
      </c>
      <c r="I1251" s="2">
        <v>0</v>
      </c>
    </row>
    <row r="1252" spans="1:9" hidden="1" x14ac:dyDescent="0.35">
      <c r="A1252" s="52" t="s">
        <v>78</v>
      </c>
      <c r="B1252" s="52" t="s">
        <v>79</v>
      </c>
      <c r="C1252" s="3">
        <v>211</v>
      </c>
      <c r="D1252" s="52" t="s">
        <v>2019</v>
      </c>
      <c r="E1252" s="52" t="s">
        <v>117</v>
      </c>
      <c r="F1252" s="52" t="s">
        <v>116</v>
      </c>
      <c r="G1252" s="52" t="s">
        <v>82</v>
      </c>
      <c r="H1252" s="4">
        <v>299</v>
      </c>
      <c r="I1252" s="2">
        <v>0</v>
      </c>
    </row>
    <row r="1253" spans="1:9" hidden="1" x14ac:dyDescent="0.35">
      <c r="A1253" s="52" t="s">
        <v>78</v>
      </c>
      <c r="B1253" s="52" t="s">
        <v>79</v>
      </c>
      <c r="C1253" s="3">
        <v>211</v>
      </c>
      <c r="D1253" s="52" t="s">
        <v>2019</v>
      </c>
      <c r="E1253" s="52" t="s">
        <v>113</v>
      </c>
      <c r="F1253" s="52" t="s">
        <v>114</v>
      </c>
      <c r="G1253" s="52" t="s">
        <v>115</v>
      </c>
      <c r="H1253" s="4">
        <v>265</v>
      </c>
      <c r="I1253" s="2">
        <v>0</v>
      </c>
    </row>
    <row r="1254" spans="1:9" hidden="1" x14ac:dyDescent="0.35">
      <c r="A1254" s="52" t="s">
        <v>78</v>
      </c>
      <c r="B1254" s="52" t="s">
        <v>79</v>
      </c>
      <c r="C1254" s="3">
        <v>211</v>
      </c>
      <c r="D1254" s="52" t="s">
        <v>2019</v>
      </c>
      <c r="E1254" s="52" t="s">
        <v>126</v>
      </c>
      <c r="F1254" s="52" t="s">
        <v>101</v>
      </c>
      <c r="G1254" s="52" t="s">
        <v>82</v>
      </c>
      <c r="H1254" s="4">
        <v>2</v>
      </c>
      <c r="I1254" s="2">
        <v>0</v>
      </c>
    </row>
    <row r="1255" spans="1:9" hidden="1" x14ac:dyDescent="0.35">
      <c r="A1255" s="52" t="s">
        <v>78</v>
      </c>
      <c r="B1255" s="52" t="s">
        <v>79</v>
      </c>
      <c r="C1255" s="3">
        <v>211</v>
      </c>
      <c r="D1255" s="52" t="s">
        <v>2019</v>
      </c>
      <c r="E1255" s="52" t="s">
        <v>102</v>
      </c>
      <c r="F1255" s="52" t="s">
        <v>116</v>
      </c>
      <c r="G1255" s="52" t="s">
        <v>115</v>
      </c>
      <c r="H1255" s="4">
        <v>143</v>
      </c>
      <c r="I1255" s="2">
        <v>0</v>
      </c>
    </row>
    <row r="1256" spans="1:9" x14ac:dyDescent="0.35">
      <c r="A1256" s="52" t="s">
        <v>78</v>
      </c>
      <c r="B1256" s="52" t="s">
        <v>79</v>
      </c>
      <c r="C1256" s="3">
        <v>211</v>
      </c>
      <c r="D1256" s="52" t="s">
        <v>2019</v>
      </c>
      <c r="E1256" s="52" t="s">
        <v>137</v>
      </c>
      <c r="F1256" s="52" t="s">
        <v>103</v>
      </c>
      <c r="G1256" s="52" t="s">
        <v>82</v>
      </c>
      <c r="H1256" s="4">
        <v>1</v>
      </c>
      <c r="I1256" s="2">
        <v>0</v>
      </c>
    </row>
    <row r="1257" spans="1:9" x14ac:dyDescent="0.35">
      <c r="A1257" s="52" t="s">
        <v>78</v>
      </c>
      <c r="B1257" s="52" t="s">
        <v>79</v>
      </c>
      <c r="C1257" s="3">
        <v>211</v>
      </c>
      <c r="D1257" s="52" t="s">
        <v>2019</v>
      </c>
      <c r="E1257" s="52" t="s">
        <v>109</v>
      </c>
      <c r="F1257" s="52" t="s">
        <v>110</v>
      </c>
      <c r="G1257" s="52" t="s">
        <v>108</v>
      </c>
      <c r="H1257" s="4">
        <v>1</v>
      </c>
      <c r="I1257" s="2">
        <v>0</v>
      </c>
    </row>
    <row r="1258" spans="1:9" hidden="1" x14ac:dyDescent="0.35">
      <c r="A1258" s="52" t="s">
        <v>78</v>
      </c>
      <c r="B1258" s="52" t="s">
        <v>79</v>
      </c>
      <c r="C1258" s="3">
        <v>211</v>
      </c>
      <c r="D1258" s="52" t="s">
        <v>2019</v>
      </c>
      <c r="E1258" s="52" t="s">
        <v>102</v>
      </c>
      <c r="F1258" s="52" t="s">
        <v>127</v>
      </c>
      <c r="G1258" s="52" t="s">
        <v>108</v>
      </c>
      <c r="H1258" s="4">
        <v>5</v>
      </c>
      <c r="I1258" s="2">
        <v>0</v>
      </c>
    </row>
    <row r="1259" spans="1:9" hidden="1" x14ac:dyDescent="0.35">
      <c r="A1259" s="52" t="s">
        <v>78</v>
      </c>
      <c r="B1259" s="52" t="s">
        <v>79</v>
      </c>
      <c r="C1259" s="3">
        <v>211</v>
      </c>
      <c r="D1259" s="52" t="s">
        <v>2019</v>
      </c>
      <c r="E1259" s="52" t="s">
        <v>134</v>
      </c>
      <c r="F1259" s="52" t="s">
        <v>123</v>
      </c>
      <c r="G1259" s="52" t="s">
        <v>82</v>
      </c>
      <c r="H1259" s="4">
        <v>14</v>
      </c>
      <c r="I1259" s="2">
        <v>0</v>
      </c>
    </row>
    <row r="1260" spans="1:9" hidden="1" x14ac:dyDescent="0.35">
      <c r="A1260" s="52" t="s">
        <v>78</v>
      </c>
      <c r="B1260" s="52" t="s">
        <v>79</v>
      </c>
      <c r="C1260" s="3">
        <v>211</v>
      </c>
      <c r="D1260" s="52" t="s">
        <v>2019</v>
      </c>
      <c r="E1260" s="52" t="s">
        <v>102</v>
      </c>
      <c r="F1260" s="52" t="s">
        <v>107</v>
      </c>
      <c r="G1260" s="52" t="s">
        <v>108</v>
      </c>
      <c r="H1260" s="4">
        <v>27</v>
      </c>
      <c r="I1260" s="2">
        <v>0</v>
      </c>
    </row>
    <row r="1261" spans="1:9" hidden="1" x14ac:dyDescent="0.35">
      <c r="A1261" s="52" t="s">
        <v>78</v>
      </c>
      <c r="B1261" s="52" t="s">
        <v>79</v>
      </c>
      <c r="C1261" s="3">
        <v>211</v>
      </c>
      <c r="D1261" s="52" t="s">
        <v>2019</v>
      </c>
      <c r="E1261" s="52" t="s">
        <v>111</v>
      </c>
      <c r="F1261" s="52" t="s">
        <v>93</v>
      </c>
      <c r="G1261" s="52" t="s">
        <v>82</v>
      </c>
      <c r="H1261" s="4">
        <v>26</v>
      </c>
      <c r="I1261" s="2">
        <v>0</v>
      </c>
    </row>
    <row r="1262" spans="1:9" hidden="1" x14ac:dyDescent="0.35">
      <c r="A1262" s="52" t="s">
        <v>78</v>
      </c>
      <c r="B1262" s="52" t="s">
        <v>79</v>
      </c>
      <c r="C1262" s="3">
        <v>211</v>
      </c>
      <c r="D1262" s="52" t="s">
        <v>2019</v>
      </c>
      <c r="E1262" s="52" t="s">
        <v>122</v>
      </c>
      <c r="F1262" s="52" t="s">
        <v>123</v>
      </c>
      <c r="G1262" s="52" t="s">
        <v>108</v>
      </c>
      <c r="H1262" s="4">
        <v>3</v>
      </c>
      <c r="I1262" s="2">
        <v>0</v>
      </c>
    </row>
    <row r="1263" spans="1:9" hidden="1" x14ac:dyDescent="0.35">
      <c r="A1263" s="52" t="s">
        <v>78</v>
      </c>
      <c r="B1263" s="52" t="s">
        <v>79</v>
      </c>
      <c r="C1263" s="3">
        <v>212</v>
      </c>
      <c r="D1263" s="52" t="s">
        <v>2019</v>
      </c>
      <c r="E1263" s="52" t="s">
        <v>92</v>
      </c>
      <c r="F1263" s="52" t="s">
        <v>93</v>
      </c>
      <c r="G1263" s="52" t="s">
        <v>82</v>
      </c>
      <c r="H1263" s="4">
        <v>911</v>
      </c>
      <c r="I1263" s="2">
        <v>26150.65</v>
      </c>
    </row>
    <row r="1264" spans="1:9" hidden="1" x14ac:dyDescent="0.35">
      <c r="A1264" s="52" t="s">
        <v>78</v>
      </c>
      <c r="B1264" s="52" t="s">
        <v>79</v>
      </c>
      <c r="C1264" s="3">
        <v>212</v>
      </c>
      <c r="D1264" s="52" t="s">
        <v>2019</v>
      </c>
      <c r="E1264" s="52" t="s">
        <v>36</v>
      </c>
      <c r="F1264" s="52" t="s">
        <v>95</v>
      </c>
      <c r="G1264" s="52" t="s">
        <v>82</v>
      </c>
      <c r="H1264" s="4">
        <v>30</v>
      </c>
      <c r="I1264" s="2">
        <v>141</v>
      </c>
    </row>
    <row r="1265" spans="1:9" hidden="1" x14ac:dyDescent="0.35">
      <c r="A1265" s="52" t="s">
        <v>78</v>
      </c>
      <c r="B1265" s="52" t="s">
        <v>79</v>
      </c>
      <c r="C1265" s="3">
        <v>212</v>
      </c>
      <c r="D1265" s="52" t="s">
        <v>2019</v>
      </c>
      <c r="E1265" s="52" t="s">
        <v>26</v>
      </c>
      <c r="F1265" s="52" t="s">
        <v>81</v>
      </c>
      <c r="G1265" s="52" t="s">
        <v>82</v>
      </c>
      <c r="H1265" s="4">
        <v>6</v>
      </c>
      <c r="I1265" s="2">
        <v>87.9</v>
      </c>
    </row>
    <row r="1266" spans="1:9" hidden="1" x14ac:dyDescent="0.35">
      <c r="A1266" s="52" t="s">
        <v>78</v>
      </c>
      <c r="B1266" s="52" t="s">
        <v>79</v>
      </c>
      <c r="C1266" s="3">
        <v>212</v>
      </c>
      <c r="D1266" s="52" t="s">
        <v>2019</v>
      </c>
      <c r="E1266" s="52" t="s">
        <v>38</v>
      </c>
      <c r="F1266" s="52" t="s">
        <v>97</v>
      </c>
      <c r="G1266" s="52" t="s">
        <v>82</v>
      </c>
      <c r="H1266" s="4">
        <v>6</v>
      </c>
      <c r="I1266" s="2">
        <v>28.2</v>
      </c>
    </row>
    <row r="1267" spans="1:9" x14ac:dyDescent="0.35">
      <c r="A1267" s="52" t="s">
        <v>78</v>
      </c>
      <c r="B1267" s="52" t="s">
        <v>79</v>
      </c>
      <c r="C1267" s="3">
        <v>212</v>
      </c>
      <c r="D1267" s="52" t="s">
        <v>2019</v>
      </c>
      <c r="E1267" s="52" t="s">
        <v>90</v>
      </c>
      <c r="F1267" s="52" t="s">
        <v>91</v>
      </c>
      <c r="G1267" s="52" t="s">
        <v>82</v>
      </c>
      <c r="H1267" s="4">
        <v>1</v>
      </c>
      <c r="I1267" s="2">
        <v>6.99</v>
      </c>
    </row>
    <row r="1268" spans="1:9" hidden="1" x14ac:dyDescent="0.35">
      <c r="A1268" s="52" t="s">
        <v>78</v>
      </c>
      <c r="B1268" s="52" t="s">
        <v>79</v>
      </c>
      <c r="C1268" s="3">
        <v>212</v>
      </c>
      <c r="D1268" s="52" t="s">
        <v>2019</v>
      </c>
      <c r="E1268" s="52" t="s">
        <v>102</v>
      </c>
      <c r="F1268" s="52" t="s">
        <v>116</v>
      </c>
      <c r="G1268" s="52" t="s">
        <v>115</v>
      </c>
      <c r="H1268" s="4">
        <v>47</v>
      </c>
      <c r="I1268" s="2">
        <v>0</v>
      </c>
    </row>
    <row r="1269" spans="1:9" x14ac:dyDescent="0.35">
      <c r="A1269" s="52" t="s">
        <v>78</v>
      </c>
      <c r="B1269" s="52" t="s">
        <v>79</v>
      </c>
      <c r="C1269" s="3">
        <v>212</v>
      </c>
      <c r="D1269" s="52" t="s">
        <v>2019</v>
      </c>
      <c r="E1269" s="52" t="s">
        <v>111</v>
      </c>
      <c r="F1269" s="52" t="s">
        <v>96</v>
      </c>
      <c r="G1269" s="52" t="s">
        <v>82</v>
      </c>
      <c r="H1269" s="4">
        <v>1</v>
      </c>
      <c r="I1269" s="2">
        <v>0</v>
      </c>
    </row>
    <row r="1270" spans="1:9" hidden="1" x14ac:dyDescent="0.35">
      <c r="A1270" s="52" t="s">
        <v>78</v>
      </c>
      <c r="B1270" s="52" t="s">
        <v>79</v>
      </c>
      <c r="C1270" s="3">
        <v>212</v>
      </c>
      <c r="D1270" s="52" t="s">
        <v>2019</v>
      </c>
      <c r="E1270" s="52" t="s">
        <v>106</v>
      </c>
      <c r="F1270" s="52" t="s">
        <v>107</v>
      </c>
      <c r="G1270" s="52" t="s">
        <v>108</v>
      </c>
      <c r="H1270" s="4">
        <v>3</v>
      </c>
      <c r="I1270" s="2">
        <v>0</v>
      </c>
    </row>
    <row r="1271" spans="1:9" hidden="1" x14ac:dyDescent="0.35">
      <c r="A1271" s="52" t="s">
        <v>78</v>
      </c>
      <c r="B1271" s="52" t="s">
        <v>79</v>
      </c>
      <c r="C1271" s="3">
        <v>212</v>
      </c>
      <c r="D1271" s="52" t="s">
        <v>2019</v>
      </c>
      <c r="E1271" s="52" t="s">
        <v>102</v>
      </c>
      <c r="F1271" s="52" t="s">
        <v>107</v>
      </c>
      <c r="G1271" s="52" t="s">
        <v>108</v>
      </c>
      <c r="H1271" s="4">
        <v>8</v>
      </c>
      <c r="I1271" s="2">
        <v>0</v>
      </c>
    </row>
    <row r="1272" spans="1:9" hidden="1" x14ac:dyDescent="0.35">
      <c r="A1272" s="52" t="s">
        <v>78</v>
      </c>
      <c r="B1272" s="52" t="s">
        <v>79</v>
      </c>
      <c r="C1272" s="3">
        <v>212</v>
      </c>
      <c r="D1272" s="52" t="s">
        <v>2019</v>
      </c>
      <c r="E1272" s="52" t="s">
        <v>111</v>
      </c>
      <c r="F1272" s="52" t="s">
        <v>95</v>
      </c>
      <c r="G1272" s="52" t="s">
        <v>82</v>
      </c>
      <c r="H1272" s="4">
        <v>5</v>
      </c>
      <c r="I1272" s="2">
        <v>0</v>
      </c>
    </row>
    <row r="1273" spans="1:9" hidden="1" x14ac:dyDescent="0.35">
      <c r="A1273" s="52" t="s">
        <v>78</v>
      </c>
      <c r="B1273" s="52" t="s">
        <v>79</v>
      </c>
      <c r="C1273" s="3">
        <v>212</v>
      </c>
      <c r="D1273" s="52" t="s">
        <v>2019</v>
      </c>
      <c r="E1273" s="52" t="s">
        <v>111</v>
      </c>
      <c r="F1273" s="52" t="s">
        <v>93</v>
      </c>
      <c r="G1273" s="52" t="s">
        <v>82</v>
      </c>
      <c r="H1273" s="4">
        <v>5</v>
      </c>
      <c r="I1273" s="2">
        <v>0</v>
      </c>
    </row>
    <row r="1274" spans="1:9" x14ac:dyDescent="0.35">
      <c r="A1274" s="52" t="s">
        <v>78</v>
      </c>
      <c r="B1274" s="52" t="s">
        <v>79</v>
      </c>
      <c r="C1274" s="3">
        <v>212</v>
      </c>
      <c r="D1274" s="52" t="s">
        <v>2019</v>
      </c>
      <c r="E1274" s="52" t="s">
        <v>134</v>
      </c>
      <c r="F1274" s="52" t="s">
        <v>123</v>
      </c>
      <c r="G1274" s="52" t="s">
        <v>82</v>
      </c>
      <c r="H1274" s="4">
        <v>1</v>
      </c>
      <c r="I1274" s="2">
        <v>0</v>
      </c>
    </row>
    <row r="1275" spans="1:9" hidden="1" x14ac:dyDescent="0.35">
      <c r="A1275" s="52" t="s">
        <v>78</v>
      </c>
      <c r="B1275" s="52" t="s">
        <v>79</v>
      </c>
      <c r="C1275" s="3">
        <v>212</v>
      </c>
      <c r="D1275" s="52" t="s">
        <v>2019</v>
      </c>
      <c r="E1275" s="52" t="s">
        <v>139</v>
      </c>
      <c r="F1275" s="52" t="s">
        <v>140</v>
      </c>
      <c r="G1275" s="52" t="s">
        <v>82</v>
      </c>
      <c r="H1275" s="4">
        <v>6</v>
      </c>
      <c r="I1275" s="2">
        <v>0</v>
      </c>
    </row>
    <row r="1276" spans="1:9" hidden="1" x14ac:dyDescent="0.35">
      <c r="A1276" s="52" t="s">
        <v>78</v>
      </c>
      <c r="B1276" s="52" t="s">
        <v>79</v>
      </c>
      <c r="C1276" s="3">
        <v>212</v>
      </c>
      <c r="D1276" s="52" t="s">
        <v>2019</v>
      </c>
      <c r="E1276" s="52" t="s">
        <v>113</v>
      </c>
      <c r="F1276" s="52" t="s">
        <v>114</v>
      </c>
      <c r="G1276" s="52" t="s">
        <v>115</v>
      </c>
      <c r="H1276" s="4">
        <v>60</v>
      </c>
      <c r="I1276" s="2">
        <v>0</v>
      </c>
    </row>
    <row r="1277" spans="1:9" hidden="1" x14ac:dyDescent="0.35">
      <c r="A1277" s="52" t="s">
        <v>78</v>
      </c>
      <c r="B1277" s="52" t="s">
        <v>79</v>
      </c>
      <c r="C1277" s="3">
        <v>212</v>
      </c>
      <c r="D1277" s="52" t="s">
        <v>2019</v>
      </c>
      <c r="E1277" s="52" t="s">
        <v>111</v>
      </c>
      <c r="F1277" s="52" t="s">
        <v>105</v>
      </c>
      <c r="G1277" s="52" t="s">
        <v>82</v>
      </c>
      <c r="H1277" s="4">
        <v>4</v>
      </c>
      <c r="I1277" s="2">
        <v>0</v>
      </c>
    </row>
    <row r="1278" spans="1:9" hidden="1" x14ac:dyDescent="0.35">
      <c r="A1278" s="52" t="s">
        <v>78</v>
      </c>
      <c r="B1278" s="52" t="s">
        <v>79</v>
      </c>
      <c r="C1278" s="3">
        <v>212</v>
      </c>
      <c r="D1278" s="52" t="s">
        <v>2019</v>
      </c>
      <c r="E1278" s="52" t="s">
        <v>111</v>
      </c>
      <c r="F1278" s="52" t="s">
        <v>101</v>
      </c>
      <c r="G1278" s="52" t="s">
        <v>82</v>
      </c>
      <c r="H1278" s="4">
        <v>18</v>
      </c>
      <c r="I1278" s="2">
        <v>0</v>
      </c>
    </row>
    <row r="1279" spans="1:9" hidden="1" x14ac:dyDescent="0.35">
      <c r="A1279" s="52" t="s">
        <v>78</v>
      </c>
      <c r="B1279" s="52" t="s">
        <v>79</v>
      </c>
      <c r="C1279" s="3">
        <v>212</v>
      </c>
      <c r="D1279" s="52" t="s">
        <v>2019</v>
      </c>
      <c r="E1279" s="52" t="s">
        <v>118</v>
      </c>
      <c r="F1279" s="52" t="s">
        <v>119</v>
      </c>
      <c r="G1279" s="52" t="s">
        <v>115</v>
      </c>
      <c r="H1279" s="4">
        <v>48</v>
      </c>
      <c r="I1279" s="2">
        <v>0</v>
      </c>
    </row>
    <row r="1280" spans="1:9" hidden="1" x14ac:dyDescent="0.35">
      <c r="A1280" s="52" t="s">
        <v>78</v>
      </c>
      <c r="B1280" s="52" t="s">
        <v>79</v>
      </c>
      <c r="C1280" s="3">
        <v>212</v>
      </c>
      <c r="D1280" s="52" t="s">
        <v>2019</v>
      </c>
      <c r="E1280" s="52" t="s">
        <v>102</v>
      </c>
      <c r="F1280" s="52" t="s">
        <v>125</v>
      </c>
      <c r="G1280" s="52" t="s">
        <v>108</v>
      </c>
      <c r="H1280" s="4">
        <v>3</v>
      </c>
      <c r="I1280" s="2">
        <v>0</v>
      </c>
    </row>
    <row r="1281" spans="1:9" hidden="1" x14ac:dyDescent="0.35">
      <c r="A1281" s="52" t="s">
        <v>78</v>
      </c>
      <c r="B1281" s="52" t="s">
        <v>79</v>
      </c>
      <c r="C1281" s="3">
        <v>212</v>
      </c>
      <c r="D1281" s="52" t="s">
        <v>2019</v>
      </c>
      <c r="E1281" s="52" t="s">
        <v>135</v>
      </c>
      <c r="F1281" s="52" t="s">
        <v>112</v>
      </c>
      <c r="G1281" s="52" t="s">
        <v>82</v>
      </c>
      <c r="H1281" s="4">
        <v>80</v>
      </c>
      <c r="I1281" s="2">
        <v>0</v>
      </c>
    </row>
    <row r="1282" spans="1:9" x14ac:dyDescent="0.35">
      <c r="A1282" s="52" t="s">
        <v>78</v>
      </c>
      <c r="B1282" s="52" t="s">
        <v>79</v>
      </c>
      <c r="C1282" s="3">
        <v>212</v>
      </c>
      <c r="D1282" s="52" t="s">
        <v>2019</v>
      </c>
      <c r="E1282" s="52" t="s">
        <v>111</v>
      </c>
      <c r="F1282" s="52" t="s">
        <v>107</v>
      </c>
      <c r="G1282" s="52" t="s">
        <v>108</v>
      </c>
      <c r="H1282" s="4">
        <v>1</v>
      </c>
      <c r="I1282" s="2">
        <v>0</v>
      </c>
    </row>
    <row r="1283" spans="1:9" hidden="1" x14ac:dyDescent="0.35">
      <c r="A1283" s="52" t="s">
        <v>78</v>
      </c>
      <c r="B1283" s="52" t="s">
        <v>79</v>
      </c>
      <c r="C1283" s="3">
        <v>212</v>
      </c>
      <c r="D1283" s="52" t="s">
        <v>2019</v>
      </c>
      <c r="E1283" s="52" t="s">
        <v>120</v>
      </c>
      <c r="F1283" s="52" t="s">
        <v>116</v>
      </c>
      <c r="G1283" s="52" t="s">
        <v>115</v>
      </c>
      <c r="H1283" s="4">
        <v>48</v>
      </c>
      <c r="I1283" s="2">
        <v>0</v>
      </c>
    </row>
    <row r="1284" spans="1:9" hidden="1" x14ac:dyDescent="0.35">
      <c r="A1284" s="52" t="s">
        <v>78</v>
      </c>
      <c r="B1284" s="52" t="s">
        <v>79</v>
      </c>
      <c r="C1284" s="3">
        <v>212</v>
      </c>
      <c r="D1284" s="52" t="s">
        <v>2019</v>
      </c>
      <c r="E1284" s="52" t="s">
        <v>117</v>
      </c>
      <c r="F1284" s="52" t="s">
        <v>116</v>
      </c>
      <c r="G1284" s="52" t="s">
        <v>82</v>
      </c>
      <c r="H1284" s="4">
        <v>77</v>
      </c>
      <c r="I1284" s="2">
        <v>0</v>
      </c>
    </row>
    <row r="1285" spans="1:9" hidden="1" x14ac:dyDescent="0.35">
      <c r="A1285" s="52" t="s">
        <v>78</v>
      </c>
      <c r="B1285" s="52" t="s">
        <v>79</v>
      </c>
      <c r="C1285" s="3">
        <v>212</v>
      </c>
      <c r="D1285" s="52" t="s">
        <v>2019</v>
      </c>
      <c r="E1285" s="52" t="s">
        <v>102</v>
      </c>
      <c r="F1285" s="52" t="s">
        <v>103</v>
      </c>
      <c r="G1285" s="52" t="s">
        <v>82</v>
      </c>
      <c r="H1285" s="4">
        <v>24</v>
      </c>
      <c r="I1285" s="2">
        <v>0</v>
      </c>
    </row>
    <row r="1286" spans="1:9" hidden="1" x14ac:dyDescent="0.35">
      <c r="A1286" s="52" t="s">
        <v>78</v>
      </c>
      <c r="B1286" s="52" t="s">
        <v>79</v>
      </c>
      <c r="C1286" s="3">
        <v>213</v>
      </c>
      <c r="D1286" s="52" t="s">
        <v>2019</v>
      </c>
      <c r="E1286" s="52" t="s">
        <v>102</v>
      </c>
      <c r="F1286" s="52" t="s">
        <v>107</v>
      </c>
      <c r="G1286" s="52" t="s">
        <v>108</v>
      </c>
      <c r="H1286" s="4">
        <v>3</v>
      </c>
      <c r="I1286" s="2">
        <v>0</v>
      </c>
    </row>
    <row r="1287" spans="1:9" hidden="1" x14ac:dyDescent="0.35">
      <c r="A1287" s="52" t="s">
        <v>78</v>
      </c>
      <c r="B1287" s="52" t="s">
        <v>79</v>
      </c>
      <c r="C1287" s="3">
        <v>216</v>
      </c>
      <c r="D1287" s="52" t="s">
        <v>2019</v>
      </c>
      <c r="E1287" s="52" t="s">
        <v>92</v>
      </c>
      <c r="F1287" s="52" t="s">
        <v>93</v>
      </c>
      <c r="G1287" s="52" t="s">
        <v>82</v>
      </c>
      <c r="H1287" s="4">
        <v>36</v>
      </c>
      <c r="I1287" s="2">
        <v>482.68</v>
      </c>
    </row>
    <row r="1288" spans="1:9" hidden="1" x14ac:dyDescent="0.35">
      <c r="A1288" s="52" t="s">
        <v>78</v>
      </c>
      <c r="B1288" s="52" t="s">
        <v>79</v>
      </c>
      <c r="C1288" s="3">
        <v>216</v>
      </c>
      <c r="D1288" s="52" t="s">
        <v>2019</v>
      </c>
      <c r="E1288" s="52" t="s">
        <v>120</v>
      </c>
      <c r="F1288" s="52" t="s">
        <v>116</v>
      </c>
      <c r="G1288" s="52" t="s">
        <v>115</v>
      </c>
      <c r="H1288" s="4">
        <v>2</v>
      </c>
      <c r="I1288" s="2">
        <v>0</v>
      </c>
    </row>
    <row r="1289" spans="1:9" hidden="1" x14ac:dyDescent="0.35">
      <c r="A1289" s="52" t="s">
        <v>78</v>
      </c>
      <c r="B1289" s="52" t="s">
        <v>79</v>
      </c>
      <c r="C1289" s="3">
        <v>216</v>
      </c>
      <c r="D1289" s="52" t="s">
        <v>2019</v>
      </c>
      <c r="E1289" s="52" t="s">
        <v>118</v>
      </c>
      <c r="F1289" s="52" t="s">
        <v>119</v>
      </c>
      <c r="G1289" s="52" t="s">
        <v>115</v>
      </c>
      <c r="H1289" s="4">
        <v>2</v>
      </c>
      <c r="I1289" s="2">
        <v>0</v>
      </c>
    </row>
    <row r="1290" spans="1:9" x14ac:dyDescent="0.35">
      <c r="A1290" s="52" t="s">
        <v>78</v>
      </c>
      <c r="B1290" s="52" t="s">
        <v>79</v>
      </c>
      <c r="C1290" s="3">
        <v>216</v>
      </c>
      <c r="D1290" s="52" t="s">
        <v>2019</v>
      </c>
      <c r="E1290" s="52" t="s">
        <v>117</v>
      </c>
      <c r="F1290" s="52" t="s">
        <v>116</v>
      </c>
      <c r="G1290" s="52" t="s">
        <v>82</v>
      </c>
      <c r="H1290" s="4">
        <v>1</v>
      </c>
      <c r="I1290" s="2">
        <v>0</v>
      </c>
    </row>
    <row r="1291" spans="1:9" hidden="1" x14ac:dyDescent="0.35">
      <c r="A1291" s="52" t="s">
        <v>78</v>
      </c>
      <c r="B1291" s="52" t="s">
        <v>79</v>
      </c>
      <c r="C1291" s="3">
        <v>216</v>
      </c>
      <c r="D1291" s="52" t="s">
        <v>2019</v>
      </c>
      <c r="E1291" s="52" t="s">
        <v>102</v>
      </c>
      <c r="F1291" s="52" t="s">
        <v>116</v>
      </c>
      <c r="G1291" s="52" t="s">
        <v>115</v>
      </c>
      <c r="H1291" s="4">
        <v>2</v>
      </c>
      <c r="I1291" s="2">
        <v>0</v>
      </c>
    </row>
    <row r="1292" spans="1:9" hidden="1" x14ac:dyDescent="0.35">
      <c r="A1292" s="52" t="s">
        <v>78</v>
      </c>
      <c r="B1292" s="52" t="s">
        <v>79</v>
      </c>
      <c r="C1292" s="3">
        <v>216</v>
      </c>
      <c r="D1292" s="52" t="s">
        <v>2019</v>
      </c>
      <c r="E1292" s="52" t="s">
        <v>135</v>
      </c>
      <c r="F1292" s="52" t="s">
        <v>112</v>
      </c>
      <c r="G1292" s="52" t="s">
        <v>82</v>
      </c>
      <c r="H1292" s="4">
        <v>2</v>
      </c>
      <c r="I1292" s="2">
        <v>0</v>
      </c>
    </row>
    <row r="1293" spans="1:9" x14ac:dyDescent="0.35">
      <c r="A1293" s="52" t="s">
        <v>78</v>
      </c>
      <c r="B1293" s="52" t="s">
        <v>79</v>
      </c>
      <c r="C1293" s="3">
        <v>216</v>
      </c>
      <c r="D1293" s="52" t="s">
        <v>2019</v>
      </c>
      <c r="E1293" s="52" t="s">
        <v>113</v>
      </c>
      <c r="F1293" s="52" t="s">
        <v>114</v>
      </c>
      <c r="G1293" s="52" t="s">
        <v>115</v>
      </c>
      <c r="H1293" s="4">
        <v>1</v>
      </c>
      <c r="I1293" s="2">
        <v>0</v>
      </c>
    </row>
    <row r="1294" spans="1:9" hidden="1" x14ac:dyDescent="0.35">
      <c r="A1294" s="52" t="s">
        <v>78</v>
      </c>
      <c r="B1294" s="52" t="s">
        <v>79</v>
      </c>
      <c r="C1294" s="3">
        <v>216</v>
      </c>
      <c r="D1294" s="52" t="s">
        <v>2019</v>
      </c>
      <c r="E1294" s="52" t="s">
        <v>111</v>
      </c>
      <c r="F1294" s="52" t="s">
        <v>101</v>
      </c>
      <c r="G1294" s="52" t="s">
        <v>82</v>
      </c>
      <c r="H1294" s="4">
        <v>12</v>
      </c>
      <c r="I1294" s="2">
        <v>0</v>
      </c>
    </row>
    <row r="1295" spans="1:9" hidden="1" x14ac:dyDescent="0.35">
      <c r="A1295" s="52" t="s">
        <v>78</v>
      </c>
      <c r="B1295" s="52" t="s">
        <v>79</v>
      </c>
      <c r="C1295" s="3">
        <v>216</v>
      </c>
      <c r="D1295" s="52" t="s">
        <v>2019</v>
      </c>
      <c r="E1295" s="52" t="s">
        <v>111</v>
      </c>
      <c r="F1295" s="52" t="s">
        <v>93</v>
      </c>
      <c r="G1295" s="52" t="s">
        <v>82</v>
      </c>
      <c r="H1295" s="4">
        <v>2</v>
      </c>
      <c r="I1295" s="2">
        <v>0</v>
      </c>
    </row>
    <row r="1296" spans="1:9" hidden="1" x14ac:dyDescent="0.35">
      <c r="A1296" s="52" t="s">
        <v>78</v>
      </c>
      <c r="B1296" s="52" t="s">
        <v>79</v>
      </c>
      <c r="C1296" s="3">
        <v>216</v>
      </c>
      <c r="D1296" s="52" t="s">
        <v>2019</v>
      </c>
      <c r="E1296" s="52" t="s">
        <v>102</v>
      </c>
      <c r="F1296" s="52" t="s">
        <v>107</v>
      </c>
      <c r="G1296" s="52" t="s">
        <v>108</v>
      </c>
      <c r="H1296" s="4">
        <v>20</v>
      </c>
      <c r="I1296" s="2">
        <v>0</v>
      </c>
    </row>
    <row r="1297" spans="1:9" x14ac:dyDescent="0.35">
      <c r="A1297" s="52" t="s">
        <v>78</v>
      </c>
      <c r="B1297" s="52" t="s">
        <v>79</v>
      </c>
      <c r="C1297" s="3">
        <v>216</v>
      </c>
      <c r="D1297" s="52" t="s">
        <v>2019</v>
      </c>
      <c r="E1297" s="52" t="s">
        <v>111</v>
      </c>
      <c r="F1297" s="52" t="s">
        <v>95</v>
      </c>
      <c r="G1297" s="52" t="s">
        <v>82</v>
      </c>
      <c r="H1297" s="4">
        <v>1</v>
      </c>
      <c r="I1297" s="2">
        <v>0</v>
      </c>
    </row>
    <row r="1298" spans="1:9" hidden="1" x14ac:dyDescent="0.35">
      <c r="A1298" s="52" t="s">
        <v>78</v>
      </c>
      <c r="B1298" s="52" t="s">
        <v>79</v>
      </c>
      <c r="C1298" s="3">
        <v>216</v>
      </c>
      <c r="D1298" s="52" t="s">
        <v>2019</v>
      </c>
      <c r="E1298" s="52" t="s">
        <v>102</v>
      </c>
      <c r="F1298" s="52" t="s">
        <v>103</v>
      </c>
      <c r="G1298" s="52" t="s">
        <v>82</v>
      </c>
      <c r="H1298" s="4">
        <v>9</v>
      </c>
      <c r="I1298" s="2">
        <v>0</v>
      </c>
    </row>
    <row r="1299" spans="1:9" hidden="1" x14ac:dyDescent="0.35">
      <c r="A1299" s="52" t="s">
        <v>78</v>
      </c>
      <c r="B1299" s="52" t="s">
        <v>79</v>
      </c>
      <c r="C1299" s="3">
        <v>221</v>
      </c>
      <c r="D1299" s="52" t="s">
        <v>2019</v>
      </c>
      <c r="E1299" s="52" t="s">
        <v>92</v>
      </c>
      <c r="F1299" s="52" t="s">
        <v>93</v>
      </c>
      <c r="G1299" s="52" t="s">
        <v>82</v>
      </c>
      <c r="H1299" s="4">
        <v>55</v>
      </c>
      <c r="I1299" s="2">
        <v>6600.39</v>
      </c>
    </row>
    <row r="1300" spans="1:9" hidden="1" x14ac:dyDescent="0.35">
      <c r="A1300" s="52" t="s">
        <v>78</v>
      </c>
      <c r="B1300" s="52" t="s">
        <v>79</v>
      </c>
      <c r="C1300" s="3">
        <v>221</v>
      </c>
      <c r="D1300" s="52" t="s">
        <v>2019</v>
      </c>
      <c r="E1300" s="52" t="s">
        <v>36</v>
      </c>
      <c r="F1300" s="52" t="s">
        <v>95</v>
      </c>
      <c r="G1300" s="52" t="s">
        <v>82</v>
      </c>
      <c r="H1300" s="4">
        <v>3</v>
      </c>
      <c r="I1300" s="2">
        <v>14.1</v>
      </c>
    </row>
    <row r="1301" spans="1:9" x14ac:dyDescent="0.35">
      <c r="A1301" s="52" t="s">
        <v>78</v>
      </c>
      <c r="B1301" s="52" t="s">
        <v>79</v>
      </c>
      <c r="C1301" s="3">
        <v>221</v>
      </c>
      <c r="D1301" s="52" t="s">
        <v>2019</v>
      </c>
      <c r="E1301" s="52" t="s">
        <v>113</v>
      </c>
      <c r="F1301" s="52" t="s">
        <v>114</v>
      </c>
      <c r="G1301" s="52" t="s">
        <v>115</v>
      </c>
      <c r="H1301" s="4">
        <v>1</v>
      </c>
      <c r="I1301" s="2">
        <v>0</v>
      </c>
    </row>
    <row r="1302" spans="1:9" hidden="1" x14ac:dyDescent="0.35">
      <c r="A1302" s="52" t="s">
        <v>78</v>
      </c>
      <c r="B1302" s="52" t="s">
        <v>79</v>
      </c>
      <c r="C1302" s="3">
        <v>221</v>
      </c>
      <c r="D1302" s="52" t="s">
        <v>2019</v>
      </c>
      <c r="E1302" s="52" t="s">
        <v>102</v>
      </c>
      <c r="F1302" s="52" t="s">
        <v>116</v>
      </c>
      <c r="G1302" s="52" t="s">
        <v>115</v>
      </c>
      <c r="H1302" s="4">
        <v>5</v>
      </c>
      <c r="I1302" s="2">
        <v>0</v>
      </c>
    </row>
    <row r="1303" spans="1:9" hidden="1" x14ac:dyDescent="0.35">
      <c r="A1303" s="52" t="s">
        <v>78</v>
      </c>
      <c r="B1303" s="52" t="s">
        <v>79</v>
      </c>
      <c r="C1303" s="3">
        <v>221</v>
      </c>
      <c r="D1303" s="52" t="s">
        <v>2019</v>
      </c>
      <c r="E1303" s="52" t="s">
        <v>102</v>
      </c>
      <c r="F1303" s="52" t="s">
        <v>107</v>
      </c>
      <c r="G1303" s="52" t="s">
        <v>108</v>
      </c>
      <c r="H1303" s="4">
        <v>2</v>
      </c>
      <c r="I1303" s="2">
        <v>0</v>
      </c>
    </row>
    <row r="1304" spans="1:9" hidden="1" x14ac:dyDescent="0.35">
      <c r="A1304" s="52" t="s">
        <v>78</v>
      </c>
      <c r="B1304" s="52" t="s">
        <v>79</v>
      </c>
      <c r="C1304" s="3">
        <v>221</v>
      </c>
      <c r="D1304" s="52" t="s">
        <v>2019</v>
      </c>
      <c r="E1304" s="52" t="s">
        <v>118</v>
      </c>
      <c r="F1304" s="52" t="s">
        <v>119</v>
      </c>
      <c r="G1304" s="52" t="s">
        <v>115</v>
      </c>
      <c r="H1304" s="4">
        <v>5</v>
      </c>
      <c r="I1304" s="2">
        <v>0</v>
      </c>
    </row>
    <row r="1305" spans="1:9" hidden="1" x14ac:dyDescent="0.35">
      <c r="A1305" s="52" t="s">
        <v>78</v>
      </c>
      <c r="B1305" s="52" t="s">
        <v>79</v>
      </c>
      <c r="C1305" s="3">
        <v>221</v>
      </c>
      <c r="D1305" s="52" t="s">
        <v>2019</v>
      </c>
      <c r="E1305" s="52" t="s">
        <v>117</v>
      </c>
      <c r="F1305" s="52" t="s">
        <v>116</v>
      </c>
      <c r="G1305" s="52" t="s">
        <v>82</v>
      </c>
      <c r="H1305" s="4">
        <v>9</v>
      </c>
      <c r="I1305" s="2">
        <v>0</v>
      </c>
    </row>
    <row r="1306" spans="1:9" hidden="1" x14ac:dyDescent="0.35">
      <c r="A1306" s="52" t="s">
        <v>78</v>
      </c>
      <c r="B1306" s="52" t="s">
        <v>79</v>
      </c>
      <c r="C1306" s="3">
        <v>221</v>
      </c>
      <c r="D1306" s="52" t="s">
        <v>2019</v>
      </c>
      <c r="E1306" s="52" t="s">
        <v>102</v>
      </c>
      <c r="F1306" s="52" t="s">
        <v>103</v>
      </c>
      <c r="G1306" s="52" t="s">
        <v>82</v>
      </c>
      <c r="H1306" s="4">
        <v>3</v>
      </c>
      <c r="I1306" s="2">
        <v>0</v>
      </c>
    </row>
    <row r="1307" spans="1:9" hidden="1" x14ac:dyDescent="0.35">
      <c r="A1307" s="52" t="s">
        <v>78</v>
      </c>
      <c r="B1307" s="52" t="s">
        <v>79</v>
      </c>
      <c r="C1307" s="3">
        <v>221</v>
      </c>
      <c r="D1307" s="52" t="s">
        <v>2019</v>
      </c>
      <c r="E1307" s="52" t="s">
        <v>120</v>
      </c>
      <c r="F1307" s="52" t="s">
        <v>116</v>
      </c>
      <c r="G1307" s="52" t="s">
        <v>115</v>
      </c>
      <c r="H1307" s="4">
        <v>5</v>
      </c>
      <c r="I1307" s="2">
        <v>0</v>
      </c>
    </row>
    <row r="1308" spans="1:9" x14ac:dyDescent="0.35">
      <c r="A1308" s="52" t="s">
        <v>78</v>
      </c>
      <c r="B1308" s="52" t="s">
        <v>79</v>
      </c>
      <c r="C1308" s="3">
        <v>221</v>
      </c>
      <c r="D1308" s="52" t="s">
        <v>2019</v>
      </c>
      <c r="E1308" s="52" t="s">
        <v>135</v>
      </c>
      <c r="F1308" s="52" t="s">
        <v>112</v>
      </c>
      <c r="G1308" s="52" t="s">
        <v>82</v>
      </c>
      <c r="H1308" s="4">
        <v>1</v>
      </c>
      <c r="I1308" s="2">
        <v>0</v>
      </c>
    </row>
    <row r="1309" spans="1:9" hidden="1" x14ac:dyDescent="0.35">
      <c r="A1309" s="52" t="s">
        <v>78</v>
      </c>
      <c r="B1309" s="52" t="s">
        <v>79</v>
      </c>
      <c r="C1309" s="3">
        <v>222</v>
      </c>
      <c r="D1309" s="52" t="s">
        <v>2019</v>
      </c>
      <c r="E1309" s="52" t="s">
        <v>92</v>
      </c>
      <c r="F1309" s="52" t="s">
        <v>93</v>
      </c>
      <c r="G1309" s="52" t="s">
        <v>82</v>
      </c>
      <c r="H1309" s="4">
        <v>7</v>
      </c>
      <c r="I1309" s="2">
        <v>174.27</v>
      </c>
    </row>
    <row r="1310" spans="1:9" x14ac:dyDescent="0.35">
      <c r="A1310" s="52" t="s">
        <v>78</v>
      </c>
      <c r="B1310" s="52" t="s">
        <v>79</v>
      </c>
      <c r="C1310" s="3">
        <v>222</v>
      </c>
      <c r="D1310" s="52" t="s">
        <v>2019</v>
      </c>
      <c r="E1310" s="52" t="s">
        <v>102</v>
      </c>
      <c r="F1310" s="52" t="s">
        <v>116</v>
      </c>
      <c r="G1310" s="52" t="s">
        <v>115</v>
      </c>
      <c r="H1310" s="4">
        <v>1</v>
      </c>
      <c r="I1310" s="2">
        <v>0</v>
      </c>
    </row>
    <row r="1311" spans="1:9" x14ac:dyDescent="0.35">
      <c r="A1311" s="52" t="s">
        <v>78</v>
      </c>
      <c r="B1311" s="52" t="s">
        <v>79</v>
      </c>
      <c r="C1311" s="3">
        <v>222</v>
      </c>
      <c r="D1311" s="52" t="s">
        <v>2019</v>
      </c>
      <c r="E1311" s="52" t="s">
        <v>120</v>
      </c>
      <c r="F1311" s="52" t="s">
        <v>116</v>
      </c>
      <c r="G1311" s="52" t="s">
        <v>115</v>
      </c>
      <c r="H1311" s="4">
        <v>1</v>
      </c>
      <c r="I1311" s="2">
        <v>0</v>
      </c>
    </row>
    <row r="1312" spans="1:9" x14ac:dyDescent="0.35">
      <c r="A1312" s="52" t="s">
        <v>78</v>
      </c>
      <c r="B1312" s="52" t="s">
        <v>79</v>
      </c>
      <c r="C1312" s="3">
        <v>222</v>
      </c>
      <c r="D1312" s="52" t="s">
        <v>2019</v>
      </c>
      <c r="E1312" s="52" t="s">
        <v>117</v>
      </c>
      <c r="F1312" s="52" t="s">
        <v>116</v>
      </c>
      <c r="G1312" s="52" t="s">
        <v>82</v>
      </c>
      <c r="H1312" s="4">
        <v>1</v>
      </c>
      <c r="I1312" s="2">
        <v>0</v>
      </c>
    </row>
    <row r="1313" spans="1:9" x14ac:dyDescent="0.35">
      <c r="A1313" s="52" t="s">
        <v>78</v>
      </c>
      <c r="B1313" s="52" t="s">
        <v>79</v>
      </c>
      <c r="C1313" s="3">
        <v>222</v>
      </c>
      <c r="D1313" s="52" t="s">
        <v>2019</v>
      </c>
      <c r="E1313" s="52" t="s">
        <v>118</v>
      </c>
      <c r="F1313" s="52" t="s">
        <v>119</v>
      </c>
      <c r="G1313" s="52" t="s">
        <v>115</v>
      </c>
      <c r="H1313" s="4">
        <v>1</v>
      </c>
      <c r="I1313" s="2">
        <v>0</v>
      </c>
    </row>
    <row r="1314" spans="1:9" x14ac:dyDescent="0.35">
      <c r="A1314" s="52" t="s">
        <v>78</v>
      </c>
      <c r="B1314" s="52" t="s">
        <v>79</v>
      </c>
      <c r="C1314" s="3">
        <v>230</v>
      </c>
      <c r="D1314" s="52" t="s">
        <v>2019</v>
      </c>
      <c r="E1314" s="52" t="s">
        <v>88</v>
      </c>
      <c r="F1314" s="52" t="s">
        <v>89</v>
      </c>
      <c r="G1314" s="52" t="s">
        <v>82</v>
      </c>
      <c r="H1314" s="4">
        <v>1</v>
      </c>
      <c r="I1314" s="2">
        <v>340000</v>
      </c>
    </row>
    <row r="1315" spans="1:9" hidden="1" x14ac:dyDescent="0.35">
      <c r="A1315" s="52" t="s">
        <v>78</v>
      </c>
      <c r="B1315" s="52" t="s">
        <v>79</v>
      </c>
      <c r="C1315" s="3">
        <v>230</v>
      </c>
      <c r="D1315" s="52" t="s">
        <v>2019</v>
      </c>
      <c r="E1315" s="52" t="s">
        <v>92</v>
      </c>
      <c r="F1315" s="52" t="s">
        <v>93</v>
      </c>
      <c r="G1315" s="52" t="s">
        <v>82</v>
      </c>
      <c r="H1315" s="4">
        <v>19</v>
      </c>
      <c r="I1315" s="2">
        <v>5091.8599999999997</v>
      </c>
    </row>
    <row r="1316" spans="1:9" hidden="1" x14ac:dyDescent="0.35">
      <c r="A1316" s="52" t="s">
        <v>78</v>
      </c>
      <c r="B1316" s="52" t="s">
        <v>79</v>
      </c>
      <c r="C1316" s="3">
        <v>230</v>
      </c>
      <c r="D1316" s="52" t="s">
        <v>2019</v>
      </c>
      <c r="E1316" s="52" t="s">
        <v>36</v>
      </c>
      <c r="F1316" s="52" t="s">
        <v>95</v>
      </c>
      <c r="G1316" s="52" t="s">
        <v>82</v>
      </c>
      <c r="H1316" s="4">
        <v>5</v>
      </c>
      <c r="I1316" s="2">
        <v>23.5</v>
      </c>
    </row>
    <row r="1317" spans="1:9" x14ac:dyDescent="0.35">
      <c r="A1317" s="52" t="s">
        <v>78</v>
      </c>
      <c r="B1317" s="52" t="s">
        <v>79</v>
      </c>
      <c r="C1317" s="3">
        <v>230</v>
      </c>
      <c r="D1317" s="52" t="s">
        <v>2019</v>
      </c>
      <c r="E1317" s="52" t="s">
        <v>102</v>
      </c>
      <c r="F1317" s="52" t="s">
        <v>116</v>
      </c>
      <c r="G1317" s="52" t="s">
        <v>115</v>
      </c>
      <c r="H1317" s="4">
        <v>1</v>
      </c>
      <c r="I1317" s="2">
        <v>0</v>
      </c>
    </row>
    <row r="1318" spans="1:9" x14ac:dyDescent="0.35">
      <c r="A1318" s="52" t="s">
        <v>78</v>
      </c>
      <c r="B1318" s="52" t="s">
        <v>79</v>
      </c>
      <c r="C1318" s="3">
        <v>230</v>
      </c>
      <c r="D1318" s="52" t="s">
        <v>2019</v>
      </c>
      <c r="E1318" s="52" t="s">
        <v>139</v>
      </c>
      <c r="F1318" s="52" t="s">
        <v>140</v>
      </c>
      <c r="G1318" s="52" t="s">
        <v>82</v>
      </c>
      <c r="H1318" s="4">
        <v>1</v>
      </c>
      <c r="I1318" s="2">
        <v>0</v>
      </c>
    </row>
    <row r="1319" spans="1:9" x14ac:dyDescent="0.35">
      <c r="A1319" s="52" t="s">
        <v>78</v>
      </c>
      <c r="B1319" s="52" t="s">
        <v>79</v>
      </c>
      <c r="C1319" s="3">
        <v>230</v>
      </c>
      <c r="D1319" s="52" t="s">
        <v>2019</v>
      </c>
      <c r="E1319" s="52" t="s">
        <v>120</v>
      </c>
      <c r="F1319" s="52" t="s">
        <v>116</v>
      </c>
      <c r="G1319" s="52" t="s">
        <v>115</v>
      </c>
      <c r="H1319" s="4">
        <v>1</v>
      </c>
      <c r="I1319" s="2">
        <v>0</v>
      </c>
    </row>
    <row r="1320" spans="1:9" hidden="1" x14ac:dyDescent="0.35">
      <c r="A1320" s="52" t="s">
        <v>78</v>
      </c>
      <c r="B1320" s="52" t="s">
        <v>79</v>
      </c>
      <c r="C1320" s="3">
        <v>230</v>
      </c>
      <c r="D1320" s="52" t="s">
        <v>2019</v>
      </c>
      <c r="E1320" s="52" t="s">
        <v>113</v>
      </c>
      <c r="F1320" s="52" t="s">
        <v>114</v>
      </c>
      <c r="G1320" s="52" t="s">
        <v>115</v>
      </c>
      <c r="H1320" s="4">
        <v>33</v>
      </c>
      <c r="I1320" s="2">
        <v>0</v>
      </c>
    </row>
    <row r="1321" spans="1:9" x14ac:dyDescent="0.35">
      <c r="A1321" s="52" t="s">
        <v>78</v>
      </c>
      <c r="B1321" s="52" t="s">
        <v>79</v>
      </c>
      <c r="C1321" s="3">
        <v>230</v>
      </c>
      <c r="D1321" s="52" t="s">
        <v>2019</v>
      </c>
      <c r="E1321" s="52" t="s">
        <v>118</v>
      </c>
      <c r="F1321" s="52" t="s">
        <v>119</v>
      </c>
      <c r="G1321" s="52" t="s">
        <v>115</v>
      </c>
      <c r="H1321" s="4">
        <v>1</v>
      </c>
      <c r="I1321" s="2">
        <v>0</v>
      </c>
    </row>
    <row r="1322" spans="1:9" hidden="1" x14ac:dyDescent="0.35">
      <c r="A1322" s="52" t="s">
        <v>78</v>
      </c>
      <c r="B1322" s="52" t="s">
        <v>79</v>
      </c>
      <c r="C1322" s="3">
        <v>230</v>
      </c>
      <c r="D1322" s="52" t="s">
        <v>2019</v>
      </c>
      <c r="E1322" s="52" t="s">
        <v>117</v>
      </c>
      <c r="F1322" s="52" t="s">
        <v>116</v>
      </c>
      <c r="G1322" s="52" t="s">
        <v>82</v>
      </c>
      <c r="H1322" s="4">
        <v>3</v>
      </c>
      <c r="I1322" s="2">
        <v>0</v>
      </c>
    </row>
    <row r="1323" spans="1:9" hidden="1" x14ac:dyDescent="0.35">
      <c r="A1323" s="52" t="s">
        <v>78</v>
      </c>
      <c r="B1323" s="52" t="s">
        <v>79</v>
      </c>
      <c r="C1323" s="3">
        <v>400</v>
      </c>
      <c r="D1323" s="52" t="s">
        <v>2019</v>
      </c>
      <c r="E1323" s="52" t="s">
        <v>102</v>
      </c>
      <c r="F1323" s="52" t="s">
        <v>103</v>
      </c>
      <c r="G1323" s="52" t="s">
        <v>82</v>
      </c>
      <c r="H1323" s="4">
        <v>4</v>
      </c>
      <c r="I1323" s="2">
        <v>0</v>
      </c>
    </row>
    <row r="1324" spans="1:9" hidden="1" x14ac:dyDescent="0.35">
      <c r="A1324" s="52" t="s">
        <v>78</v>
      </c>
      <c r="B1324" s="52" t="s">
        <v>79</v>
      </c>
      <c r="C1324" s="3">
        <v>400</v>
      </c>
      <c r="D1324" s="52" t="s">
        <v>2019</v>
      </c>
      <c r="E1324" s="52" t="s">
        <v>113</v>
      </c>
      <c r="F1324" s="52" t="s">
        <v>114</v>
      </c>
      <c r="G1324" s="52" t="s">
        <v>115</v>
      </c>
      <c r="H1324" s="4">
        <v>4</v>
      </c>
      <c r="I1324" s="2">
        <v>0</v>
      </c>
    </row>
    <row r="1325" spans="1:9" x14ac:dyDescent="0.35">
      <c r="A1325" s="52" t="s">
        <v>78</v>
      </c>
      <c r="B1325" s="52" t="s">
        <v>79</v>
      </c>
      <c r="C1325" s="3">
        <v>400</v>
      </c>
      <c r="D1325" s="52" t="s">
        <v>2019</v>
      </c>
      <c r="E1325" s="52" t="s">
        <v>102</v>
      </c>
      <c r="F1325" s="52" t="s">
        <v>107</v>
      </c>
      <c r="G1325" s="52" t="s">
        <v>108</v>
      </c>
      <c r="H1325" s="4">
        <v>1</v>
      </c>
      <c r="I1325" s="2">
        <v>0</v>
      </c>
    </row>
    <row r="1326" spans="1:9" hidden="1" x14ac:dyDescent="0.35">
      <c r="A1326" s="52" t="s">
        <v>78</v>
      </c>
      <c r="B1326" s="52" t="s">
        <v>79</v>
      </c>
      <c r="C1326" s="3">
        <v>0</v>
      </c>
      <c r="D1326" s="52" t="s">
        <v>2020</v>
      </c>
      <c r="E1326" s="52" t="s">
        <v>92</v>
      </c>
      <c r="F1326" s="52" t="s">
        <v>93</v>
      </c>
      <c r="G1326" s="52" t="s">
        <v>82</v>
      </c>
      <c r="H1326" s="4">
        <v>333</v>
      </c>
      <c r="I1326" s="2">
        <v>14889.96</v>
      </c>
    </row>
    <row r="1327" spans="1:9" x14ac:dyDescent="0.35">
      <c r="A1327" s="52" t="s">
        <v>78</v>
      </c>
      <c r="B1327" s="52" t="s">
        <v>79</v>
      </c>
      <c r="C1327" s="3">
        <v>0</v>
      </c>
      <c r="D1327" s="52" t="s">
        <v>2020</v>
      </c>
      <c r="E1327" s="52" t="s">
        <v>26</v>
      </c>
      <c r="F1327" s="52" t="s">
        <v>81</v>
      </c>
      <c r="G1327" s="52" t="s">
        <v>82</v>
      </c>
      <c r="H1327" s="4">
        <v>1</v>
      </c>
      <c r="I1327" s="2">
        <v>14.65</v>
      </c>
    </row>
    <row r="1328" spans="1:9" x14ac:dyDescent="0.35">
      <c r="A1328" s="52" t="s">
        <v>78</v>
      </c>
      <c r="B1328" s="52" t="s">
        <v>79</v>
      </c>
      <c r="C1328" s="3">
        <v>0</v>
      </c>
      <c r="D1328" s="52" t="s">
        <v>2020</v>
      </c>
      <c r="E1328" s="52" t="s">
        <v>113</v>
      </c>
      <c r="F1328" s="52" t="s">
        <v>114</v>
      </c>
      <c r="G1328" s="52" t="s">
        <v>115</v>
      </c>
      <c r="H1328" s="4">
        <v>1</v>
      </c>
      <c r="I1328" s="2">
        <v>0</v>
      </c>
    </row>
    <row r="1329" spans="1:9" hidden="1" x14ac:dyDescent="0.35">
      <c r="A1329" s="52" t="s">
        <v>78</v>
      </c>
      <c r="B1329" s="52" t="s">
        <v>79</v>
      </c>
      <c r="C1329" s="3">
        <v>0</v>
      </c>
      <c r="D1329" s="52" t="s">
        <v>2020</v>
      </c>
      <c r="E1329" s="52" t="s">
        <v>104</v>
      </c>
      <c r="F1329" s="52" t="s">
        <v>101</v>
      </c>
      <c r="G1329" s="52" t="s">
        <v>82</v>
      </c>
      <c r="H1329" s="4">
        <v>3459</v>
      </c>
      <c r="I1329" s="2">
        <v>0</v>
      </c>
    </row>
    <row r="1330" spans="1:9" x14ac:dyDescent="0.35">
      <c r="A1330" s="52" t="s">
        <v>78</v>
      </c>
      <c r="B1330" s="52" t="s">
        <v>79</v>
      </c>
      <c r="C1330" s="3">
        <v>0</v>
      </c>
      <c r="D1330" s="52" t="s">
        <v>2020</v>
      </c>
      <c r="E1330" s="52" t="s">
        <v>102</v>
      </c>
      <c r="F1330" s="52" t="s">
        <v>103</v>
      </c>
      <c r="G1330" s="52" t="s">
        <v>82</v>
      </c>
      <c r="H1330" s="4">
        <v>1</v>
      </c>
      <c r="I1330" s="2">
        <v>0</v>
      </c>
    </row>
    <row r="1331" spans="1:9" hidden="1" x14ac:dyDescent="0.35">
      <c r="A1331" s="52" t="s">
        <v>78</v>
      </c>
      <c r="B1331" s="52" t="s">
        <v>79</v>
      </c>
      <c r="C1331" s="3">
        <v>0</v>
      </c>
      <c r="D1331" s="52" t="s">
        <v>2020</v>
      </c>
      <c r="E1331" s="52" t="s">
        <v>111</v>
      </c>
      <c r="F1331" s="52" t="s">
        <v>101</v>
      </c>
      <c r="G1331" s="52" t="s">
        <v>82</v>
      </c>
      <c r="H1331" s="4">
        <v>5</v>
      </c>
      <c r="I1331" s="2">
        <v>0</v>
      </c>
    </row>
    <row r="1332" spans="1:9" hidden="1" x14ac:dyDescent="0.35">
      <c r="A1332" s="52" t="s">
        <v>78</v>
      </c>
      <c r="B1332" s="52" t="s">
        <v>79</v>
      </c>
      <c r="C1332" s="3">
        <v>0</v>
      </c>
      <c r="D1332" s="52" t="s">
        <v>2020</v>
      </c>
      <c r="E1332" s="52" t="s">
        <v>104</v>
      </c>
      <c r="F1332" s="52" t="s">
        <v>112</v>
      </c>
      <c r="G1332" s="52" t="s">
        <v>82</v>
      </c>
      <c r="H1332" s="4">
        <v>17</v>
      </c>
      <c r="I1332" s="2">
        <v>0</v>
      </c>
    </row>
    <row r="1333" spans="1:9" hidden="1" x14ac:dyDescent="0.35">
      <c r="A1333" s="52" t="s">
        <v>78</v>
      </c>
      <c r="B1333" s="52" t="s">
        <v>79</v>
      </c>
      <c r="C1333" s="3">
        <v>0</v>
      </c>
      <c r="D1333" s="52" t="s">
        <v>2020</v>
      </c>
      <c r="E1333" s="52" t="s">
        <v>104</v>
      </c>
      <c r="F1333" s="52" t="s">
        <v>105</v>
      </c>
      <c r="G1333" s="52" t="s">
        <v>82</v>
      </c>
      <c r="H1333" s="4">
        <v>1059</v>
      </c>
      <c r="I1333" s="2">
        <v>0</v>
      </c>
    </row>
    <row r="1334" spans="1:9" x14ac:dyDescent="0.35">
      <c r="A1334" s="52" t="s">
        <v>78</v>
      </c>
      <c r="B1334" s="52" t="s">
        <v>79</v>
      </c>
      <c r="C1334" s="3">
        <v>0</v>
      </c>
      <c r="D1334" s="52" t="s">
        <v>2020</v>
      </c>
      <c r="E1334" s="52" t="s">
        <v>111</v>
      </c>
      <c r="F1334" s="52" t="s">
        <v>103</v>
      </c>
      <c r="G1334" s="52" t="s">
        <v>82</v>
      </c>
      <c r="H1334" s="4">
        <v>1</v>
      </c>
      <c r="I1334" s="2">
        <v>0</v>
      </c>
    </row>
    <row r="1335" spans="1:9" x14ac:dyDescent="0.35">
      <c r="A1335" s="52" t="s">
        <v>78</v>
      </c>
      <c r="B1335" s="52" t="s">
        <v>79</v>
      </c>
      <c r="C1335" s="3">
        <v>0</v>
      </c>
      <c r="D1335" s="52" t="s">
        <v>2020</v>
      </c>
      <c r="E1335" s="52" t="s">
        <v>104</v>
      </c>
      <c r="F1335" s="52" t="s">
        <v>107</v>
      </c>
      <c r="G1335" s="52" t="s">
        <v>108</v>
      </c>
      <c r="H1335" s="4">
        <v>1</v>
      </c>
      <c r="I1335" s="2">
        <v>0</v>
      </c>
    </row>
    <row r="1336" spans="1:9" x14ac:dyDescent="0.35">
      <c r="A1336" s="52" t="s">
        <v>78</v>
      </c>
      <c r="B1336" s="52" t="s">
        <v>79</v>
      </c>
      <c r="C1336" s="3">
        <v>0</v>
      </c>
      <c r="D1336" s="52" t="s">
        <v>2020</v>
      </c>
      <c r="E1336" s="52" t="s">
        <v>111</v>
      </c>
      <c r="F1336" s="52" t="s">
        <v>107</v>
      </c>
      <c r="G1336" s="52" t="s">
        <v>108</v>
      </c>
      <c r="H1336" s="4">
        <v>1</v>
      </c>
      <c r="I1336" s="2">
        <v>0</v>
      </c>
    </row>
    <row r="1337" spans="1:9" x14ac:dyDescent="0.35">
      <c r="A1337" s="52" t="s">
        <v>78</v>
      </c>
      <c r="B1337" s="52" t="s">
        <v>79</v>
      </c>
      <c r="C1337" s="3">
        <v>0</v>
      </c>
      <c r="D1337" s="52" t="s">
        <v>2020</v>
      </c>
      <c r="E1337" s="52" t="s">
        <v>104</v>
      </c>
      <c r="F1337" s="52" t="s">
        <v>93</v>
      </c>
      <c r="G1337" s="52" t="s">
        <v>82</v>
      </c>
      <c r="H1337" s="4">
        <v>1</v>
      </c>
      <c r="I1337" s="2">
        <v>0</v>
      </c>
    </row>
    <row r="1338" spans="1:9" hidden="1" x14ac:dyDescent="0.35">
      <c r="A1338" s="52" t="s">
        <v>78</v>
      </c>
      <c r="B1338" s="52" t="s">
        <v>79</v>
      </c>
      <c r="C1338" s="3">
        <v>10</v>
      </c>
      <c r="D1338" s="52" t="s">
        <v>2020</v>
      </c>
      <c r="E1338" s="52" t="s">
        <v>90</v>
      </c>
      <c r="F1338" s="52" t="s">
        <v>91</v>
      </c>
      <c r="G1338" s="52" t="s">
        <v>82</v>
      </c>
      <c r="H1338" s="4">
        <v>5386</v>
      </c>
      <c r="I1338" s="2">
        <v>62828.95</v>
      </c>
    </row>
    <row r="1339" spans="1:9" hidden="1" x14ac:dyDescent="0.35">
      <c r="A1339" s="52" t="s">
        <v>78</v>
      </c>
      <c r="B1339" s="52" t="s">
        <v>79</v>
      </c>
      <c r="C1339" s="3">
        <v>10</v>
      </c>
      <c r="D1339" s="52" t="s">
        <v>2020</v>
      </c>
      <c r="E1339" s="52" t="s">
        <v>26</v>
      </c>
      <c r="F1339" s="52" t="s">
        <v>81</v>
      </c>
      <c r="G1339" s="52" t="s">
        <v>82</v>
      </c>
      <c r="H1339" s="4">
        <v>110</v>
      </c>
      <c r="I1339" s="2">
        <v>1611.5</v>
      </c>
    </row>
    <row r="1340" spans="1:9" hidden="1" x14ac:dyDescent="0.35">
      <c r="A1340" s="52" t="s">
        <v>78</v>
      </c>
      <c r="B1340" s="52" t="s">
        <v>79</v>
      </c>
      <c r="C1340" s="3">
        <v>10</v>
      </c>
      <c r="D1340" s="52" t="s">
        <v>2020</v>
      </c>
      <c r="E1340" s="52" t="s">
        <v>36</v>
      </c>
      <c r="F1340" s="52" t="s">
        <v>95</v>
      </c>
      <c r="G1340" s="52" t="s">
        <v>82</v>
      </c>
      <c r="H1340" s="4">
        <v>300</v>
      </c>
      <c r="I1340" s="2">
        <v>1410</v>
      </c>
    </row>
    <row r="1341" spans="1:9" hidden="1" x14ac:dyDescent="0.35">
      <c r="A1341" s="52" t="s">
        <v>78</v>
      </c>
      <c r="B1341" s="52" t="s">
        <v>79</v>
      </c>
      <c r="C1341" s="3">
        <v>10</v>
      </c>
      <c r="D1341" s="52" t="s">
        <v>2020</v>
      </c>
      <c r="E1341" s="52" t="s">
        <v>29</v>
      </c>
      <c r="F1341" s="52" t="s">
        <v>94</v>
      </c>
      <c r="G1341" s="52" t="s">
        <v>82</v>
      </c>
      <c r="H1341" s="4">
        <v>5</v>
      </c>
      <c r="I1341" s="2">
        <v>1051.51</v>
      </c>
    </row>
    <row r="1342" spans="1:9" hidden="1" x14ac:dyDescent="0.35">
      <c r="A1342" s="52" t="s">
        <v>78</v>
      </c>
      <c r="B1342" s="52" t="s">
        <v>79</v>
      </c>
      <c r="C1342" s="3">
        <v>10</v>
      </c>
      <c r="D1342" s="52" t="s">
        <v>2020</v>
      </c>
      <c r="E1342" s="52" t="s">
        <v>38</v>
      </c>
      <c r="F1342" s="52" t="s">
        <v>97</v>
      </c>
      <c r="G1342" s="52" t="s">
        <v>82</v>
      </c>
      <c r="H1342" s="4">
        <v>63</v>
      </c>
      <c r="I1342" s="2">
        <v>549.1</v>
      </c>
    </row>
    <row r="1343" spans="1:9" hidden="1" x14ac:dyDescent="0.35">
      <c r="A1343" s="52" t="s">
        <v>78</v>
      </c>
      <c r="B1343" s="52" t="s">
        <v>79</v>
      </c>
      <c r="C1343" s="3">
        <v>10</v>
      </c>
      <c r="D1343" s="52" t="s">
        <v>2020</v>
      </c>
      <c r="E1343" s="52" t="s">
        <v>33</v>
      </c>
      <c r="F1343" s="52" t="s">
        <v>99</v>
      </c>
      <c r="G1343" s="52" t="s">
        <v>82</v>
      </c>
      <c r="H1343" s="4">
        <v>2</v>
      </c>
      <c r="I1343" s="2">
        <v>96</v>
      </c>
    </row>
    <row r="1344" spans="1:9" hidden="1" x14ac:dyDescent="0.35">
      <c r="A1344" s="52" t="s">
        <v>78</v>
      </c>
      <c r="B1344" s="52" t="s">
        <v>79</v>
      </c>
      <c r="C1344" s="3">
        <v>10</v>
      </c>
      <c r="D1344" s="52" t="s">
        <v>2020</v>
      </c>
      <c r="E1344" s="52" t="s">
        <v>92</v>
      </c>
      <c r="F1344" s="52" t="s">
        <v>93</v>
      </c>
      <c r="G1344" s="52" t="s">
        <v>82</v>
      </c>
      <c r="H1344" s="4">
        <v>11</v>
      </c>
      <c r="I1344" s="2">
        <v>45.68</v>
      </c>
    </row>
    <row r="1345" spans="1:9" x14ac:dyDescent="0.35">
      <c r="A1345" s="52" t="s">
        <v>78</v>
      </c>
      <c r="B1345" s="52" t="s">
        <v>79</v>
      </c>
      <c r="C1345" s="3">
        <v>10</v>
      </c>
      <c r="D1345" s="52" t="s">
        <v>2020</v>
      </c>
      <c r="E1345" s="52" t="s">
        <v>40</v>
      </c>
      <c r="F1345" s="52" t="s">
        <v>96</v>
      </c>
      <c r="G1345" s="52" t="s">
        <v>82</v>
      </c>
      <c r="H1345" s="4">
        <v>1</v>
      </c>
      <c r="I1345" s="2">
        <v>25</v>
      </c>
    </row>
    <row r="1346" spans="1:9" hidden="1" x14ac:dyDescent="0.35">
      <c r="A1346" s="52" t="s">
        <v>78</v>
      </c>
      <c r="B1346" s="52" t="s">
        <v>79</v>
      </c>
      <c r="C1346" s="3">
        <v>10</v>
      </c>
      <c r="D1346" s="52" t="s">
        <v>2020</v>
      </c>
      <c r="E1346" s="52" t="s">
        <v>914</v>
      </c>
      <c r="F1346" s="52" t="s">
        <v>91</v>
      </c>
      <c r="G1346" s="52" t="s">
        <v>82</v>
      </c>
      <c r="H1346" s="4">
        <v>29</v>
      </c>
      <c r="I1346" s="2">
        <v>18.28</v>
      </c>
    </row>
    <row r="1347" spans="1:9" x14ac:dyDescent="0.35">
      <c r="A1347" s="52" t="s">
        <v>78</v>
      </c>
      <c r="B1347" s="52" t="s">
        <v>79</v>
      </c>
      <c r="C1347" s="3">
        <v>10</v>
      </c>
      <c r="D1347" s="52" t="s">
        <v>2020</v>
      </c>
      <c r="E1347" s="52" t="s">
        <v>137</v>
      </c>
      <c r="F1347" s="52" t="s">
        <v>107</v>
      </c>
      <c r="G1347" s="52" t="s">
        <v>108</v>
      </c>
      <c r="H1347" s="4">
        <v>1</v>
      </c>
      <c r="I1347" s="2">
        <v>0</v>
      </c>
    </row>
    <row r="1348" spans="1:9" hidden="1" x14ac:dyDescent="0.35">
      <c r="A1348" s="52" t="s">
        <v>78</v>
      </c>
      <c r="B1348" s="52" t="s">
        <v>79</v>
      </c>
      <c r="C1348" s="3">
        <v>10</v>
      </c>
      <c r="D1348" s="52" t="s">
        <v>2020</v>
      </c>
      <c r="E1348" s="52" t="s">
        <v>117</v>
      </c>
      <c r="F1348" s="52" t="s">
        <v>116</v>
      </c>
      <c r="G1348" s="52" t="s">
        <v>82</v>
      </c>
      <c r="H1348" s="4">
        <v>1416</v>
      </c>
      <c r="I1348" s="2">
        <v>0</v>
      </c>
    </row>
    <row r="1349" spans="1:9" hidden="1" x14ac:dyDescent="0.35">
      <c r="A1349" s="52" t="s">
        <v>78</v>
      </c>
      <c r="B1349" s="52" t="s">
        <v>79</v>
      </c>
      <c r="C1349" s="3">
        <v>10</v>
      </c>
      <c r="D1349" s="52" t="s">
        <v>2020</v>
      </c>
      <c r="E1349" s="52" t="s">
        <v>102</v>
      </c>
      <c r="F1349" s="52" t="s">
        <v>116</v>
      </c>
      <c r="G1349" s="52" t="s">
        <v>115</v>
      </c>
      <c r="H1349" s="4">
        <v>656</v>
      </c>
      <c r="I1349" s="2">
        <v>0</v>
      </c>
    </row>
    <row r="1350" spans="1:9" x14ac:dyDescent="0.35">
      <c r="A1350" s="52" t="s">
        <v>78</v>
      </c>
      <c r="B1350" s="52" t="s">
        <v>79</v>
      </c>
      <c r="C1350" s="3">
        <v>10</v>
      </c>
      <c r="D1350" s="52" t="s">
        <v>2020</v>
      </c>
      <c r="E1350" s="52" t="s">
        <v>102</v>
      </c>
      <c r="F1350" s="52" t="s">
        <v>112</v>
      </c>
      <c r="G1350" s="52" t="s">
        <v>108</v>
      </c>
      <c r="H1350" s="4">
        <v>1</v>
      </c>
      <c r="I1350" s="2">
        <v>0</v>
      </c>
    </row>
    <row r="1351" spans="1:9" hidden="1" x14ac:dyDescent="0.35">
      <c r="A1351" s="52" t="s">
        <v>78</v>
      </c>
      <c r="B1351" s="52" t="s">
        <v>79</v>
      </c>
      <c r="C1351" s="3">
        <v>10</v>
      </c>
      <c r="D1351" s="52" t="s">
        <v>2020</v>
      </c>
      <c r="E1351" s="52" t="s">
        <v>106</v>
      </c>
      <c r="F1351" s="52" t="s">
        <v>107</v>
      </c>
      <c r="G1351" s="52" t="s">
        <v>108</v>
      </c>
      <c r="H1351" s="4">
        <v>11</v>
      </c>
      <c r="I1351" s="2">
        <v>0</v>
      </c>
    </row>
    <row r="1352" spans="1:9" hidden="1" x14ac:dyDescent="0.35">
      <c r="A1352" s="52" t="s">
        <v>78</v>
      </c>
      <c r="B1352" s="52" t="s">
        <v>79</v>
      </c>
      <c r="C1352" s="3">
        <v>10</v>
      </c>
      <c r="D1352" s="52" t="s">
        <v>2020</v>
      </c>
      <c r="E1352" s="52" t="s">
        <v>111</v>
      </c>
      <c r="F1352" s="52" t="s">
        <v>101</v>
      </c>
      <c r="G1352" s="52" t="s">
        <v>82</v>
      </c>
      <c r="H1352" s="4">
        <v>353</v>
      </c>
      <c r="I1352" s="2">
        <v>0</v>
      </c>
    </row>
    <row r="1353" spans="1:9" hidden="1" x14ac:dyDescent="0.35">
      <c r="A1353" s="52" t="s">
        <v>78</v>
      </c>
      <c r="B1353" s="52" t="s">
        <v>79</v>
      </c>
      <c r="C1353" s="3">
        <v>10</v>
      </c>
      <c r="D1353" s="52" t="s">
        <v>2020</v>
      </c>
      <c r="E1353" s="52" t="s">
        <v>111</v>
      </c>
      <c r="F1353" s="52" t="s">
        <v>94</v>
      </c>
      <c r="G1353" s="52" t="s">
        <v>82</v>
      </c>
      <c r="H1353" s="4">
        <v>3</v>
      </c>
      <c r="I1353" s="2">
        <v>0</v>
      </c>
    </row>
    <row r="1354" spans="1:9" hidden="1" x14ac:dyDescent="0.35">
      <c r="A1354" s="52" t="s">
        <v>78</v>
      </c>
      <c r="B1354" s="52" t="s">
        <v>79</v>
      </c>
      <c r="C1354" s="3">
        <v>10</v>
      </c>
      <c r="D1354" s="52" t="s">
        <v>2020</v>
      </c>
      <c r="E1354" s="52" t="s">
        <v>122</v>
      </c>
      <c r="F1354" s="52" t="s">
        <v>123</v>
      </c>
      <c r="G1354" s="52" t="s">
        <v>108</v>
      </c>
      <c r="H1354" s="4">
        <v>847</v>
      </c>
      <c r="I1354" s="2">
        <v>0</v>
      </c>
    </row>
    <row r="1355" spans="1:9" hidden="1" x14ac:dyDescent="0.35">
      <c r="A1355" s="52" t="s">
        <v>78</v>
      </c>
      <c r="B1355" s="52" t="s">
        <v>79</v>
      </c>
      <c r="C1355" s="3">
        <v>10</v>
      </c>
      <c r="D1355" s="52" t="s">
        <v>2020</v>
      </c>
      <c r="E1355" s="52" t="s">
        <v>111</v>
      </c>
      <c r="F1355" s="52" t="s">
        <v>107</v>
      </c>
      <c r="G1355" s="52" t="s">
        <v>108</v>
      </c>
      <c r="H1355" s="4">
        <v>32</v>
      </c>
      <c r="I1355" s="2">
        <v>0</v>
      </c>
    </row>
    <row r="1356" spans="1:9" hidden="1" x14ac:dyDescent="0.35">
      <c r="A1356" s="52" t="s">
        <v>78</v>
      </c>
      <c r="B1356" s="52" t="s">
        <v>79</v>
      </c>
      <c r="C1356" s="3">
        <v>10</v>
      </c>
      <c r="D1356" s="52" t="s">
        <v>2020</v>
      </c>
      <c r="E1356" s="52" t="s">
        <v>113</v>
      </c>
      <c r="F1356" s="52" t="s">
        <v>114</v>
      </c>
      <c r="G1356" s="52" t="s">
        <v>115</v>
      </c>
      <c r="H1356" s="4">
        <v>1255</v>
      </c>
      <c r="I1356" s="2">
        <v>0</v>
      </c>
    </row>
    <row r="1357" spans="1:9" hidden="1" x14ac:dyDescent="0.35">
      <c r="A1357" s="52" t="s">
        <v>78</v>
      </c>
      <c r="B1357" s="52" t="s">
        <v>79</v>
      </c>
      <c r="C1357" s="3">
        <v>10</v>
      </c>
      <c r="D1357" s="52" t="s">
        <v>2020</v>
      </c>
      <c r="E1357" s="52" t="s">
        <v>106</v>
      </c>
      <c r="F1357" s="52" t="s">
        <v>101</v>
      </c>
      <c r="G1357" s="52" t="s">
        <v>108</v>
      </c>
      <c r="H1357" s="4">
        <v>2</v>
      </c>
      <c r="I1357" s="2">
        <v>0</v>
      </c>
    </row>
    <row r="1358" spans="1:9" hidden="1" x14ac:dyDescent="0.35">
      <c r="A1358" s="52" t="s">
        <v>78</v>
      </c>
      <c r="B1358" s="52" t="s">
        <v>79</v>
      </c>
      <c r="C1358" s="3">
        <v>10</v>
      </c>
      <c r="D1358" s="52" t="s">
        <v>2020</v>
      </c>
      <c r="E1358" s="52" t="s">
        <v>102</v>
      </c>
      <c r="F1358" s="52" t="s">
        <v>103</v>
      </c>
      <c r="G1358" s="52" t="s">
        <v>82</v>
      </c>
      <c r="H1358" s="4">
        <v>296</v>
      </c>
      <c r="I1358" s="2">
        <v>0</v>
      </c>
    </row>
    <row r="1359" spans="1:9" hidden="1" x14ac:dyDescent="0.35">
      <c r="A1359" s="52" t="s">
        <v>78</v>
      </c>
      <c r="B1359" s="52" t="s">
        <v>79</v>
      </c>
      <c r="C1359" s="3">
        <v>10</v>
      </c>
      <c r="D1359" s="52" t="s">
        <v>2020</v>
      </c>
      <c r="E1359" s="52" t="s">
        <v>111</v>
      </c>
      <c r="F1359" s="52" t="s">
        <v>103</v>
      </c>
      <c r="G1359" s="52" t="s">
        <v>82</v>
      </c>
      <c r="H1359" s="4">
        <v>9</v>
      </c>
      <c r="I1359" s="2">
        <v>0</v>
      </c>
    </row>
    <row r="1360" spans="1:9" hidden="1" x14ac:dyDescent="0.35">
      <c r="A1360" s="52" t="s">
        <v>78</v>
      </c>
      <c r="B1360" s="52" t="s">
        <v>79</v>
      </c>
      <c r="C1360" s="3">
        <v>10</v>
      </c>
      <c r="D1360" s="52" t="s">
        <v>2020</v>
      </c>
      <c r="E1360" s="52" t="s">
        <v>102</v>
      </c>
      <c r="F1360" s="52" t="s">
        <v>138</v>
      </c>
      <c r="G1360" s="52" t="s">
        <v>108</v>
      </c>
      <c r="H1360" s="4">
        <v>2</v>
      </c>
      <c r="I1360" s="2">
        <v>0</v>
      </c>
    </row>
    <row r="1361" spans="1:9" hidden="1" x14ac:dyDescent="0.35">
      <c r="A1361" s="52" t="s">
        <v>78</v>
      </c>
      <c r="B1361" s="52" t="s">
        <v>79</v>
      </c>
      <c r="C1361" s="3">
        <v>10</v>
      </c>
      <c r="D1361" s="52" t="s">
        <v>2020</v>
      </c>
      <c r="E1361" s="52" t="s">
        <v>106</v>
      </c>
      <c r="F1361" s="52" t="s">
        <v>103</v>
      </c>
      <c r="G1361" s="52" t="s">
        <v>82</v>
      </c>
      <c r="H1361" s="4">
        <v>4</v>
      </c>
      <c r="I1361" s="2">
        <v>0</v>
      </c>
    </row>
    <row r="1362" spans="1:9" x14ac:dyDescent="0.35">
      <c r="A1362" s="52" t="s">
        <v>78</v>
      </c>
      <c r="B1362" s="52" t="s">
        <v>79</v>
      </c>
      <c r="C1362" s="3">
        <v>10</v>
      </c>
      <c r="D1362" s="52" t="s">
        <v>2020</v>
      </c>
      <c r="E1362" s="52" t="s">
        <v>102</v>
      </c>
      <c r="F1362" s="52" t="s">
        <v>125</v>
      </c>
      <c r="G1362" s="52" t="s">
        <v>108</v>
      </c>
      <c r="H1362" s="4">
        <v>1</v>
      </c>
      <c r="I1362" s="2">
        <v>0</v>
      </c>
    </row>
    <row r="1363" spans="1:9" hidden="1" x14ac:dyDescent="0.35">
      <c r="A1363" s="52" t="s">
        <v>78</v>
      </c>
      <c r="B1363" s="52" t="s">
        <v>79</v>
      </c>
      <c r="C1363" s="3">
        <v>10</v>
      </c>
      <c r="D1363" s="52" t="s">
        <v>2020</v>
      </c>
      <c r="E1363" s="52" t="s">
        <v>111</v>
      </c>
      <c r="F1363" s="52" t="s">
        <v>81</v>
      </c>
      <c r="G1363" s="52" t="s">
        <v>82</v>
      </c>
      <c r="H1363" s="4">
        <v>3</v>
      </c>
      <c r="I1363" s="2">
        <v>0</v>
      </c>
    </row>
    <row r="1364" spans="1:9" x14ac:dyDescent="0.35">
      <c r="A1364" s="52" t="s">
        <v>78</v>
      </c>
      <c r="B1364" s="52" t="s">
        <v>79</v>
      </c>
      <c r="C1364" s="3">
        <v>10</v>
      </c>
      <c r="D1364" s="52" t="s">
        <v>2020</v>
      </c>
      <c r="E1364" s="52" t="s">
        <v>102</v>
      </c>
      <c r="F1364" s="52" t="s">
        <v>124</v>
      </c>
      <c r="G1364" s="52" t="s">
        <v>108</v>
      </c>
      <c r="H1364" s="4">
        <v>1</v>
      </c>
      <c r="I1364" s="2">
        <v>0</v>
      </c>
    </row>
    <row r="1365" spans="1:9" hidden="1" x14ac:dyDescent="0.35">
      <c r="A1365" s="52" t="s">
        <v>78</v>
      </c>
      <c r="B1365" s="52" t="s">
        <v>79</v>
      </c>
      <c r="C1365" s="3">
        <v>10</v>
      </c>
      <c r="D1365" s="52" t="s">
        <v>2020</v>
      </c>
      <c r="E1365" s="52" t="s">
        <v>131</v>
      </c>
      <c r="F1365" s="52" t="s">
        <v>129</v>
      </c>
      <c r="G1365" s="52" t="s">
        <v>108</v>
      </c>
      <c r="H1365" s="4">
        <v>2</v>
      </c>
      <c r="I1365" s="2">
        <v>0</v>
      </c>
    </row>
    <row r="1366" spans="1:9" hidden="1" x14ac:dyDescent="0.35">
      <c r="A1366" s="52" t="s">
        <v>78</v>
      </c>
      <c r="B1366" s="52" t="s">
        <v>79</v>
      </c>
      <c r="C1366" s="3">
        <v>10</v>
      </c>
      <c r="D1366" s="52" t="s">
        <v>2020</v>
      </c>
      <c r="E1366" s="52" t="s">
        <v>111</v>
      </c>
      <c r="F1366" s="52" t="s">
        <v>95</v>
      </c>
      <c r="G1366" s="52" t="s">
        <v>82</v>
      </c>
      <c r="H1366" s="4">
        <v>40</v>
      </c>
      <c r="I1366" s="2">
        <v>0</v>
      </c>
    </row>
    <row r="1367" spans="1:9" hidden="1" x14ac:dyDescent="0.35">
      <c r="A1367" s="52" t="s">
        <v>78</v>
      </c>
      <c r="B1367" s="52" t="s">
        <v>79</v>
      </c>
      <c r="C1367" s="3">
        <v>10</v>
      </c>
      <c r="D1367" s="52" t="s">
        <v>2020</v>
      </c>
      <c r="E1367" s="52" t="s">
        <v>109</v>
      </c>
      <c r="F1367" s="52" t="s">
        <v>110</v>
      </c>
      <c r="G1367" s="52" t="s">
        <v>108</v>
      </c>
      <c r="H1367" s="4">
        <v>6</v>
      </c>
      <c r="I1367" s="2">
        <v>0</v>
      </c>
    </row>
    <row r="1368" spans="1:9" hidden="1" x14ac:dyDescent="0.35">
      <c r="A1368" s="52" t="s">
        <v>78</v>
      </c>
      <c r="B1368" s="52" t="s">
        <v>79</v>
      </c>
      <c r="C1368" s="3">
        <v>10</v>
      </c>
      <c r="D1368" s="52" t="s">
        <v>2020</v>
      </c>
      <c r="E1368" s="52" t="s">
        <v>121</v>
      </c>
      <c r="F1368" s="52" t="s">
        <v>112</v>
      </c>
      <c r="G1368" s="52" t="s">
        <v>108</v>
      </c>
      <c r="H1368" s="4">
        <v>171</v>
      </c>
      <c r="I1368" s="2">
        <v>0</v>
      </c>
    </row>
    <row r="1369" spans="1:9" hidden="1" x14ac:dyDescent="0.35">
      <c r="A1369" s="52" t="s">
        <v>78</v>
      </c>
      <c r="B1369" s="52" t="s">
        <v>79</v>
      </c>
      <c r="C1369" s="3">
        <v>10</v>
      </c>
      <c r="D1369" s="52" t="s">
        <v>2020</v>
      </c>
      <c r="E1369" s="52" t="s">
        <v>102</v>
      </c>
      <c r="F1369" s="52" t="s">
        <v>101</v>
      </c>
      <c r="G1369" s="52" t="s">
        <v>108</v>
      </c>
      <c r="H1369" s="4">
        <v>8</v>
      </c>
      <c r="I1369" s="2">
        <v>0</v>
      </c>
    </row>
    <row r="1370" spans="1:9" hidden="1" x14ac:dyDescent="0.35">
      <c r="A1370" s="52" t="s">
        <v>78</v>
      </c>
      <c r="B1370" s="52" t="s">
        <v>79</v>
      </c>
      <c r="C1370" s="3">
        <v>10</v>
      </c>
      <c r="D1370" s="52" t="s">
        <v>2020</v>
      </c>
      <c r="E1370" s="52" t="s">
        <v>126</v>
      </c>
      <c r="F1370" s="52" t="s">
        <v>103</v>
      </c>
      <c r="G1370" s="52" t="s">
        <v>82</v>
      </c>
      <c r="H1370" s="4">
        <v>7</v>
      </c>
      <c r="I1370" s="2">
        <v>0</v>
      </c>
    </row>
    <row r="1371" spans="1:9" hidden="1" x14ac:dyDescent="0.35">
      <c r="A1371" s="52" t="s">
        <v>78</v>
      </c>
      <c r="B1371" s="52" t="s">
        <v>79</v>
      </c>
      <c r="C1371" s="3">
        <v>10</v>
      </c>
      <c r="D1371" s="52" t="s">
        <v>2020</v>
      </c>
      <c r="E1371" s="52" t="s">
        <v>111</v>
      </c>
      <c r="F1371" s="52" t="s">
        <v>105</v>
      </c>
      <c r="G1371" s="52" t="s">
        <v>82</v>
      </c>
      <c r="H1371" s="4">
        <v>40</v>
      </c>
      <c r="I1371" s="2">
        <v>0</v>
      </c>
    </row>
    <row r="1372" spans="1:9" x14ac:dyDescent="0.35">
      <c r="A1372" s="52" t="s">
        <v>78</v>
      </c>
      <c r="B1372" s="52" t="s">
        <v>79</v>
      </c>
      <c r="C1372" s="3">
        <v>10</v>
      </c>
      <c r="D1372" s="52" t="s">
        <v>2020</v>
      </c>
      <c r="E1372" s="52" t="s">
        <v>111</v>
      </c>
      <c r="F1372" s="52" t="s">
        <v>124</v>
      </c>
      <c r="G1372" s="52" t="s">
        <v>108</v>
      </c>
      <c r="H1372" s="4">
        <v>1</v>
      </c>
      <c r="I1372" s="2">
        <v>0</v>
      </c>
    </row>
    <row r="1373" spans="1:9" hidden="1" x14ac:dyDescent="0.35">
      <c r="A1373" s="52" t="s">
        <v>78</v>
      </c>
      <c r="B1373" s="52" t="s">
        <v>79</v>
      </c>
      <c r="C1373" s="3">
        <v>10</v>
      </c>
      <c r="D1373" s="52" t="s">
        <v>2020</v>
      </c>
      <c r="E1373" s="52" t="s">
        <v>120</v>
      </c>
      <c r="F1373" s="52" t="s">
        <v>116</v>
      </c>
      <c r="G1373" s="52" t="s">
        <v>115</v>
      </c>
      <c r="H1373" s="4">
        <v>702</v>
      </c>
      <c r="I1373" s="2">
        <v>0</v>
      </c>
    </row>
    <row r="1374" spans="1:9" x14ac:dyDescent="0.35">
      <c r="A1374" s="52" t="s">
        <v>78</v>
      </c>
      <c r="B1374" s="52" t="s">
        <v>79</v>
      </c>
      <c r="C1374" s="3">
        <v>10</v>
      </c>
      <c r="D1374" s="52" t="s">
        <v>2020</v>
      </c>
      <c r="E1374" s="52" t="s">
        <v>111</v>
      </c>
      <c r="F1374" s="52" t="s">
        <v>127</v>
      </c>
      <c r="G1374" s="52" t="s">
        <v>108</v>
      </c>
      <c r="H1374" s="4">
        <v>1</v>
      </c>
      <c r="I1374" s="2">
        <v>0</v>
      </c>
    </row>
    <row r="1375" spans="1:9" hidden="1" x14ac:dyDescent="0.35">
      <c r="A1375" s="52" t="s">
        <v>78</v>
      </c>
      <c r="B1375" s="52" t="s">
        <v>79</v>
      </c>
      <c r="C1375" s="3">
        <v>10</v>
      </c>
      <c r="D1375" s="52" t="s">
        <v>2020</v>
      </c>
      <c r="E1375" s="52" t="s">
        <v>118</v>
      </c>
      <c r="F1375" s="52" t="s">
        <v>119</v>
      </c>
      <c r="G1375" s="52" t="s">
        <v>115</v>
      </c>
      <c r="H1375" s="4">
        <v>702</v>
      </c>
      <c r="I1375" s="2">
        <v>0</v>
      </c>
    </row>
    <row r="1376" spans="1:9" hidden="1" x14ac:dyDescent="0.35">
      <c r="A1376" s="52" t="s">
        <v>78</v>
      </c>
      <c r="B1376" s="52" t="s">
        <v>79</v>
      </c>
      <c r="C1376" s="3">
        <v>10</v>
      </c>
      <c r="D1376" s="52" t="s">
        <v>2020</v>
      </c>
      <c r="E1376" s="52" t="s">
        <v>135</v>
      </c>
      <c r="F1376" s="52" t="s">
        <v>112</v>
      </c>
      <c r="G1376" s="52" t="s">
        <v>82</v>
      </c>
      <c r="H1376" s="4">
        <v>7706</v>
      </c>
      <c r="I1376" s="2">
        <v>0</v>
      </c>
    </row>
    <row r="1377" spans="1:9" hidden="1" x14ac:dyDescent="0.35">
      <c r="A1377" s="52" t="s">
        <v>78</v>
      </c>
      <c r="B1377" s="52" t="s">
        <v>79</v>
      </c>
      <c r="C1377" s="3">
        <v>10</v>
      </c>
      <c r="D1377" s="52" t="s">
        <v>2020</v>
      </c>
      <c r="E1377" s="52" t="s">
        <v>102</v>
      </c>
      <c r="F1377" s="52" t="s">
        <v>107</v>
      </c>
      <c r="G1377" s="52" t="s">
        <v>108</v>
      </c>
      <c r="H1377" s="4">
        <v>456</v>
      </c>
      <c r="I1377" s="2">
        <v>0</v>
      </c>
    </row>
    <row r="1378" spans="1:9" hidden="1" x14ac:dyDescent="0.35">
      <c r="A1378" s="52" t="s">
        <v>78</v>
      </c>
      <c r="B1378" s="52" t="s">
        <v>79</v>
      </c>
      <c r="C1378" s="3">
        <v>10</v>
      </c>
      <c r="D1378" s="52" t="s">
        <v>2020</v>
      </c>
      <c r="E1378" s="52" t="s">
        <v>111</v>
      </c>
      <c r="F1378" s="52" t="s">
        <v>93</v>
      </c>
      <c r="G1378" s="52" t="s">
        <v>82</v>
      </c>
      <c r="H1378" s="4">
        <v>32</v>
      </c>
      <c r="I1378" s="2">
        <v>0</v>
      </c>
    </row>
    <row r="1379" spans="1:9" hidden="1" x14ac:dyDescent="0.35">
      <c r="A1379" s="52" t="s">
        <v>78</v>
      </c>
      <c r="B1379" s="52" t="s">
        <v>79</v>
      </c>
      <c r="C1379" s="3">
        <v>10</v>
      </c>
      <c r="D1379" s="52" t="s">
        <v>2020</v>
      </c>
      <c r="E1379" s="52" t="s">
        <v>134</v>
      </c>
      <c r="F1379" s="52" t="s">
        <v>123</v>
      </c>
      <c r="G1379" s="52" t="s">
        <v>82</v>
      </c>
      <c r="H1379" s="4">
        <v>2113</v>
      </c>
      <c r="I1379" s="2">
        <v>0</v>
      </c>
    </row>
    <row r="1380" spans="1:9" hidden="1" x14ac:dyDescent="0.35">
      <c r="A1380" s="52" t="s">
        <v>78</v>
      </c>
      <c r="B1380" s="52" t="s">
        <v>79</v>
      </c>
      <c r="C1380" s="3">
        <v>10</v>
      </c>
      <c r="D1380" s="52" t="s">
        <v>2020</v>
      </c>
      <c r="E1380" s="52" t="s">
        <v>126</v>
      </c>
      <c r="F1380" s="52" t="s">
        <v>101</v>
      </c>
      <c r="G1380" s="52" t="s">
        <v>82</v>
      </c>
      <c r="H1380" s="4">
        <v>72</v>
      </c>
      <c r="I1380" s="2">
        <v>0</v>
      </c>
    </row>
    <row r="1381" spans="1:9" hidden="1" x14ac:dyDescent="0.35">
      <c r="A1381" s="52" t="s">
        <v>78</v>
      </c>
      <c r="B1381" s="52" t="s">
        <v>79</v>
      </c>
      <c r="C1381" s="3">
        <v>10</v>
      </c>
      <c r="D1381" s="52" t="s">
        <v>2020</v>
      </c>
      <c r="E1381" s="52" t="s">
        <v>102</v>
      </c>
      <c r="F1381" s="52" t="s">
        <v>127</v>
      </c>
      <c r="G1381" s="52" t="s">
        <v>108</v>
      </c>
      <c r="H1381" s="4">
        <v>215</v>
      </c>
      <c r="I1381" s="2">
        <v>0</v>
      </c>
    </row>
    <row r="1382" spans="1:9" hidden="1" x14ac:dyDescent="0.35">
      <c r="A1382" s="52" t="s">
        <v>78</v>
      </c>
      <c r="B1382" s="52" t="s">
        <v>79</v>
      </c>
      <c r="C1382" s="3">
        <v>10</v>
      </c>
      <c r="D1382" s="52" t="s">
        <v>2020</v>
      </c>
      <c r="E1382" s="52" t="s">
        <v>139</v>
      </c>
      <c r="F1382" s="52" t="s">
        <v>140</v>
      </c>
      <c r="G1382" s="52" t="s">
        <v>82</v>
      </c>
      <c r="H1382" s="4">
        <v>123</v>
      </c>
      <c r="I1382" s="2">
        <v>0</v>
      </c>
    </row>
    <row r="1383" spans="1:9" hidden="1" x14ac:dyDescent="0.35">
      <c r="A1383" s="52" t="s">
        <v>78</v>
      </c>
      <c r="B1383" s="52" t="s">
        <v>79</v>
      </c>
      <c r="C1383" s="3">
        <v>20</v>
      </c>
      <c r="D1383" s="52" t="s">
        <v>2020</v>
      </c>
      <c r="E1383" s="52" t="s">
        <v>90</v>
      </c>
      <c r="F1383" s="52" t="s">
        <v>91</v>
      </c>
      <c r="G1383" s="52" t="s">
        <v>82</v>
      </c>
      <c r="H1383" s="4">
        <v>8573</v>
      </c>
      <c r="I1383" s="2">
        <v>98082.26</v>
      </c>
    </row>
    <row r="1384" spans="1:9" hidden="1" x14ac:dyDescent="0.35">
      <c r="A1384" s="52" t="s">
        <v>78</v>
      </c>
      <c r="B1384" s="52" t="s">
        <v>79</v>
      </c>
      <c r="C1384" s="3">
        <v>20</v>
      </c>
      <c r="D1384" s="52" t="s">
        <v>2020</v>
      </c>
      <c r="E1384" s="52" t="s">
        <v>36</v>
      </c>
      <c r="F1384" s="52" t="s">
        <v>95</v>
      </c>
      <c r="G1384" s="52" t="s">
        <v>82</v>
      </c>
      <c r="H1384" s="4">
        <v>580</v>
      </c>
      <c r="I1384" s="2">
        <v>2726</v>
      </c>
    </row>
    <row r="1385" spans="1:9" hidden="1" x14ac:dyDescent="0.35">
      <c r="A1385" s="52" t="s">
        <v>78</v>
      </c>
      <c r="B1385" s="52" t="s">
        <v>79</v>
      </c>
      <c r="C1385" s="3">
        <v>20</v>
      </c>
      <c r="D1385" s="52" t="s">
        <v>2020</v>
      </c>
      <c r="E1385" s="52" t="s">
        <v>26</v>
      </c>
      <c r="F1385" s="52" t="s">
        <v>81</v>
      </c>
      <c r="G1385" s="52" t="s">
        <v>82</v>
      </c>
      <c r="H1385" s="4">
        <v>154</v>
      </c>
      <c r="I1385" s="2">
        <v>2256.1</v>
      </c>
    </row>
    <row r="1386" spans="1:9" hidden="1" x14ac:dyDescent="0.35">
      <c r="A1386" s="52" t="s">
        <v>78</v>
      </c>
      <c r="B1386" s="52" t="s">
        <v>79</v>
      </c>
      <c r="C1386" s="3">
        <v>20</v>
      </c>
      <c r="D1386" s="52" t="s">
        <v>2020</v>
      </c>
      <c r="E1386" s="52" t="s">
        <v>29</v>
      </c>
      <c r="F1386" s="52" t="s">
        <v>94</v>
      </c>
      <c r="G1386" s="52" t="s">
        <v>82</v>
      </c>
      <c r="H1386" s="4">
        <v>6</v>
      </c>
      <c r="I1386" s="2">
        <v>1410.95</v>
      </c>
    </row>
    <row r="1387" spans="1:9" hidden="1" x14ac:dyDescent="0.35">
      <c r="A1387" s="52" t="s">
        <v>78</v>
      </c>
      <c r="B1387" s="52" t="s">
        <v>79</v>
      </c>
      <c r="C1387" s="3">
        <v>20</v>
      </c>
      <c r="D1387" s="52" t="s">
        <v>2020</v>
      </c>
      <c r="E1387" s="52" t="s">
        <v>38</v>
      </c>
      <c r="F1387" s="52" t="s">
        <v>97</v>
      </c>
      <c r="G1387" s="52" t="s">
        <v>82</v>
      </c>
      <c r="H1387" s="4">
        <v>133</v>
      </c>
      <c r="I1387" s="2">
        <v>1109.3</v>
      </c>
    </row>
    <row r="1388" spans="1:9" x14ac:dyDescent="0.35">
      <c r="A1388" s="52" t="s">
        <v>78</v>
      </c>
      <c r="B1388" s="52" t="s">
        <v>79</v>
      </c>
      <c r="C1388" s="3">
        <v>20</v>
      </c>
      <c r="D1388" s="52" t="s">
        <v>2020</v>
      </c>
      <c r="E1388" s="52" t="s">
        <v>88</v>
      </c>
      <c r="F1388" s="52" t="s">
        <v>89</v>
      </c>
      <c r="G1388" s="52" t="s">
        <v>82</v>
      </c>
      <c r="H1388" s="4">
        <v>1</v>
      </c>
      <c r="I1388" s="2">
        <v>132.66</v>
      </c>
    </row>
    <row r="1389" spans="1:9" hidden="1" x14ac:dyDescent="0.35">
      <c r="A1389" s="52" t="s">
        <v>78</v>
      </c>
      <c r="B1389" s="52" t="s">
        <v>79</v>
      </c>
      <c r="C1389" s="3">
        <v>20</v>
      </c>
      <c r="D1389" s="52" t="s">
        <v>2020</v>
      </c>
      <c r="E1389" s="52" t="s">
        <v>92</v>
      </c>
      <c r="F1389" s="52" t="s">
        <v>93</v>
      </c>
      <c r="G1389" s="52" t="s">
        <v>82</v>
      </c>
      <c r="H1389" s="4">
        <v>11</v>
      </c>
      <c r="I1389" s="2">
        <v>78.510000000000005</v>
      </c>
    </row>
    <row r="1390" spans="1:9" x14ac:dyDescent="0.35">
      <c r="A1390" s="52" t="s">
        <v>78</v>
      </c>
      <c r="B1390" s="52" t="s">
        <v>79</v>
      </c>
      <c r="C1390" s="3">
        <v>20</v>
      </c>
      <c r="D1390" s="52" t="s">
        <v>2020</v>
      </c>
      <c r="E1390" s="52" t="s">
        <v>33</v>
      </c>
      <c r="F1390" s="52" t="s">
        <v>99</v>
      </c>
      <c r="G1390" s="52" t="s">
        <v>82</v>
      </c>
      <c r="H1390" s="4">
        <v>1</v>
      </c>
      <c r="I1390" s="2">
        <v>48</v>
      </c>
    </row>
    <row r="1391" spans="1:9" hidden="1" x14ac:dyDescent="0.35">
      <c r="A1391" s="52" t="s">
        <v>78</v>
      </c>
      <c r="B1391" s="52" t="s">
        <v>79</v>
      </c>
      <c r="C1391" s="3">
        <v>20</v>
      </c>
      <c r="D1391" s="52" t="s">
        <v>2020</v>
      </c>
      <c r="E1391" s="52" t="s">
        <v>914</v>
      </c>
      <c r="F1391" s="52" t="s">
        <v>91</v>
      </c>
      <c r="G1391" s="52" t="s">
        <v>82</v>
      </c>
      <c r="H1391" s="4">
        <v>39</v>
      </c>
      <c r="I1391" s="2">
        <v>32.76</v>
      </c>
    </row>
    <row r="1392" spans="1:9" x14ac:dyDescent="0.35">
      <c r="A1392" s="52" t="s">
        <v>78</v>
      </c>
      <c r="B1392" s="52" t="s">
        <v>79</v>
      </c>
      <c r="C1392" s="3">
        <v>20</v>
      </c>
      <c r="D1392" s="52" t="s">
        <v>2020</v>
      </c>
      <c r="E1392" s="52" t="s">
        <v>40</v>
      </c>
      <c r="F1392" s="52" t="s">
        <v>96</v>
      </c>
      <c r="G1392" s="52" t="s">
        <v>82</v>
      </c>
      <c r="H1392" s="4">
        <v>1</v>
      </c>
      <c r="I1392" s="2">
        <v>25</v>
      </c>
    </row>
    <row r="1393" spans="1:9" hidden="1" x14ac:dyDescent="0.35">
      <c r="A1393" s="52" t="s">
        <v>78</v>
      </c>
      <c r="B1393" s="52" t="s">
        <v>79</v>
      </c>
      <c r="C1393" s="3">
        <v>20</v>
      </c>
      <c r="D1393" s="52" t="s">
        <v>2020</v>
      </c>
      <c r="E1393" s="52" t="s">
        <v>111</v>
      </c>
      <c r="F1393" s="52" t="s">
        <v>94</v>
      </c>
      <c r="G1393" s="52" t="s">
        <v>82</v>
      </c>
      <c r="H1393" s="4">
        <v>5</v>
      </c>
      <c r="I1393" s="2">
        <v>0</v>
      </c>
    </row>
    <row r="1394" spans="1:9" hidden="1" x14ac:dyDescent="0.35">
      <c r="A1394" s="52" t="s">
        <v>78</v>
      </c>
      <c r="B1394" s="52" t="s">
        <v>79</v>
      </c>
      <c r="C1394" s="3">
        <v>20</v>
      </c>
      <c r="D1394" s="52" t="s">
        <v>2020</v>
      </c>
      <c r="E1394" s="52" t="s">
        <v>102</v>
      </c>
      <c r="F1394" s="52" t="s">
        <v>127</v>
      </c>
      <c r="G1394" s="52" t="s">
        <v>108</v>
      </c>
      <c r="H1394" s="4">
        <v>409</v>
      </c>
      <c r="I1394" s="2">
        <v>0</v>
      </c>
    </row>
    <row r="1395" spans="1:9" hidden="1" x14ac:dyDescent="0.35">
      <c r="A1395" s="52" t="s">
        <v>78</v>
      </c>
      <c r="B1395" s="52" t="s">
        <v>79</v>
      </c>
      <c r="C1395" s="3">
        <v>20</v>
      </c>
      <c r="D1395" s="52" t="s">
        <v>2020</v>
      </c>
      <c r="E1395" s="52" t="s">
        <v>102</v>
      </c>
      <c r="F1395" s="52" t="s">
        <v>103</v>
      </c>
      <c r="G1395" s="52" t="s">
        <v>82</v>
      </c>
      <c r="H1395" s="4">
        <v>506</v>
      </c>
      <c r="I1395" s="2">
        <v>0</v>
      </c>
    </row>
    <row r="1396" spans="1:9" hidden="1" x14ac:dyDescent="0.35">
      <c r="A1396" s="52" t="s">
        <v>78</v>
      </c>
      <c r="B1396" s="52" t="s">
        <v>79</v>
      </c>
      <c r="C1396" s="3">
        <v>20</v>
      </c>
      <c r="D1396" s="52" t="s">
        <v>2020</v>
      </c>
      <c r="E1396" s="52" t="s">
        <v>111</v>
      </c>
      <c r="F1396" s="52" t="s">
        <v>95</v>
      </c>
      <c r="G1396" s="52" t="s">
        <v>82</v>
      </c>
      <c r="H1396" s="4">
        <v>108</v>
      </c>
      <c r="I1396" s="2">
        <v>0</v>
      </c>
    </row>
    <row r="1397" spans="1:9" hidden="1" x14ac:dyDescent="0.35">
      <c r="A1397" s="52" t="s">
        <v>78</v>
      </c>
      <c r="B1397" s="52" t="s">
        <v>79</v>
      </c>
      <c r="C1397" s="3">
        <v>20</v>
      </c>
      <c r="D1397" s="52" t="s">
        <v>2020</v>
      </c>
      <c r="E1397" s="52" t="s">
        <v>134</v>
      </c>
      <c r="F1397" s="52" t="s">
        <v>123</v>
      </c>
      <c r="G1397" s="52" t="s">
        <v>82</v>
      </c>
      <c r="H1397" s="4">
        <v>3771</v>
      </c>
      <c r="I1397" s="2">
        <v>0</v>
      </c>
    </row>
    <row r="1398" spans="1:9" x14ac:dyDescent="0.35">
      <c r="A1398" s="52" t="s">
        <v>78</v>
      </c>
      <c r="B1398" s="52" t="s">
        <v>79</v>
      </c>
      <c r="C1398" s="3">
        <v>20</v>
      </c>
      <c r="D1398" s="52" t="s">
        <v>2020</v>
      </c>
      <c r="E1398" s="52" t="s">
        <v>102</v>
      </c>
      <c r="F1398" s="52" t="s">
        <v>95</v>
      </c>
      <c r="G1398" s="52" t="s">
        <v>108</v>
      </c>
      <c r="H1398" s="4">
        <v>1</v>
      </c>
      <c r="I1398" s="2">
        <v>0</v>
      </c>
    </row>
    <row r="1399" spans="1:9" x14ac:dyDescent="0.35">
      <c r="A1399" s="52" t="s">
        <v>78</v>
      </c>
      <c r="B1399" s="52" t="s">
        <v>79</v>
      </c>
      <c r="C1399" s="3">
        <v>20</v>
      </c>
      <c r="D1399" s="52" t="s">
        <v>2020</v>
      </c>
      <c r="E1399" s="52" t="s">
        <v>102</v>
      </c>
      <c r="F1399" s="52" t="s">
        <v>93</v>
      </c>
      <c r="G1399" s="52" t="s">
        <v>108</v>
      </c>
      <c r="H1399" s="4">
        <v>1</v>
      </c>
      <c r="I1399" s="2">
        <v>0</v>
      </c>
    </row>
    <row r="1400" spans="1:9" hidden="1" x14ac:dyDescent="0.35">
      <c r="A1400" s="52" t="s">
        <v>78</v>
      </c>
      <c r="B1400" s="52" t="s">
        <v>79</v>
      </c>
      <c r="C1400" s="3">
        <v>20</v>
      </c>
      <c r="D1400" s="52" t="s">
        <v>2020</v>
      </c>
      <c r="E1400" s="52" t="s">
        <v>106</v>
      </c>
      <c r="F1400" s="52" t="s">
        <v>127</v>
      </c>
      <c r="G1400" s="52" t="s">
        <v>108</v>
      </c>
      <c r="H1400" s="4">
        <v>10</v>
      </c>
      <c r="I1400" s="2">
        <v>0</v>
      </c>
    </row>
    <row r="1401" spans="1:9" hidden="1" x14ac:dyDescent="0.35">
      <c r="A1401" s="52" t="s">
        <v>78</v>
      </c>
      <c r="B1401" s="52" t="s">
        <v>79</v>
      </c>
      <c r="C1401" s="3">
        <v>20</v>
      </c>
      <c r="D1401" s="52" t="s">
        <v>2020</v>
      </c>
      <c r="E1401" s="52" t="s">
        <v>131</v>
      </c>
      <c r="F1401" s="52" t="s">
        <v>129</v>
      </c>
      <c r="G1401" s="52" t="s">
        <v>108</v>
      </c>
      <c r="H1401" s="4">
        <v>4</v>
      </c>
      <c r="I1401" s="2">
        <v>0</v>
      </c>
    </row>
    <row r="1402" spans="1:9" hidden="1" x14ac:dyDescent="0.35">
      <c r="A1402" s="52" t="s">
        <v>78</v>
      </c>
      <c r="B1402" s="52" t="s">
        <v>79</v>
      </c>
      <c r="C1402" s="3">
        <v>20</v>
      </c>
      <c r="D1402" s="52" t="s">
        <v>2020</v>
      </c>
      <c r="E1402" s="52" t="s">
        <v>106</v>
      </c>
      <c r="F1402" s="52" t="s">
        <v>103</v>
      </c>
      <c r="G1402" s="52" t="s">
        <v>82</v>
      </c>
      <c r="H1402" s="4">
        <v>3</v>
      </c>
      <c r="I1402" s="2">
        <v>0</v>
      </c>
    </row>
    <row r="1403" spans="1:9" hidden="1" x14ac:dyDescent="0.35">
      <c r="A1403" s="52" t="s">
        <v>78</v>
      </c>
      <c r="B1403" s="52" t="s">
        <v>79</v>
      </c>
      <c r="C1403" s="3">
        <v>20</v>
      </c>
      <c r="D1403" s="52" t="s">
        <v>2020</v>
      </c>
      <c r="E1403" s="52" t="s">
        <v>109</v>
      </c>
      <c r="F1403" s="52" t="s">
        <v>110</v>
      </c>
      <c r="G1403" s="52" t="s">
        <v>108</v>
      </c>
      <c r="H1403" s="4">
        <v>18</v>
      </c>
      <c r="I1403" s="2">
        <v>0</v>
      </c>
    </row>
    <row r="1404" spans="1:9" hidden="1" x14ac:dyDescent="0.35">
      <c r="A1404" s="52" t="s">
        <v>78</v>
      </c>
      <c r="B1404" s="52" t="s">
        <v>79</v>
      </c>
      <c r="C1404" s="3">
        <v>20</v>
      </c>
      <c r="D1404" s="52" t="s">
        <v>2020</v>
      </c>
      <c r="E1404" s="52" t="s">
        <v>126</v>
      </c>
      <c r="F1404" s="52" t="s">
        <v>101</v>
      </c>
      <c r="G1404" s="52" t="s">
        <v>82</v>
      </c>
      <c r="H1404" s="4">
        <v>122</v>
      </c>
      <c r="I1404" s="2">
        <v>0</v>
      </c>
    </row>
    <row r="1405" spans="1:9" hidden="1" x14ac:dyDescent="0.35">
      <c r="A1405" s="52" t="s">
        <v>78</v>
      </c>
      <c r="B1405" s="52" t="s">
        <v>79</v>
      </c>
      <c r="C1405" s="3">
        <v>20</v>
      </c>
      <c r="D1405" s="52" t="s">
        <v>2020</v>
      </c>
      <c r="E1405" s="52" t="s">
        <v>128</v>
      </c>
      <c r="F1405" s="52" t="s">
        <v>129</v>
      </c>
      <c r="G1405" s="52" t="s">
        <v>82</v>
      </c>
      <c r="H1405" s="4">
        <v>8</v>
      </c>
      <c r="I1405" s="2">
        <v>0</v>
      </c>
    </row>
    <row r="1406" spans="1:9" hidden="1" x14ac:dyDescent="0.35">
      <c r="A1406" s="52" t="s">
        <v>78</v>
      </c>
      <c r="B1406" s="52" t="s">
        <v>79</v>
      </c>
      <c r="C1406" s="3">
        <v>20</v>
      </c>
      <c r="D1406" s="52" t="s">
        <v>2020</v>
      </c>
      <c r="E1406" s="52" t="s">
        <v>106</v>
      </c>
      <c r="F1406" s="52" t="s">
        <v>101</v>
      </c>
      <c r="G1406" s="52" t="s">
        <v>108</v>
      </c>
      <c r="H1406" s="4">
        <v>2</v>
      </c>
      <c r="I1406" s="2">
        <v>0</v>
      </c>
    </row>
    <row r="1407" spans="1:9" hidden="1" x14ac:dyDescent="0.35">
      <c r="A1407" s="52" t="s">
        <v>78</v>
      </c>
      <c r="B1407" s="52" t="s">
        <v>79</v>
      </c>
      <c r="C1407" s="3">
        <v>20</v>
      </c>
      <c r="D1407" s="52" t="s">
        <v>2020</v>
      </c>
      <c r="E1407" s="52" t="s">
        <v>117</v>
      </c>
      <c r="F1407" s="52" t="s">
        <v>116</v>
      </c>
      <c r="G1407" s="52" t="s">
        <v>82</v>
      </c>
      <c r="H1407" s="4">
        <v>2475</v>
      </c>
      <c r="I1407" s="2">
        <v>0</v>
      </c>
    </row>
    <row r="1408" spans="1:9" hidden="1" x14ac:dyDescent="0.35">
      <c r="A1408" s="52" t="s">
        <v>78</v>
      </c>
      <c r="B1408" s="52" t="s">
        <v>79</v>
      </c>
      <c r="C1408" s="3">
        <v>20</v>
      </c>
      <c r="D1408" s="52" t="s">
        <v>2020</v>
      </c>
      <c r="E1408" s="52" t="s">
        <v>111</v>
      </c>
      <c r="F1408" s="52" t="s">
        <v>127</v>
      </c>
      <c r="G1408" s="52" t="s">
        <v>108</v>
      </c>
      <c r="H1408" s="4">
        <v>2</v>
      </c>
      <c r="I1408" s="2">
        <v>0</v>
      </c>
    </row>
    <row r="1409" spans="1:9" hidden="1" x14ac:dyDescent="0.35">
      <c r="A1409" s="52" t="s">
        <v>78</v>
      </c>
      <c r="B1409" s="52" t="s">
        <v>79</v>
      </c>
      <c r="C1409" s="3">
        <v>20</v>
      </c>
      <c r="D1409" s="52" t="s">
        <v>2020</v>
      </c>
      <c r="E1409" s="52" t="s">
        <v>111</v>
      </c>
      <c r="F1409" s="52" t="s">
        <v>81</v>
      </c>
      <c r="G1409" s="52" t="s">
        <v>82</v>
      </c>
      <c r="H1409" s="4">
        <v>29</v>
      </c>
      <c r="I1409" s="2">
        <v>0</v>
      </c>
    </row>
    <row r="1410" spans="1:9" hidden="1" x14ac:dyDescent="0.35">
      <c r="A1410" s="52" t="s">
        <v>78</v>
      </c>
      <c r="B1410" s="52" t="s">
        <v>79</v>
      </c>
      <c r="C1410" s="3">
        <v>20</v>
      </c>
      <c r="D1410" s="52" t="s">
        <v>2020</v>
      </c>
      <c r="E1410" s="52" t="s">
        <v>126</v>
      </c>
      <c r="F1410" s="52" t="s">
        <v>103</v>
      </c>
      <c r="G1410" s="52" t="s">
        <v>82</v>
      </c>
      <c r="H1410" s="4">
        <v>16</v>
      </c>
      <c r="I1410" s="2">
        <v>0</v>
      </c>
    </row>
    <row r="1411" spans="1:9" hidden="1" x14ac:dyDescent="0.35">
      <c r="A1411" s="52" t="s">
        <v>78</v>
      </c>
      <c r="B1411" s="52" t="s">
        <v>79</v>
      </c>
      <c r="C1411" s="3">
        <v>20</v>
      </c>
      <c r="D1411" s="52" t="s">
        <v>2020</v>
      </c>
      <c r="E1411" s="52" t="s">
        <v>120</v>
      </c>
      <c r="F1411" s="52" t="s">
        <v>116</v>
      </c>
      <c r="G1411" s="52" t="s">
        <v>115</v>
      </c>
      <c r="H1411" s="4">
        <v>1225</v>
      </c>
      <c r="I1411" s="2">
        <v>0</v>
      </c>
    </row>
    <row r="1412" spans="1:9" hidden="1" x14ac:dyDescent="0.35">
      <c r="A1412" s="52" t="s">
        <v>78</v>
      </c>
      <c r="B1412" s="52" t="s">
        <v>79</v>
      </c>
      <c r="C1412" s="3">
        <v>20</v>
      </c>
      <c r="D1412" s="52" t="s">
        <v>2020</v>
      </c>
      <c r="E1412" s="52" t="s">
        <v>135</v>
      </c>
      <c r="F1412" s="52" t="s">
        <v>112</v>
      </c>
      <c r="G1412" s="52" t="s">
        <v>82</v>
      </c>
      <c r="H1412" s="4">
        <v>15611</v>
      </c>
      <c r="I1412" s="2">
        <v>0</v>
      </c>
    </row>
    <row r="1413" spans="1:9" hidden="1" x14ac:dyDescent="0.35">
      <c r="A1413" s="52" t="s">
        <v>78</v>
      </c>
      <c r="B1413" s="52" t="s">
        <v>79</v>
      </c>
      <c r="C1413" s="3">
        <v>20</v>
      </c>
      <c r="D1413" s="52" t="s">
        <v>2020</v>
      </c>
      <c r="E1413" s="52" t="s">
        <v>111</v>
      </c>
      <c r="F1413" s="52" t="s">
        <v>107</v>
      </c>
      <c r="G1413" s="52" t="s">
        <v>108</v>
      </c>
      <c r="H1413" s="4">
        <v>55</v>
      </c>
      <c r="I1413" s="2">
        <v>0</v>
      </c>
    </row>
    <row r="1414" spans="1:9" x14ac:dyDescent="0.35">
      <c r="A1414" s="52" t="s">
        <v>78</v>
      </c>
      <c r="B1414" s="52" t="s">
        <v>79</v>
      </c>
      <c r="C1414" s="3">
        <v>20</v>
      </c>
      <c r="D1414" s="52" t="s">
        <v>2020</v>
      </c>
      <c r="E1414" s="52" t="s">
        <v>102</v>
      </c>
      <c r="F1414" s="52" t="s">
        <v>97</v>
      </c>
      <c r="G1414" s="52" t="s">
        <v>108</v>
      </c>
      <c r="H1414" s="4">
        <v>1</v>
      </c>
      <c r="I1414" s="2">
        <v>0</v>
      </c>
    </row>
    <row r="1415" spans="1:9" x14ac:dyDescent="0.35">
      <c r="A1415" s="52" t="s">
        <v>78</v>
      </c>
      <c r="B1415" s="52" t="s">
        <v>79</v>
      </c>
      <c r="C1415" s="3">
        <v>20</v>
      </c>
      <c r="D1415" s="52" t="s">
        <v>2020</v>
      </c>
      <c r="E1415" s="52" t="s">
        <v>102</v>
      </c>
      <c r="F1415" s="52" t="s">
        <v>124</v>
      </c>
      <c r="G1415" s="52" t="s">
        <v>108</v>
      </c>
      <c r="H1415" s="4">
        <v>1</v>
      </c>
      <c r="I1415" s="2">
        <v>0</v>
      </c>
    </row>
    <row r="1416" spans="1:9" hidden="1" x14ac:dyDescent="0.35">
      <c r="A1416" s="52" t="s">
        <v>78</v>
      </c>
      <c r="B1416" s="52" t="s">
        <v>79</v>
      </c>
      <c r="C1416" s="3">
        <v>20</v>
      </c>
      <c r="D1416" s="52" t="s">
        <v>2020</v>
      </c>
      <c r="E1416" s="52" t="s">
        <v>102</v>
      </c>
      <c r="F1416" s="52" t="s">
        <v>107</v>
      </c>
      <c r="G1416" s="52" t="s">
        <v>108</v>
      </c>
      <c r="H1416" s="4">
        <v>820</v>
      </c>
      <c r="I1416" s="2">
        <v>0</v>
      </c>
    </row>
    <row r="1417" spans="1:9" hidden="1" x14ac:dyDescent="0.35">
      <c r="A1417" s="52" t="s">
        <v>78</v>
      </c>
      <c r="B1417" s="52" t="s">
        <v>79</v>
      </c>
      <c r="C1417" s="3">
        <v>20</v>
      </c>
      <c r="D1417" s="52" t="s">
        <v>2020</v>
      </c>
      <c r="E1417" s="52" t="s">
        <v>106</v>
      </c>
      <c r="F1417" s="52" t="s">
        <v>107</v>
      </c>
      <c r="G1417" s="52" t="s">
        <v>108</v>
      </c>
      <c r="H1417" s="4">
        <v>28</v>
      </c>
      <c r="I1417" s="2">
        <v>0</v>
      </c>
    </row>
    <row r="1418" spans="1:9" hidden="1" x14ac:dyDescent="0.35">
      <c r="A1418" s="52" t="s">
        <v>78</v>
      </c>
      <c r="B1418" s="52" t="s">
        <v>79</v>
      </c>
      <c r="C1418" s="3">
        <v>20</v>
      </c>
      <c r="D1418" s="52" t="s">
        <v>2020</v>
      </c>
      <c r="E1418" s="52" t="s">
        <v>113</v>
      </c>
      <c r="F1418" s="52" t="s">
        <v>114</v>
      </c>
      <c r="G1418" s="52" t="s">
        <v>115</v>
      </c>
      <c r="H1418" s="4">
        <v>2994</v>
      </c>
      <c r="I1418" s="2">
        <v>0</v>
      </c>
    </row>
    <row r="1419" spans="1:9" hidden="1" x14ac:dyDescent="0.35">
      <c r="A1419" s="52" t="s">
        <v>78</v>
      </c>
      <c r="B1419" s="52" t="s">
        <v>79</v>
      </c>
      <c r="C1419" s="3">
        <v>20</v>
      </c>
      <c r="D1419" s="52" t="s">
        <v>2020</v>
      </c>
      <c r="E1419" s="52" t="s">
        <v>102</v>
      </c>
      <c r="F1419" s="52" t="s">
        <v>112</v>
      </c>
      <c r="G1419" s="52" t="s">
        <v>108</v>
      </c>
      <c r="H1419" s="4">
        <v>2</v>
      </c>
      <c r="I1419" s="2">
        <v>0</v>
      </c>
    </row>
    <row r="1420" spans="1:9" hidden="1" x14ac:dyDescent="0.35">
      <c r="A1420" s="52" t="s">
        <v>78</v>
      </c>
      <c r="B1420" s="52" t="s">
        <v>79</v>
      </c>
      <c r="C1420" s="3">
        <v>20</v>
      </c>
      <c r="D1420" s="52" t="s">
        <v>2020</v>
      </c>
      <c r="E1420" s="52" t="s">
        <v>111</v>
      </c>
      <c r="F1420" s="52" t="s">
        <v>103</v>
      </c>
      <c r="G1420" s="52" t="s">
        <v>82</v>
      </c>
      <c r="H1420" s="4">
        <v>21</v>
      </c>
      <c r="I1420" s="2">
        <v>0</v>
      </c>
    </row>
    <row r="1421" spans="1:9" hidden="1" x14ac:dyDescent="0.35">
      <c r="A1421" s="52" t="s">
        <v>78</v>
      </c>
      <c r="B1421" s="52" t="s">
        <v>79</v>
      </c>
      <c r="C1421" s="3">
        <v>20</v>
      </c>
      <c r="D1421" s="52" t="s">
        <v>2020</v>
      </c>
      <c r="E1421" s="52" t="s">
        <v>102</v>
      </c>
      <c r="F1421" s="52" t="s">
        <v>101</v>
      </c>
      <c r="G1421" s="52" t="s">
        <v>108</v>
      </c>
      <c r="H1421" s="4">
        <v>16</v>
      </c>
      <c r="I1421" s="2">
        <v>0</v>
      </c>
    </row>
    <row r="1422" spans="1:9" hidden="1" x14ac:dyDescent="0.35">
      <c r="A1422" s="52" t="s">
        <v>78</v>
      </c>
      <c r="B1422" s="52" t="s">
        <v>79</v>
      </c>
      <c r="C1422" s="3">
        <v>20</v>
      </c>
      <c r="D1422" s="52" t="s">
        <v>2020</v>
      </c>
      <c r="E1422" s="52" t="s">
        <v>139</v>
      </c>
      <c r="F1422" s="52" t="s">
        <v>140</v>
      </c>
      <c r="G1422" s="52" t="s">
        <v>82</v>
      </c>
      <c r="H1422" s="4">
        <v>222</v>
      </c>
      <c r="I1422" s="2">
        <v>0</v>
      </c>
    </row>
    <row r="1423" spans="1:9" x14ac:dyDescent="0.35">
      <c r="A1423" s="52" t="s">
        <v>78</v>
      </c>
      <c r="B1423" s="52" t="s">
        <v>79</v>
      </c>
      <c r="C1423" s="3">
        <v>20</v>
      </c>
      <c r="D1423" s="52" t="s">
        <v>2020</v>
      </c>
      <c r="E1423" s="52" t="s">
        <v>102</v>
      </c>
      <c r="F1423" s="52" t="s">
        <v>138</v>
      </c>
      <c r="G1423" s="52" t="s">
        <v>108</v>
      </c>
      <c r="H1423" s="4">
        <v>1</v>
      </c>
      <c r="I1423" s="2">
        <v>0</v>
      </c>
    </row>
    <row r="1424" spans="1:9" hidden="1" x14ac:dyDescent="0.35">
      <c r="A1424" s="52" t="s">
        <v>78</v>
      </c>
      <c r="B1424" s="52" t="s">
        <v>79</v>
      </c>
      <c r="C1424" s="3">
        <v>20</v>
      </c>
      <c r="D1424" s="52" t="s">
        <v>2020</v>
      </c>
      <c r="E1424" s="52" t="s">
        <v>111</v>
      </c>
      <c r="F1424" s="52" t="s">
        <v>105</v>
      </c>
      <c r="G1424" s="52" t="s">
        <v>82</v>
      </c>
      <c r="H1424" s="4">
        <v>150</v>
      </c>
      <c r="I1424" s="2">
        <v>0</v>
      </c>
    </row>
    <row r="1425" spans="1:9" hidden="1" x14ac:dyDescent="0.35">
      <c r="A1425" s="52" t="s">
        <v>78</v>
      </c>
      <c r="B1425" s="52" t="s">
        <v>79</v>
      </c>
      <c r="C1425" s="3">
        <v>20</v>
      </c>
      <c r="D1425" s="52" t="s">
        <v>2020</v>
      </c>
      <c r="E1425" s="52" t="s">
        <v>122</v>
      </c>
      <c r="F1425" s="52" t="s">
        <v>123</v>
      </c>
      <c r="G1425" s="52" t="s">
        <v>108</v>
      </c>
      <c r="H1425" s="4">
        <v>1251</v>
      </c>
      <c r="I1425" s="2">
        <v>0</v>
      </c>
    </row>
    <row r="1426" spans="1:9" hidden="1" x14ac:dyDescent="0.35">
      <c r="A1426" s="52" t="s">
        <v>78</v>
      </c>
      <c r="B1426" s="52" t="s">
        <v>79</v>
      </c>
      <c r="C1426" s="3">
        <v>20</v>
      </c>
      <c r="D1426" s="52" t="s">
        <v>2020</v>
      </c>
      <c r="E1426" s="52" t="s">
        <v>121</v>
      </c>
      <c r="F1426" s="52" t="s">
        <v>112</v>
      </c>
      <c r="G1426" s="52" t="s">
        <v>108</v>
      </c>
      <c r="H1426" s="4">
        <v>195</v>
      </c>
      <c r="I1426" s="2">
        <v>0</v>
      </c>
    </row>
    <row r="1427" spans="1:9" hidden="1" x14ac:dyDescent="0.35">
      <c r="A1427" s="52" t="s">
        <v>78</v>
      </c>
      <c r="B1427" s="52" t="s">
        <v>79</v>
      </c>
      <c r="C1427" s="3">
        <v>20</v>
      </c>
      <c r="D1427" s="52" t="s">
        <v>2020</v>
      </c>
      <c r="E1427" s="52" t="s">
        <v>111</v>
      </c>
      <c r="F1427" s="52" t="s">
        <v>101</v>
      </c>
      <c r="G1427" s="52" t="s">
        <v>82</v>
      </c>
      <c r="H1427" s="4">
        <v>876</v>
      </c>
      <c r="I1427" s="2">
        <v>0</v>
      </c>
    </row>
    <row r="1428" spans="1:9" hidden="1" x14ac:dyDescent="0.35">
      <c r="A1428" s="52" t="s">
        <v>78</v>
      </c>
      <c r="B1428" s="52" t="s">
        <v>79</v>
      </c>
      <c r="C1428" s="3">
        <v>20</v>
      </c>
      <c r="D1428" s="52" t="s">
        <v>2020</v>
      </c>
      <c r="E1428" s="52" t="s">
        <v>102</v>
      </c>
      <c r="F1428" s="52" t="s">
        <v>116</v>
      </c>
      <c r="G1428" s="52" t="s">
        <v>115</v>
      </c>
      <c r="H1428" s="4">
        <v>1050</v>
      </c>
      <c r="I1428" s="2">
        <v>0</v>
      </c>
    </row>
    <row r="1429" spans="1:9" hidden="1" x14ac:dyDescent="0.35">
      <c r="A1429" s="52" t="s">
        <v>78</v>
      </c>
      <c r="B1429" s="52" t="s">
        <v>79</v>
      </c>
      <c r="C1429" s="3">
        <v>20</v>
      </c>
      <c r="D1429" s="52" t="s">
        <v>2020</v>
      </c>
      <c r="E1429" s="52" t="s">
        <v>102</v>
      </c>
      <c r="F1429" s="52" t="s">
        <v>125</v>
      </c>
      <c r="G1429" s="52" t="s">
        <v>108</v>
      </c>
      <c r="H1429" s="4">
        <v>3</v>
      </c>
      <c r="I1429" s="2">
        <v>0</v>
      </c>
    </row>
    <row r="1430" spans="1:9" hidden="1" x14ac:dyDescent="0.35">
      <c r="A1430" s="52" t="s">
        <v>78</v>
      </c>
      <c r="B1430" s="52" t="s">
        <v>79</v>
      </c>
      <c r="C1430" s="3">
        <v>20</v>
      </c>
      <c r="D1430" s="52" t="s">
        <v>2020</v>
      </c>
      <c r="E1430" s="52" t="s">
        <v>111</v>
      </c>
      <c r="F1430" s="52" t="s">
        <v>93</v>
      </c>
      <c r="G1430" s="52" t="s">
        <v>82</v>
      </c>
      <c r="H1430" s="4">
        <v>66</v>
      </c>
      <c r="I1430" s="2">
        <v>0</v>
      </c>
    </row>
    <row r="1431" spans="1:9" hidden="1" x14ac:dyDescent="0.35">
      <c r="A1431" s="52" t="s">
        <v>78</v>
      </c>
      <c r="B1431" s="52" t="s">
        <v>79</v>
      </c>
      <c r="C1431" s="3">
        <v>20</v>
      </c>
      <c r="D1431" s="52" t="s">
        <v>2020</v>
      </c>
      <c r="E1431" s="52" t="s">
        <v>111</v>
      </c>
      <c r="F1431" s="52" t="s">
        <v>97</v>
      </c>
      <c r="G1431" s="52" t="s">
        <v>82</v>
      </c>
      <c r="H1431" s="4">
        <v>4</v>
      </c>
      <c r="I1431" s="2">
        <v>0</v>
      </c>
    </row>
    <row r="1432" spans="1:9" hidden="1" x14ac:dyDescent="0.35">
      <c r="A1432" s="52" t="s">
        <v>78</v>
      </c>
      <c r="B1432" s="52" t="s">
        <v>79</v>
      </c>
      <c r="C1432" s="3">
        <v>20</v>
      </c>
      <c r="D1432" s="52" t="s">
        <v>2020</v>
      </c>
      <c r="E1432" s="52" t="s">
        <v>118</v>
      </c>
      <c r="F1432" s="52" t="s">
        <v>119</v>
      </c>
      <c r="G1432" s="52" t="s">
        <v>115</v>
      </c>
      <c r="H1432" s="4">
        <v>1225</v>
      </c>
      <c r="I1432" s="2">
        <v>0</v>
      </c>
    </row>
    <row r="1433" spans="1:9" hidden="1" x14ac:dyDescent="0.35">
      <c r="A1433" s="52" t="s">
        <v>78</v>
      </c>
      <c r="B1433" s="52" t="s">
        <v>79</v>
      </c>
      <c r="C1433" s="3">
        <v>211</v>
      </c>
      <c r="D1433" s="52" t="s">
        <v>2020</v>
      </c>
      <c r="E1433" s="52" t="s">
        <v>92</v>
      </c>
      <c r="F1433" s="52" t="s">
        <v>93</v>
      </c>
      <c r="G1433" s="52" t="s">
        <v>82</v>
      </c>
      <c r="H1433" s="4">
        <v>4135</v>
      </c>
      <c r="I1433" s="2">
        <v>50499.5</v>
      </c>
    </row>
    <row r="1434" spans="1:9" hidden="1" x14ac:dyDescent="0.35">
      <c r="A1434" s="52" t="s">
        <v>78</v>
      </c>
      <c r="B1434" s="52" t="s">
        <v>79</v>
      </c>
      <c r="C1434" s="3">
        <v>211</v>
      </c>
      <c r="D1434" s="52" t="s">
        <v>2020</v>
      </c>
      <c r="E1434" s="52" t="s">
        <v>40</v>
      </c>
      <c r="F1434" s="52" t="s">
        <v>96</v>
      </c>
      <c r="G1434" s="52" t="s">
        <v>82</v>
      </c>
      <c r="H1434" s="4">
        <v>45</v>
      </c>
      <c r="I1434" s="2">
        <v>1125</v>
      </c>
    </row>
    <row r="1435" spans="1:9" hidden="1" x14ac:dyDescent="0.35">
      <c r="A1435" s="52" t="s">
        <v>78</v>
      </c>
      <c r="B1435" s="52" t="s">
        <v>79</v>
      </c>
      <c r="C1435" s="3">
        <v>211</v>
      </c>
      <c r="D1435" s="52" t="s">
        <v>2020</v>
      </c>
      <c r="E1435" s="52" t="s">
        <v>36</v>
      </c>
      <c r="F1435" s="52" t="s">
        <v>95</v>
      </c>
      <c r="G1435" s="52" t="s">
        <v>82</v>
      </c>
      <c r="H1435" s="4">
        <v>141</v>
      </c>
      <c r="I1435" s="2">
        <v>662.7</v>
      </c>
    </row>
    <row r="1436" spans="1:9" hidden="1" x14ac:dyDescent="0.35">
      <c r="A1436" s="52" t="s">
        <v>78</v>
      </c>
      <c r="B1436" s="52" t="s">
        <v>79</v>
      </c>
      <c r="C1436" s="3">
        <v>211</v>
      </c>
      <c r="D1436" s="52" t="s">
        <v>2020</v>
      </c>
      <c r="E1436" s="52" t="s">
        <v>26</v>
      </c>
      <c r="F1436" s="52" t="s">
        <v>81</v>
      </c>
      <c r="G1436" s="52" t="s">
        <v>82</v>
      </c>
      <c r="H1436" s="4">
        <v>25</v>
      </c>
      <c r="I1436" s="2">
        <v>366.25</v>
      </c>
    </row>
    <row r="1437" spans="1:9" hidden="1" x14ac:dyDescent="0.35">
      <c r="A1437" s="52" t="s">
        <v>78</v>
      </c>
      <c r="B1437" s="52" t="s">
        <v>79</v>
      </c>
      <c r="C1437" s="3">
        <v>211</v>
      </c>
      <c r="D1437" s="52" t="s">
        <v>2020</v>
      </c>
      <c r="E1437" s="52" t="s">
        <v>38</v>
      </c>
      <c r="F1437" s="52" t="s">
        <v>97</v>
      </c>
      <c r="G1437" s="52" t="s">
        <v>82</v>
      </c>
      <c r="H1437" s="4">
        <v>15</v>
      </c>
      <c r="I1437" s="2">
        <v>186.1</v>
      </c>
    </row>
    <row r="1438" spans="1:9" hidden="1" x14ac:dyDescent="0.35">
      <c r="A1438" s="52" t="s">
        <v>78</v>
      </c>
      <c r="B1438" s="52" t="s">
        <v>79</v>
      </c>
      <c r="C1438" s="3">
        <v>211</v>
      </c>
      <c r="D1438" s="52" t="s">
        <v>2020</v>
      </c>
      <c r="E1438" s="52" t="s">
        <v>90</v>
      </c>
      <c r="F1438" s="52" t="s">
        <v>91</v>
      </c>
      <c r="G1438" s="52" t="s">
        <v>82</v>
      </c>
      <c r="H1438" s="4">
        <v>10</v>
      </c>
      <c r="I1438" s="2">
        <v>63.38</v>
      </c>
    </row>
    <row r="1439" spans="1:9" x14ac:dyDescent="0.35">
      <c r="A1439" s="52" t="s">
        <v>78</v>
      </c>
      <c r="B1439" s="52" t="s">
        <v>79</v>
      </c>
      <c r="C1439" s="3">
        <v>211</v>
      </c>
      <c r="D1439" s="52" t="s">
        <v>2020</v>
      </c>
      <c r="E1439" s="52" t="s">
        <v>111</v>
      </c>
      <c r="F1439" s="52" t="s">
        <v>103</v>
      </c>
      <c r="G1439" s="52" t="s">
        <v>82</v>
      </c>
      <c r="H1439" s="4">
        <v>1</v>
      </c>
      <c r="I1439" s="2">
        <v>0</v>
      </c>
    </row>
    <row r="1440" spans="1:9" hidden="1" x14ac:dyDescent="0.35">
      <c r="A1440" s="52" t="s">
        <v>78</v>
      </c>
      <c r="B1440" s="52" t="s">
        <v>79</v>
      </c>
      <c r="C1440" s="3">
        <v>211</v>
      </c>
      <c r="D1440" s="52" t="s">
        <v>2020</v>
      </c>
      <c r="E1440" s="52" t="s">
        <v>118</v>
      </c>
      <c r="F1440" s="52" t="s">
        <v>119</v>
      </c>
      <c r="G1440" s="52" t="s">
        <v>115</v>
      </c>
      <c r="H1440" s="4">
        <v>165</v>
      </c>
      <c r="I1440" s="2">
        <v>0</v>
      </c>
    </row>
    <row r="1441" spans="1:9" hidden="1" x14ac:dyDescent="0.35">
      <c r="A1441" s="52" t="s">
        <v>78</v>
      </c>
      <c r="B1441" s="52" t="s">
        <v>79</v>
      </c>
      <c r="C1441" s="3">
        <v>211</v>
      </c>
      <c r="D1441" s="52" t="s">
        <v>2020</v>
      </c>
      <c r="E1441" s="52" t="s">
        <v>120</v>
      </c>
      <c r="F1441" s="52" t="s">
        <v>116</v>
      </c>
      <c r="G1441" s="52" t="s">
        <v>115</v>
      </c>
      <c r="H1441" s="4">
        <v>165</v>
      </c>
      <c r="I1441" s="2">
        <v>0</v>
      </c>
    </row>
    <row r="1442" spans="1:9" hidden="1" x14ac:dyDescent="0.35">
      <c r="A1442" s="52" t="s">
        <v>78</v>
      </c>
      <c r="B1442" s="52" t="s">
        <v>79</v>
      </c>
      <c r="C1442" s="3">
        <v>211</v>
      </c>
      <c r="D1442" s="52" t="s">
        <v>2020</v>
      </c>
      <c r="E1442" s="52" t="s">
        <v>102</v>
      </c>
      <c r="F1442" s="52" t="s">
        <v>127</v>
      </c>
      <c r="G1442" s="52" t="s">
        <v>108</v>
      </c>
      <c r="H1442" s="4">
        <v>10</v>
      </c>
      <c r="I1442" s="2">
        <v>0</v>
      </c>
    </row>
    <row r="1443" spans="1:9" hidden="1" x14ac:dyDescent="0.35">
      <c r="A1443" s="52" t="s">
        <v>78</v>
      </c>
      <c r="B1443" s="52" t="s">
        <v>79</v>
      </c>
      <c r="C1443" s="3">
        <v>211</v>
      </c>
      <c r="D1443" s="52" t="s">
        <v>2020</v>
      </c>
      <c r="E1443" s="52" t="s">
        <v>102</v>
      </c>
      <c r="F1443" s="52" t="s">
        <v>103</v>
      </c>
      <c r="G1443" s="52" t="s">
        <v>82</v>
      </c>
      <c r="H1443" s="4">
        <v>109</v>
      </c>
      <c r="I1443" s="2">
        <v>0</v>
      </c>
    </row>
    <row r="1444" spans="1:9" hidden="1" x14ac:dyDescent="0.35">
      <c r="A1444" s="52" t="s">
        <v>78</v>
      </c>
      <c r="B1444" s="52" t="s">
        <v>79</v>
      </c>
      <c r="C1444" s="3">
        <v>211</v>
      </c>
      <c r="D1444" s="52" t="s">
        <v>2020</v>
      </c>
      <c r="E1444" s="52" t="s">
        <v>111</v>
      </c>
      <c r="F1444" s="52" t="s">
        <v>101</v>
      </c>
      <c r="G1444" s="52" t="s">
        <v>82</v>
      </c>
      <c r="H1444" s="4">
        <v>45</v>
      </c>
      <c r="I1444" s="2">
        <v>0</v>
      </c>
    </row>
    <row r="1445" spans="1:9" x14ac:dyDescent="0.35">
      <c r="A1445" s="52" t="s">
        <v>78</v>
      </c>
      <c r="B1445" s="52" t="s">
        <v>79</v>
      </c>
      <c r="C1445" s="3">
        <v>211</v>
      </c>
      <c r="D1445" s="52" t="s">
        <v>2020</v>
      </c>
      <c r="E1445" s="52" t="s">
        <v>121</v>
      </c>
      <c r="F1445" s="52" t="s">
        <v>112</v>
      </c>
      <c r="G1445" s="52" t="s">
        <v>108</v>
      </c>
      <c r="H1445" s="4">
        <v>1</v>
      </c>
      <c r="I1445" s="2">
        <v>0</v>
      </c>
    </row>
    <row r="1446" spans="1:9" hidden="1" x14ac:dyDescent="0.35">
      <c r="A1446" s="52" t="s">
        <v>78</v>
      </c>
      <c r="B1446" s="52" t="s">
        <v>79</v>
      </c>
      <c r="C1446" s="3">
        <v>211</v>
      </c>
      <c r="D1446" s="52" t="s">
        <v>2020</v>
      </c>
      <c r="E1446" s="52" t="s">
        <v>104</v>
      </c>
      <c r="F1446" s="52" t="s">
        <v>105</v>
      </c>
      <c r="G1446" s="52" t="s">
        <v>82</v>
      </c>
      <c r="H1446" s="4">
        <v>26</v>
      </c>
      <c r="I1446" s="2">
        <v>0</v>
      </c>
    </row>
    <row r="1447" spans="1:9" hidden="1" x14ac:dyDescent="0.35">
      <c r="A1447" s="52" t="s">
        <v>78</v>
      </c>
      <c r="B1447" s="52" t="s">
        <v>79</v>
      </c>
      <c r="C1447" s="3">
        <v>211</v>
      </c>
      <c r="D1447" s="52" t="s">
        <v>2020</v>
      </c>
      <c r="E1447" s="52" t="s">
        <v>111</v>
      </c>
      <c r="F1447" s="52" t="s">
        <v>107</v>
      </c>
      <c r="G1447" s="52" t="s">
        <v>108</v>
      </c>
      <c r="H1447" s="4">
        <v>2</v>
      </c>
      <c r="I1447" s="2">
        <v>0</v>
      </c>
    </row>
    <row r="1448" spans="1:9" hidden="1" x14ac:dyDescent="0.35">
      <c r="A1448" s="52" t="s">
        <v>78</v>
      </c>
      <c r="B1448" s="52" t="s">
        <v>79</v>
      </c>
      <c r="C1448" s="3">
        <v>211</v>
      </c>
      <c r="D1448" s="52" t="s">
        <v>2020</v>
      </c>
      <c r="E1448" s="52" t="s">
        <v>139</v>
      </c>
      <c r="F1448" s="52" t="s">
        <v>140</v>
      </c>
      <c r="G1448" s="52" t="s">
        <v>82</v>
      </c>
      <c r="H1448" s="4">
        <v>12</v>
      </c>
      <c r="I1448" s="2">
        <v>0</v>
      </c>
    </row>
    <row r="1449" spans="1:9" hidden="1" x14ac:dyDescent="0.35">
      <c r="A1449" s="52" t="s">
        <v>78</v>
      </c>
      <c r="B1449" s="52" t="s">
        <v>79</v>
      </c>
      <c r="C1449" s="3">
        <v>211</v>
      </c>
      <c r="D1449" s="52" t="s">
        <v>2020</v>
      </c>
      <c r="E1449" s="52" t="s">
        <v>117</v>
      </c>
      <c r="F1449" s="52" t="s">
        <v>116</v>
      </c>
      <c r="G1449" s="52" t="s">
        <v>82</v>
      </c>
      <c r="H1449" s="4">
        <v>303</v>
      </c>
      <c r="I1449" s="2">
        <v>0</v>
      </c>
    </row>
    <row r="1450" spans="1:9" hidden="1" x14ac:dyDescent="0.35">
      <c r="A1450" s="52" t="s">
        <v>78</v>
      </c>
      <c r="B1450" s="52" t="s">
        <v>79</v>
      </c>
      <c r="C1450" s="3">
        <v>211</v>
      </c>
      <c r="D1450" s="52" t="s">
        <v>2020</v>
      </c>
      <c r="E1450" s="52" t="s">
        <v>135</v>
      </c>
      <c r="F1450" s="52" t="s">
        <v>112</v>
      </c>
      <c r="G1450" s="52" t="s">
        <v>82</v>
      </c>
      <c r="H1450" s="4">
        <v>293</v>
      </c>
      <c r="I1450" s="2">
        <v>0</v>
      </c>
    </row>
    <row r="1451" spans="1:9" x14ac:dyDescent="0.35">
      <c r="A1451" s="52" t="s">
        <v>78</v>
      </c>
      <c r="B1451" s="52" t="s">
        <v>79</v>
      </c>
      <c r="C1451" s="3">
        <v>211</v>
      </c>
      <c r="D1451" s="52" t="s">
        <v>2020</v>
      </c>
      <c r="E1451" s="52" t="s">
        <v>106</v>
      </c>
      <c r="F1451" s="52" t="s">
        <v>101</v>
      </c>
      <c r="G1451" s="52" t="s">
        <v>108</v>
      </c>
      <c r="H1451" s="4">
        <v>1</v>
      </c>
      <c r="I1451" s="2">
        <v>0</v>
      </c>
    </row>
    <row r="1452" spans="1:9" hidden="1" x14ac:dyDescent="0.35">
      <c r="A1452" s="52" t="s">
        <v>78</v>
      </c>
      <c r="B1452" s="52" t="s">
        <v>79</v>
      </c>
      <c r="C1452" s="3">
        <v>211</v>
      </c>
      <c r="D1452" s="52" t="s">
        <v>2020</v>
      </c>
      <c r="E1452" s="52" t="s">
        <v>134</v>
      </c>
      <c r="F1452" s="52" t="s">
        <v>123</v>
      </c>
      <c r="G1452" s="52" t="s">
        <v>82</v>
      </c>
      <c r="H1452" s="4">
        <v>18</v>
      </c>
      <c r="I1452" s="2">
        <v>0</v>
      </c>
    </row>
    <row r="1453" spans="1:9" hidden="1" x14ac:dyDescent="0.35">
      <c r="A1453" s="52" t="s">
        <v>78</v>
      </c>
      <c r="B1453" s="52" t="s">
        <v>79</v>
      </c>
      <c r="C1453" s="3">
        <v>211</v>
      </c>
      <c r="D1453" s="52" t="s">
        <v>2020</v>
      </c>
      <c r="E1453" s="52" t="s">
        <v>111</v>
      </c>
      <c r="F1453" s="52" t="s">
        <v>95</v>
      </c>
      <c r="G1453" s="52" t="s">
        <v>82</v>
      </c>
      <c r="H1453" s="4">
        <v>8</v>
      </c>
      <c r="I1453" s="2">
        <v>0</v>
      </c>
    </row>
    <row r="1454" spans="1:9" hidden="1" x14ac:dyDescent="0.35">
      <c r="A1454" s="52" t="s">
        <v>78</v>
      </c>
      <c r="B1454" s="52" t="s">
        <v>79</v>
      </c>
      <c r="C1454" s="3">
        <v>211</v>
      </c>
      <c r="D1454" s="52" t="s">
        <v>2020</v>
      </c>
      <c r="E1454" s="52" t="s">
        <v>102</v>
      </c>
      <c r="F1454" s="52" t="s">
        <v>107</v>
      </c>
      <c r="G1454" s="52" t="s">
        <v>108</v>
      </c>
      <c r="H1454" s="4">
        <v>209</v>
      </c>
      <c r="I1454" s="2">
        <v>0</v>
      </c>
    </row>
    <row r="1455" spans="1:9" hidden="1" x14ac:dyDescent="0.35">
      <c r="A1455" s="52" t="s">
        <v>78</v>
      </c>
      <c r="B1455" s="52" t="s">
        <v>79</v>
      </c>
      <c r="C1455" s="3">
        <v>211</v>
      </c>
      <c r="D1455" s="52" t="s">
        <v>2020</v>
      </c>
      <c r="E1455" s="52" t="s">
        <v>102</v>
      </c>
      <c r="F1455" s="52" t="s">
        <v>116</v>
      </c>
      <c r="G1455" s="52" t="s">
        <v>115</v>
      </c>
      <c r="H1455" s="4">
        <v>155</v>
      </c>
      <c r="I1455" s="2">
        <v>0</v>
      </c>
    </row>
    <row r="1456" spans="1:9" hidden="1" x14ac:dyDescent="0.35">
      <c r="A1456" s="52" t="s">
        <v>78</v>
      </c>
      <c r="B1456" s="52" t="s">
        <v>79</v>
      </c>
      <c r="C1456" s="3">
        <v>211</v>
      </c>
      <c r="D1456" s="52" t="s">
        <v>2020</v>
      </c>
      <c r="E1456" s="52" t="s">
        <v>113</v>
      </c>
      <c r="F1456" s="52" t="s">
        <v>114</v>
      </c>
      <c r="G1456" s="52" t="s">
        <v>115</v>
      </c>
      <c r="H1456" s="4">
        <v>253</v>
      </c>
      <c r="I1456" s="2">
        <v>0</v>
      </c>
    </row>
    <row r="1457" spans="1:9" x14ac:dyDescent="0.35">
      <c r="A1457" s="52" t="s">
        <v>78</v>
      </c>
      <c r="B1457" s="52" t="s">
        <v>79</v>
      </c>
      <c r="C1457" s="3">
        <v>211</v>
      </c>
      <c r="D1457" s="52" t="s">
        <v>2020</v>
      </c>
      <c r="E1457" s="52" t="s">
        <v>132</v>
      </c>
      <c r="F1457" s="52" t="s">
        <v>133</v>
      </c>
      <c r="G1457" s="52" t="s">
        <v>108</v>
      </c>
      <c r="H1457" s="4">
        <v>1</v>
      </c>
      <c r="I1457" s="2">
        <v>0</v>
      </c>
    </row>
    <row r="1458" spans="1:9" hidden="1" x14ac:dyDescent="0.35">
      <c r="A1458" s="52" t="s">
        <v>78</v>
      </c>
      <c r="B1458" s="52" t="s">
        <v>79</v>
      </c>
      <c r="C1458" s="3">
        <v>211</v>
      </c>
      <c r="D1458" s="52" t="s">
        <v>2020</v>
      </c>
      <c r="E1458" s="52" t="s">
        <v>111</v>
      </c>
      <c r="F1458" s="52" t="s">
        <v>93</v>
      </c>
      <c r="G1458" s="52" t="s">
        <v>82</v>
      </c>
      <c r="H1458" s="4">
        <v>37</v>
      </c>
      <c r="I1458" s="2">
        <v>0</v>
      </c>
    </row>
    <row r="1459" spans="1:9" hidden="1" x14ac:dyDescent="0.35">
      <c r="A1459" s="52" t="s">
        <v>78</v>
      </c>
      <c r="B1459" s="52" t="s">
        <v>79</v>
      </c>
      <c r="C1459" s="3">
        <v>211</v>
      </c>
      <c r="D1459" s="52" t="s">
        <v>2020</v>
      </c>
      <c r="E1459" s="52" t="s">
        <v>109</v>
      </c>
      <c r="F1459" s="52" t="s">
        <v>110</v>
      </c>
      <c r="G1459" s="52" t="s">
        <v>108</v>
      </c>
      <c r="H1459" s="4">
        <v>4</v>
      </c>
      <c r="I1459" s="2">
        <v>0</v>
      </c>
    </row>
    <row r="1460" spans="1:9" hidden="1" x14ac:dyDescent="0.35">
      <c r="A1460" s="52" t="s">
        <v>78</v>
      </c>
      <c r="B1460" s="52" t="s">
        <v>79</v>
      </c>
      <c r="C1460" s="3">
        <v>211</v>
      </c>
      <c r="D1460" s="52" t="s">
        <v>2020</v>
      </c>
      <c r="E1460" s="52" t="s">
        <v>106</v>
      </c>
      <c r="F1460" s="52" t="s">
        <v>107</v>
      </c>
      <c r="G1460" s="52" t="s">
        <v>108</v>
      </c>
      <c r="H1460" s="4">
        <v>3</v>
      </c>
      <c r="I1460" s="2">
        <v>0</v>
      </c>
    </row>
    <row r="1461" spans="1:9" hidden="1" x14ac:dyDescent="0.35">
      <c r="A1461" s="52" t="s">
        <v>78</v>
      </c>
      <c r="B1461" s="52" t="s">
        <v>79</v>
      </c>
      <c r="C1461" s="3">
        <v>211</v>
      </c>
      <c r="D1461" s="52" t="s">
        <v>2020</v>
      </c>
      <c r="E1461" s="52" t="s">
        <v>122</v>
      </c>
      <c r="F1461" s="52" t="s">
        <v>123</v>
      </c>
      <c r="G1461" s="52" t="s">
        <v>108</v>
      </c>
      <c r="H1461" s="4">
        <v>5</v>
      </c>
      <c r="I1461" s="2">
        <v>0</v>
      </c>
    </row>
    <row r="1462" spans="1:9" hidden="1" x14ac:dyDescent="0.35">
      <c r="A1462" s="52" t="s">
        <v>78</v>
      </c>
      <c r="B1462" s="52" t="s">
        <v>79</v>
      </c>
      <c r="C1462" s="3">
        <v>211</v>
      </c>
      <c r="D1462" s="52" t="s">
        <v>2020</v>
      </c>
      <c r="E1462" s="52" t="s">
        <v>104</v>
      </c>
      <c r="F1462" s="52" t="s">
        <v>101</v>
      </c>
      <c r="G1462" s="52" t="s">
        <v>82</v>
      </c>
      <c r="H1462" s="4">
        <v>34</v>
      </c>
      <c r="I1462" s="2">
        <v>0</v>
      </c>
    </row>
    <row r="1463" spans="1:9" hidden="1" x14ac:dyDescent="0.35">
      <c r="A1463" s="52" t="s">
        <v>78</v>
      </c>
      <c r="B1463" s="52" t="s">
        <v>79</v>
      </c>
      <c r="C1463" s="3">
        <v>211</v>
      </c>
      <c r="D1463" s="52" t="s">
        <v>2020</v>
      </c>
      <c r="E1463" s="52" t="s">
        <v>111</v>
      </c>
      <c r="F1463" s="52" t="s">
        <v>105</v>
      </c>
      <c r="G1463" s="52" t="s">
        <v>82</v>
      </c>
      <c r="H1463" s="4">
        <v>26</v>
      </c>
      <c r="I1463" s="2">
        <v>0</v>
      </c>
    </row>
    <row r="1464" spans="1:9" hidden="1" x14ac:dyDescent="0.35">
      <c r="A1464" s="52" t="s">
        <v>78</v>
      </c>
      <c r="B1464" s="52" t="s">
        <v>79</v>
      </c>
      <c r="C1464" s="3">
        <v>212</v>
      </c>
      <c r="D1464" s="52" t="s">
        <v>2020</v>
      </c>
      <c r="E1464" s="52" t="s">
        <v>92</v>
      </c>
      <c r="F1464" s="52" t="s">
        <v>93</v>
      </c>
      <c r="G1464" s="52" t="s">
        <v>82</v>
      </c>
      <c r="H1464" s="4">
        <v>891</v>
      </c>
      <c r="I1464" s="2">
        <v>18926</v>
      </c>
    </row>
    <row r="1465" spans="1:9" hidden="1" x14ac:dyDescent="0.35">
      <c r="A1465" s="52" t="s">
        <v>78</v>
      </c>
      <c r="B1465" s="52" t="s">
        <v>79</v>
      </c>
      <c r="C1465" s="3">
        <v>212</v>
      </c>
      <c r="D1465" s="52" t="s">
        <v>2020</v>
      </c>
      <c r="E1465" s="52" t="s">
        <v>36</v>
      </c>
      <c r="F1465" s="52" t="s">
        <v>95</v>
      </c>
      <c r="G1465" s="52" t="s">
        <v>82</v>
      </c>
      <c r="H1465" s="4">
        <v>35</v>
      </c>
      <c r="I1465" s="2">
        <v>164.5</v>
      </c>
    </row>
    <row r="1466" spans="1:9" hidden="1" x14ac:dyDescent="0.35">
      <c r="A1466" s="52" t="s">
        <v>78</v>
      </c>
      <c r="B1466" s="52" t="s">
        <v>79</v>
      </c>
      <c r="C1466" s="3">
        <v>212</v>
      </c>
      <c r="D1466" s="52" t="s">
        <v>2020</v>
      </c>
      <c r="E1466" s="52" t="s">
        <v>26</v>
      </c>
      <c r="F1466" s="52" t="s">
        <v>81</v>
      </c>
      <c r="G1466" s="52" t="s">
        <v>82</v>
      </c>
      <c r="H1466" s="4">
        <v>4</v>
      </c>
      <c r="I1466" s="2">
        <v>58.6</v>
      </c>
    </row>
    <row r="1467" spans="1:9" hidden="1" x14ac:dyDescent="0.35">
      <c r="A1467" s="52" t="s">
        <v>78</v>
      </c>
      <c r="B1467" s="52" t="s">
        <v>79</v>
      </c>
      <c r="C1467" s="3">
        <v>212</v>
      </c>
      <c r="D1467" s="52" t="s">
        <v>2020</v>
      </c>
      <c r="E1467" s="52" t="s">
        <v>38</v>
      </c>
      <c r="F1467" s="52" t="s">
        <v>97</v>
      </c>
      <c r="G1467" s="52" t="s">
        <v>82</v>
      </c>
      <c r="H1467" s="4">
        <v>2</v>
      </c>
      <c r="I1467" s="2">
        <v>9.4</v>
      </c>
    </row>
    <row r="1468" spans="1:9" x14ac:dyDescent="0.35">
      <c r="A1468" s="52" t="s">
        <v>78</v>
      </c>
      <c r="B1468" s="52" t="s">
        <v>79</v>
      </c>
      <c r="C1468" s="3">
        <v>212</v>
      </c>
      <c r="D1468" s="52" t="s">
        <v>2020</v>
      </c>
      <c r="E1468" s="52" t="s">
        <v>90</v>
      </c>
      <c r="F1468" s="52" t="s">
        <v>91</v>
      </c>
      <c r="G1468" s="52" t="s">
        <v>82</v>
      </c>
      <c r="H1468" s="4">
        <v>1</v>
      </c>
      <c r="I1468" s="2">
        <v>6.99</v>
      </c>
    </row>
    <row r="1469" spans="1:9" hidden="1" x14ac:dyDescent="0.35">
      <c r="A1469" s="52" t="s">
        <v>78</v>
      </c>
      <c r="B1469" s="52" t="s">
        <v>79</v>
      </c>
      <c r="C1469" s="3">
        <v>212</v>
      </c>
      <c r="D1469" s="52" t="s">
        <v>2020</v>
      </c>
      <c r="E1469" s="52" t="s">
        <v>111</v>
      </c>
      <c r="F1469" s="52" t="s">
        <v>105</v>
      </c>
      <c r="G1469" s="52" t="s">
        <v>82</v>
      </c>
      <c r="H1469" s="4">
        <v>10</v>
      </c>
      <c r="I1469" s="2">
        <v>0</v>
      </c>
    </row>
    <row r="1470" spans="1:9" hidden="1" x14ac:dyDescent="0.35">
      <c r="A1470" s="52" t="s">
        <v>78</v>
      </c>
      <c r="B1470" s="52" t="s">
        <v>79</v>
      </c>
      <c r="C1470" s="3">
        <v>212</v>
      </c>
      <c r="D1470" s="52" t="s">
        <v>2020</v>
      </c>
      <c r="E1470" s="52" t="s">
        <v>102</v>
      </c>
      <c r="F1470" s="52" t="s">
        <v>116</v>
      </c>
      <c r="G1470" s="52" t="s">
        <v>115</v>
      </c>
      <c r="H1470" s="4">
        <v>57</v>
      </c>
      <c r="I1470" s="2">
        <v>0</v>
      </c>
    </row>
    <row r="1471" spans="1:9" hidden="1" x14ac:dyDescent="0.35">
      <c r="A1471" s="52" t="s">
        <v>78</v>
      </c>
      <c r="B1471" s="52" t="s">
        <v>79</v>
      </c>
      <c r="C1471" s="3">
        <v>212</v>
      </c>
      <c r="D1471" s="52" t="s">
        <v>2020</v>
      </c>
      <c r="E1471" s="52" t="s">
        <v>102</v>
      </c>
      <c r="F1471" s="52" t="s">
        <v>103</v>
      </c>
      <c r="G1471" s="52" t="s">
        <v>82</v>
      </c>
      <c r="H1471" s="4">
        <v>21</v>
      </c>
      <c r="I1471" s="2">
        <v>0</v>
      </c>
    </row>
    <row r="1472" spans="1:9" x14ac:dyDescent="0.35">
      <c r="A1472" s="52" t="s">
        <v>78</v>
      </c>
      <c r="B1472" s="52" t="s">
        <v>79</v>
      </c>
      <c r="C1472" s="3">
        <v>212</v>
      </c>
      <c r="D1472" s="52" t="s">
        <v>2020</v>
      </c>
      <c r="E1472" s="52" t="s">
        <v>122</v>
      </c>
      <c r="F1472" s="52" t="s">
        <v>123</v>
      </c>
      <c r="G1472" s="52" t="s">
        <v>108</v>
      </c>
      <c r="H1472" s="4">
        <v>1</v>
      </c>
      <c r="I1472" s="2">
        <v>0</v>
      </c>
    </row>
    <row r="1473" spans="1:9" hidden="1" x14ac:dyDescent="0.35">
      <c r="A1473" s="52" t="s">
        <v>78</v>
      </c>
      <c r="B1473" s="52" t="s">
        <v>79</v>
      </c>
      <c r="C1473" s="3">
        <v>212</v>
      </c>
      <c r="D1473" s="52" t="s">
        <v>2020</v>
      </c>
      <c r="E1473" s="52" t="s">
        <v>102</v>
      </c>
      <c r="F1473" s="52" t="s">
        <v>107</v>
      </c>
      <c r="G1473" s="52" t="s">
        <v>108</v>
      </c>
      <c r="H1473" s="4">
        <v>29</v>
      </c>
      <c r="I1473" s="2">
        <v>0</v>
      </c>
    </row>
    <row r="1474" spans="1:9" hidden="1" x14ac:dyDescent="0.35">
      <c r="A1474" s="52" t="s">
        <v>78</v>
      </c>
      <c r="B1474" s="52" t="s">
        <v>79</v>
      </c>
      <c r="C1474" s="3">
        <v>212</v>
      </c>
      <c r="D1474" s="52" t="s">
        <v>2020</v>
      </c>
      <c r="E1474" s="52" t="s">
        <v>118</v>
      </c>
      <c r="F1474" s="52" t="s">
        <v>119</v>
      </c>
      <c r="G1474" s="52" t="s">
        <v>115</v>
      </c>
      <c r="H1474" s="4">
        <v>58</v>
      </c>
      <c r="I1474" s="2">
        <v>0</v>
      </c>
    </row>
    <row r="1475" spans="1:9" x14ac:dyDescent="0.35">
      <c r="A1475" s="52" t="s">
        <v>78</v>
      </c>
      <c r="B1475" s="52" t="s">
        <v>79</v>
      </c>
      <c r="C1475" s="3">
        <v>212</v>
      </c>
      <c r="D1475" s="52" t="s">
        <v>2020</v>
      </c>
      <c r="E1475" s="52" t="s">
        <v>121</v>
      </c>
      <c r="F1475" s="52" t="s">
        <v>112</v>
      </c>
      <c r="G1475" s="52" t="s">
        <v>108</v>
      </c>
      <c r="H1475" s="4">
        <v>1</v>
      </c>
      <c r="I1475" s="2">
        <v>0</v>
      </c>
    </row>
    <row r="1476" spans="1:9" hidden="1" x14ac:dyDescent="0.35">
      <c r="A1476" s="52" t="s">
        <v>78</v>
      </c>
      <c r="B1476" s="52" t="s">
        <v>79</v>
      </c>
      <c r="C1476" s="3">
        <v>212</v>
      </c>
      <c r="D1476" s="52" t="s">
        <v>2020</v>
      </c>
      <c r="E1476" s="52" t="s">
        <v>117</v>
      </c>
      <c r="F1476" s="52" t="s">
        <v>116</v>
      </c>
      <c r="G1476" s="52" t="s">
        <v>82</v>
      </c>
      <c r="H1476" s="4">
        <v>82</v>
      </c>
      <c r="I1476" s="2">
        <v>0</v>
      </c>
    </row>
    <row r="1477" spans="1:9" hidden="1" x14ac:dyDescent="0.35">
      <c r="A1477" s="52" t="s">
        <v>78</v>
      </c>
      <c r="B1477" s="52" t="s">
        <v>79</v>
      </c>
      <c r="C1477" s="3">
        <v>212</v>
      </c>
      <c r="D1477" s="52" t="s">
        <v>2020</v>
      </c>
      <c r="E1477" s="52" t="s">
        <v>106</v>
      </c>
      <c r="F1477" s="52" t="s">
        <v>107</v>
      </c>
      <c r="G1477" s="52" t="s">
        <v>108</v>
      </c>
      <c r="H1477" s="4">
        <v>5</v>
      </c>
      <c r="I1477" s="2">
        <v>0</v>
      </c>
    </row>
    <row r="1478" spans="1:9" hidden="1" x14ac:dyDescent="0.35">
      <c r="A1478" s="52" t="s">
        <v>78</v>
      </c>
      <c r="B1478" s="52" t="s">
        <v>79</v>
      </c>
      <c r="C1478" s="3">
        <v>212</v>
      </c>
      <c r="D1478" s="52" t="s">
        <v>2020</v>
      </c>
      <c r="E1478" s="52" t="s">
        <v>111</v>
      </c>
      <c r="F1478" s="52" t="s">
        <v>95</v>
      </c>
      <c r="G1478" s="52" t="s">
        <v>82</v>
      </c>
      <c r="H1478" s="4">
        <v>6</v>
      </c>
      <c r="I1478" s="2">
        <v>0</v>
      </c>
    </row>
    <row r="1479" spans="1:9" hidden="1" x14ac:dyDescent="0.35">
      <c r="A1479" s="52" t="s">
        <v>78</v>
      </c>
      <c r="B1479" s="52" t="s">
        <v>79</v>
      </c>
      <c r="C1479" s="3">
        <v>212</v>
      </c>
      <c r="D1479" s="52" t="s">
        <v>2020</v>
      </c>
      <c r="E1479" s="52" t="s">
        <v>111</v>
      </c>
      <c r="F1479" s="52" t="s">
        <v>93</v>
      </c>
      <c r="G1479" s="52" t="s">
        <v>82</v>
      </c>
      <c r="H1479" s="4">
        <v>7</v>
      </c>
      <c r="I1479" s="2">
        <v>0</v>
      </c>
    </row>
    <row r="1480" spans="1:9" hidden="1" x14ac:dyDescent="0.35">
      <c r="A1480" s="52" t="s">
        <v>78</v>
      </c>
      <c r="B1480" s="52" t="s">
        <v>79</v>
      </c>
      <c r="C1480" s="3">
        <v>212</v>
      </c>
      <c r="D1480" s="52" t="s">
        <v>2020</v>
      </c>
      <c r="E1480" s="52" t="s">
        <v>109</v>
      </c>
      <c r="F1480" s="52" t="s">
        <v>110</v>
      </c>
      <c r="G1480" s="52" t="s">
        <v>108</v>
      </c>
      <c r="H1480" s="4">
        <v>2</v>
      </c>
      <c r="I1480" s="2">
        <v>0</v>
      </c>
    </row>
    <row r="1481" spans="1:9" hidden="1" x14ac:dyDescent="0.35">
      <c r="A1481" s="52" t="s">
        <v>78</v>
      </c>
      <c r="B1481" s="52" t="s">
        <v>79</v>
      </c>
      <c r="C1481" s="3">
        <v>212</v>
      </c>
      <c r="D1481" s="52" t="s">
        <v>2020</v>
      </c>
      <c r="E1481" s="52" t="s">
        <v>135</v>
      </c>
      <c r="F1481" s="52" t="s">
        <v>112</v>
      </c>
      <c r="G1481" s="52" t="s">
        <v>82</v>
      </c>
      <c r="H1481" s="4">
        <v>79</v>
      </c>
      <c r="I1481" s="2">
        <v>0</v>
      </c>
    </row>
    <row r="1482" spans="1:9" hidden="1" x14ac:dyDescent="0.35">
      <c r="A1482" s="52" t="s">
        <v>78</v>
      </c>
      <c r="B1482" s="52" t="s">
        <v>79</v>
      </c>
      <c r="C1482" s="3">
        <v>212</v>
      </c>
      <c r="D1482" s="52" t="s">
        <v>2020</v>
      </c>
      <c r="E1482" s="52" t="s">
        <v>111</v>
      </c>
      <c r="F1482" s="52" t="s">
        <v>101</v>
      </c>
      <c r="G1482" s="52" t="s">
        <v>82</v>
      </c>
      <c r="H1482" s="4">
        <v>23</v>
      </c>
      <c r="I1482" s="2">
        <v>0</v>
      </c>
    </row>
    <row r="1483" spans="1:9" hidden="1" x14ac:dyDescent="0.35">
      <c r="A1483" s="52" t="s">
        <v>78</v>
      </c>
      <c r="B1483" s="52" t="s">
        <v>79</v>
      </c>
      <c r="C1483" s="3">
        <v>212</v>
      </c>
      <c r="D1483" s="52" t="s">
        <v>2020</v>
      </c>
      <c r="E1483" s="52" t="s">
        <v>111</v>
      </c>
      <c r="F1483" s="52" t="s">
        <v>97</v>
      </c>
      <c r="G1483" s="52" t="s">
        <v>82</v>
      </c>
      <c r="H1483" s="4">
        <v>2</v>
      </c>
      <c r="I1483" s="2">
        <v>0</v>
      </c>
    </row>
    <row r="1484" spans="1:9" hidden="1" x14ac:dyDescent="0.35">
      <c r="A1484" s="52" t="s">
        <v>78</v>
      </c>
      <c r="B1484" s="52" t="s">
        <v>79</v>
      </c>
      <c r="C1484" s="3">
        <v>212</v>
      </c>
      <c r="D1484" s="52" t="s">
        <v>2020</v>
      </c>
      <c r="E1484" s="52" t="s">
        <v>139</v>
      </c>
      <c r="F1484" s="52" t="s">
        <v>140</v>
      </c>
      <c r="G1484" s="52" t="s">
        <v>82</v>
      </c>
      <c r="H1484" s="4">
        <v>5</v>
      </c>
      <c r="I1484" s="2">
        <v>0</v>
      </c>
    </row>
    <row r="1485" spans="1:9" hidden="1" x14ac:dyDescent="0.35">
      <c r="A1485" s="52" t="s">
        <v>78</v>
      </c>
      <c r="B1485" s="52" t="s">
        <v>79</v>
      </c>
      <c r="C1485" s="3">
        <v>212</v>
      </c>
      <c r="D1485" s="52" t="s">
        <v>2020</v>
      </c>
      <c r="E1485" s="52" t="s">
        <v>113</v>
      </c>
      <c r="F1485" s="52" t="s">
        <v>114</v>
      </c>
      <c r="G1485" s="52" t="s">
        <v>115</v>
      </c>
      <c r="H1485" s="4">
        <v>98</v>
      </c>
      <c r="I1485" s="2">
        <v>0</v>
      </c>
    </row>
    <row r="1486" spans="1:9" x14ac:dyDescent="0.35">
      <c r="A1486" s="52" t="s">
        <v>78</v>
      </c>
      <c r="B1486" s="52" t="s">
        <v>79</v>
      </c>
      <c r="C1486" s="3">
        <v>212</v>
      </c>
      <c r="D1486" s="52" t="s">
        <v>2020</v>
      </c>
      <c r="E1486" s="52" t="s">
        <v>134</v>
      </c>
      <c r="F1486" s="52" t="s">
        <v>123</v>
      </c>
      <c r="G1486" s="52" t="s">
        <v>82</v>
      </c>
      <c r="H1486" s="4">
        <v>1</v>
      </c>
      <c r="I1486" s="2">
        <v>0</v>
      </c>
    </row>
    <row r="1487" spans="1:9" x14ac:dyDescent="0.35">
      <c r="A1487" s="52" t="s">
        <v>78</v>
      </c>
      <c r="B1487" s="52" t="s">
        <v>79</v>
      </c>
      <c r="C1487" s="3">
        <v>212</v>
      </c>
      <c r="D1487" s="52" t="s">
        <v>2020</v>
      </c>
      <c r="E1487" s="52" t="s">
        <v>111</v>
      </c>
      <c r="F1487" s="52" t="s">
        <v>107</v>
      </c>
      <c r="G1487" s="52" t="s">
        <v>108</v>
      </c>
      <c r="H1487" s="4">
        <v>1</v>
      </c>
      <c r="I1487" s="2">
        <v>0</v>
      </c>
    </row>
    <row r="1488" spans="1:9" hidden="1" x14ac:dyDescent="0.35">
      <c r="A1488" s="52" t="s">
        <v>78</v>
      </c>
      <c r="B1488" s="52" t="s">
        <v>79</v>
      </c>
      <c r="C1488" s="3">
        <v>212</v>
      </c>
      <c r="D1488" s="52" t="s">
        <v>2020</v>
      </c>
      <c r="E1488" s="52" t="s">
        <v>120</v>
      </c>
      <c r="F1488" s="52" t="s">
        <v>116</v>
      </c>
      <c r="G1488" s="52" t="s">
        <v>115</v>
      </c>
      <c r="H1488" s="4">
        <v>58</v>
      </c>
      <c r="I1488" s="2">
        <v>0</v>
      </c>
    </row>
    <row r="1489" spans="1:9" hidden="1" x14ac:dyDescent="0.35">
      <c r="A1489" s="52" t="s">
        <v>78</v>
      </c>
      <c r="B1489" s="52" t="s">
        <v>79</v>
      </c>
      <c r="C1489" s="3">
        <v>213</v>
      </c>
      <c r="D1489" s="52" t="s">
        <v>2020</v>
      </c>
      <c r="E1489" s="52" t="s">
        <v>102</v>
      </c>
      <c r="F1489" s="52" t="s">
        <v>103</v>
      </c>
      <c r="G1489" s="52" t="s">
        <v>82</v>
      </c>
      <c r="H1489" s="4">
        <v>5</v>
      </c>
      <c r="I1489" s="2">
        <v>0</v>
      </c>
    </row>
    <row r="1490" spans="1:9" hidden="1" x14ac:dyDescent="0.35">
      <c r="A1490" s="52" t="s">
        <v>78</v>
      </c>
      <c r="B1490" s="52" t="s">
        <v>79</v>
      </c>
      <c r="C1490" s="3">
        <v>216</v>
      </c>
      <c r="D1490" s="52" t="s">
        <v>2020</v>
      </c>
      <c r="E1490" s="52" t="s">
        <v>92</v>
      </c>
      <c r="F1490" s="52" t="s">
        <v>93</v>
      </c>
      <c r="G1490" s="52" t="s">
        <v>82</v>
      </c>
      <c r="H1490" s="4">
        <v>62</v>
      </c>
      <c r="I1490" s="2">
        <v>2401.56</v>
      </c>
    </row>
    <row r="1491" spans="1:9" x14ac:dyDescent="0.35">
      <c r="A1491" s="52" t="s">
        <v>78</v>
      </c>
      <c r="B1491" s="52" t="s">
        <v>79</v>
      </c>
      <c r="C1491" s="3">
        <v>216</v>
      </c>
      <c r="D1491" s="52" t="s">
        <v>2020</v>
      </c>
      <c r="E1491" s="52" t="s">
        <v>113</v>
      </c>
      <c r="F1491" s="52" t="s">
        <v>114</v>
      </c>
      <c r="G1491" s="52" t="s">
        <v>115</v>
      </c>
      <c r="H1491" s="4">
        <v>1</v>
      </c>
      <c r="I1491" s="2">
        <v>0</v>
      </c>
    </row>
    <row r="1492" spans="1:9" hidden="1" x14ac:dyDescent="0.35">
      <c r="A1492" s="52" t="s">
        <v>78</v>
      </c>
      <c r="B1492" s="52" t="s">
        <v>79</v>
      </c>
      <c r="C1492" s="3">
        <v>216</v>
      </c>
      <c r="D1492" s="52" t="s">
        <v>2020</v>
      </c>
      <c r="E1492" s="52" t="s">
        <v>111</v>
      </c>
      <c r="F1492" s="52" t="s">
        <v>93</v>
      </c>
      <c r="G1492" s="52" t="s">
        <v>82</v>
      </c>
      <c r="H1492" s="4">
        <v>2</v>
      </c>
      <c r="I1492" s="2">
        <v>0</v>
      </c>
    </row>
    <row r="1493" spans="1:9" hidden="1" x14ac:dyDescent="0.35">
      <c r="A1493" s="52" t="s">
        <v>78</v>
      </c>
      <c r="B1493" s="52" t="s">
        <v>79</v>
      </c>
      <c r="C1493" s="3">
        <v>216</v>
      </c>
      <c r="D1493" s="52" t="s">
        <v>2020</v>
      </c>
      <c r="E1493" s="52" t="s">
        <v>102</v>
      </c>
      <c r="F1493" s="52" t="s">
        <v>103</v>
      </c>
      <c r="G1493" s="52" t="s">
        <v>82</v>
      </c>
      <c r="H1493" s="4">
        <v>9</v>
      </c>
      <c r="I1493" s="2">
        <v>0</v>
      </c>
    </row>
    <row r="1494" spans="1:9" hidden="1" x14ac:dyDescent="0.35">
      <c r="A1494" s="52" t="s">
        <v>78</v>
      </c>
      <c r="B1494" s="52" t="s">
        <v>79</v>
      </c>
      <c r="C1494" s="3">
        <v>216</v>
      </c>
      <c r="D1494" s="52" t="s">
        <v>2020</v>
      </c>
      <c r="E1494" s="52" t="s">
        <v>102</v>
      </c>
      <c r="F1494" s="52" t="s">
        <v>107</v>
      </c>
      <c r="G1494" s="52" t="s">
        <v>108</v>
      </c>
      <c r="H1494" s="4">
        <v>26</v>
      </c>
      <c r="I1494" s="2">
        <v>0</v>
      </c>
    </row>
    <row r="1495" spans="1:9" x14ac:dyDescent="0.35">
      <c r="A1495" s="52" t="s">
        <v>78</v>
      </c>
      <c r="B1495" s="52" t="s">
        <v>79</v>
      </c>
      <c r="C1495" s="3">
        <v>216</v>
      </c>
      <c r="D1495" s="52" t="s">
        <v>2020</v>
      </c>
      <c r="E1495" s="52" t="s">
        <v>122</v>
      </c>
      <c r="F1495" s="52" t="s">
        <v>123</v>
      </c>
      <c r="G1495" s="52" t="s">
        <v>108</v>
      </c>
      <c r="H1495" s="4">
        <v>1</v>
      </c>
      <c r="I1495" s="2">
        <v>0</v>
      </c>
    </row>
    <row r="1496" spans="1:9" hidden="1" x14ac:dyDescent="0.35">
      <c r="A1496" s="52" t="s">
        <v>78</v>
      </c>
      <c r="B1496" s="52" t="s">
        <v>79</v>
      </c>
      <c r="C1496" s="3">
        <v>216</v>
      </c>
      <c r="D1496" s="52" t="s">
        <v>2020</v>
      </c>
      <c r="E1496" s="52" t="s">
        <v>135</v>
      </c>
      <c r="F1496" s="52" t="s">
        <v>112</v>
      </c>
      <c r="G1496" s="52" t="s">
        <v>82</v>
      </c>
      <c r="H1496" s="4">
        <v>2</v>
      </c>
      <c r="I1496" s="2">
        <v>0</v>
      </c>
    </row>
    <row r="1497" spans="1:9" x14ac:dyDescent="0.35">
      <c r="A1497" s="52" t="s">
        <v>78</v>
      </c>
      <c r="B1497" s="52" t="s">
        <v>79</v>
      </c>
      <c r="C1497" s="3">
        <v>216</v>
      </c>
      <c r="D1497" s="52" t="s">
        <v>2020</v>
      </c>
      <c r="E1497" s="52" t="s">
        <v>134</v>
      </c>
      <c r="F1497" s="52" t="s">
        <v>123</v>
      </c>
      <c r="G1497" s="52" t="s">
        <v>82</v>
      </c>
      <c r="H1497" s="4">
        <v>1</v>
      </c>
      <c r="I1497" s="2">
        <v>0</v>
      </c>
    </row>
    <row r="1498" spans="1:9" hidden="1" x14ac:dyDescent="0.35">
      <c r="A1498" s="52" t="s">
        <v>78</v>
      </c>
      <c r="B1498" s="52" t="s">
        <v>79</v>
      </c>
      <c r="C1498" s="3">
        <v>216</v>
      </c>
      <c r="D1498" s="52" t="s">
        <v>2020</v>
      </c>
      <c r="E1498" s="52" t="s">
        <v>111</v>
      </c>
      <c r="F1498" s="52" t="s">
        <v>101</v>
      </c>
      <c r="G1498" s="52" t="s">
        <v>82</v>
      </c>
      <c r="H1498" s="4">
        <v>5</v>
      </c>
      <c r="I1498" s="2">
        <v>0</v>
      </c>
    </row>
    <row r="1499" spans="1:9" hidden="1" x14ac:dyDescent="0.35">
      <c r="A1499" s="52" t="s">
        <v>78</v>
      </c>
      <c r="B1499" s="52" t="s">
        <v>79</v>
      </c>
      <c r="C1499" s="3">
        <v>221</v>
      </c>
      <c r="D1499" s="52" t="s">
        <v>2020</v>
      </c>
      <c r="E1499" s="52" t="s">
        <v>92</v>
      </c>
      <c r="F1499" s="52" t="s">
        <v>93</v>
      </c>
      <c r="G1499" s="52" t="s">
        <v>82</v>
      </c>
      <c r="H1499" s="4">
        <v>99</v>
      </c>
      <c r="I1499" s="2">
        <v>10027.17</v>
      </c>
    </row>
    <row r="1500" spans="1:9" x14ac:dyDescent="0.35">
      <c r="A1500" s="52" t="s">
        <v>78</v>
      </c>
      <c r="B1500" s="52" t="s">
        <v>79</v>
      </c>
      <c r="C1500" s="3">
        <v>221</v>
      </c>
      <c r="D1500" s="52" t="s">
        <v>2020</v>
      </c>
      <c r="E1500" s="52" t="s">
        <v>38</v>
      </c>
      <c r="F1500" s="52" t="s">
        <v>97</v>
      </c>
      <c r="G1500" s="52" t="s">
        <v>82</v>
      </c>
      <c r="H1500" s="4">
        <v>1</v>
      </c>
      <c r="I1500" s="2">
        <v>4.7</v>
      </c>
    </row>
    <row r="1501" spans="1:9" hidden="1" x14ac:dyDescent="0.35">
      <c r="A1501" s="52" t="s">
        <v>78</v>
      </c>
      <c r="B1501" s="52" t="s">
        <v>79</v>
      </c>
      <c r="C1501" s="3">
        <v>221</v>
      </c>
      <c r="D1501" s="52" t="s">
        <v>2020</v>
      </c>
      <c r="E1501" s="52" t="s">
        <v>120</v>
      </c>
      <c r="F1501" s="52" t="s">
        <v>116</v>
      </c>
      <c r="G1501" s="52" t="s">
        <v>115</v>
      </c>
      <c r="H1501" s="4">
        <v>3</v>
      </c>
      <c r="I1501" s="2">
        <v>0</v>
      </c>
    </row>
    <row r="1502" spans="1:9" hidden="1" x14ac:dyDescent="0.35">
      <c r="A1502" s="52" t="s">
        <v>78</v>
      </c>
      <c r="B1502" s="52" t="s">
        <v>79</v>
      </c>
      <c r="C1502" s="3">
        <v>221</v>
      </c>
      <c r="D1502" s="52" t="s">
        <v>2020</v>
      </c>
      <c r="E1502" s="52" t="s">
        <v>118</v>
      </c>
      <c r="F1502" s="52" t="s">
        <v>119</v>
      </c>
      <c r="G1502" s="52" t="s">
        <v>115</v>
      </c>
      <c r="H1502" s="4">
        <v>3</v>
      </c>
      <c r="I1502" s="2">
        <v>0</v>
      </c>
    </row>
    <row r="1503" spans="1:9" hidden="1" x14ac:dyDescent="0.35">
      <c r="A1503" s="52" t="s">
        <v>78</v>
      </c>
      <c r="B1503" s="52" t="s">
        <v>79</v>
      </c>
      <c r="C1503" s="3">
        <v>221</v>
      </c>
      <c r="D1503" s="52" t="s">
        <v>2020</v>
      </c>
      <c r="E1503" s="52" t="s">
        <v>113</v>
      </c>
      <c r="F1503" s="52" t="s">
        <v>114</v>
      </c>
      <c r="G1503" s="52" t="s">
        <v>115</v>
      </c>
      <c r="H1503" s="4">
        <v>2</v>
      </c>
      <c r="I1503" s="2">
        <v>0</v>
      </c>
    </row>
    <row r="1504" spans="1:9" hidden="1" x14ac:dyDescent="0.35">
      <c r="A1504" s="52" t="s">
        <v>78</v>
      </c>
      <c r="B1504" s="52" t="s">
        <v>79</v>
      </c>
      <c r="C1504" s="3">
        <v>221</v>
      </c>
      <c r="D1504" s="52" t="s">
        <v>2020</v>
      </c>
      <c r="E1504" s="52" t="s">
        <v>102</v>
      </c>
      <c r="F1504" s="52" t="s">
        <v>116</v>
      </c>
      <c r="G1504" s="52" t="s">
        <v>115</v>
      </c>
      <c r="H1504" s="4">
        <v>3</v>
      </c>
      <c r="I1504" s="2">
        <v>0</v>
      </c>
    </row>
    <row r="1505" spans="1:9" hidden="1" x14ac:dyDescent="0.35">
      <c r="A1505" s="52" t="s">
        <v>78</v>
      </c>
      <c r="B1505" s="52" t="s">
        <v>79</v>
      </c>
      <c r="C1505" s="3">
        <v>221</v>
      </c>
      <c r="D1505" s="52" t="s">
        <v>2020</v>
      </c>
      <c r="E1505" s="52" t="s">
        <v>117</v>
      </c>
      <c r="F1505" s="52" t="s">
        <v>116</v>
      </c>
      <c r="G1505" s="52" t="s">
        <v>82</v>
      </c>
      <c r="H1505" s="4">
        <v>5</v>
      </c>
      <c r="I1505" s="2">
        <v>0</v>
      </c>
    </row>
    <row r="1506" spans="1:9" hidden="1" x14ac:dyDescent="0.35">
      <c r="A1506" s="52" t="s">
        <v>78</v>
      </c>
      <c r="B1506" s="52" t="s">
        <v>79</v>
      </c>
      <c r="C1506" s="3">
        <v>221</v>
      </c>
      <c r="D1506" s="52" t="s">
        <v>2020</v>
      </c>
      <c r="E1506" s="52" t="s">
        <v>102</v>
      </c>
      <c r="F1506" s="52" t="s">
        <v>103</v>
      </c>
      <c r="G1506" s="52" t="s">
        <v>82</v>
      </c>
      <c r="H1506" s="4">
        <v>2</v>
      </c>
      <c r="I1506" s="2">
        <v>0</v>
      </c>
    </row>
    <row r="1507" spans="1:9" hidden="1" x14ac:dyDescent="0.35">
      <c r="A1507" s="52" t="s">
        <v>78</v>
      </c>
      <c r="B1507" s="52" t="s">
        <v>79</v>
      </c>
      <c r="C1507" s="3">
        <v>221</v>
      </c>
      <c r="D1507" s="52" t="s">
        <v>2020</v>
      </c>
      <c r="E1507" s="52" t="s">
        <v>102</v>
      </c>
      <c r="F1507" s="52" t="s">
        <v>107</v>
      </c>
      <c r="G1507" s="52" t="s">
        <v>108</v>
      </c>
      <c r="H1507" s="4">
        <v>2</v>
      </c>
      <c r="I1507" s="2">
        <v>0</v>
      </c>
    </row>
    <row r="1508" spans="1:9" x14ac:dyDescent="0.35">
      <c r="A1508" s="52" t="s">
        <v>78</v>
      </c>
      <c r="B1508" s="52" t="s">
        <v>79</v>
      </c>
      <c r="C1508" s="3">
        <v>221</v>
      </c>
      <c r="D1508" s="52" t="s">
        <v>2020</v>
      </c>
      <c r="E1508" s="52" t="s">
        <v>135</v>
      </c>
      <c r="F1508" s="52" t="s">
        <v>112</v>
      </c>
      <c r="G1508" s="52" t="s">
        <v>82</v>
      </c>
      <c r="H1508" s="4">
        <v>1</v>
      </c>
      <c r="I1508" s="2">
        <v>0</v>
      </c>
    </row>
    <row r="1509" spans="1:9" hidden="1" x14ac:dyDescent="0.35">
      <c r="A1509" s="52" t="s">
        <v>78</v>
      </c>
      <c r="B1509" s="52" t="s">
        <v>79</v>
      </c>
      <c r="C1509" s="3">
        <v>222</v>
      </c>
      <c r="D1509" s="52" t="s">
        <v>2020</v>
      </c>
      <c r="E1509" s="52" t="s">
        <v>92</v>
      </c>
      <c r="F1509" s="52" t="s">
        <v>93</v>
      </c>
      <c r="G1509" s="52" t="s">
        <v>82</v>
      </c>
      <c r="H1509" s="4">
        <v>7</v>
      </c>
      <c r="I1509" s="2">
        <v>341.53</v>
      </c>
    </row>
    <row r="1510" spans="1:9" hidden="1" x14ac:dyDescent="0.35">
      <c r="A1510" s="52" t="s">
        <v>78</v>
      </c>
      <c r="B1510" s="52" t="s">
        <v>79</v>
      </c>
      <c r="C1510" s="3">
        <v>222</v>
      </c>
      <c r="D1510" s="52" t="s">
        <v>2020</v>
      </c>
      <c r="E1510" s="52" t="s">
        <v>36</v>
      </c>
      <c r="F1510" s="52" t="s">
        <v>95</v>
      </c>
      <c r="G1510" s="52" t="s">
        <v>82</v>
      </c>
      <c r="H1510" s="4">
        <v>2</v>
      </c>
      <c r="I1510" s="2">
        <v>9.4</v>
      </c>
    </row>
    <row r="1511" spans="1:9" x14ac:dyDescent="0.35">
      <c r="A1511" s="52" t="s">
        <v>78</v>
      </c>
      <c r="B1511" s="52" t="s">
        <v>79</v>
      </c>
      <c r="C1511" s="3">
        <v>222</v>
      </c>
      <c r="D1511" s="52" t="s">
        <v>2020</v>
      </c>
      <c r="E1511" s="52" t="s">
        <v>117</v>
      </c>
      <c r="F1511" s="52" t="s">
        <v>116</v>
      </c>
      <c r="G1511" s="52" t="s">
        <v>82</v>
      </c>
      <c r="H1511" s="4">
        <v>1</v>
      </c>
      <c r="I1511" s="2">
        <v>0</v>
      </c>
    </row>
    <row r="1512" spans="1:9" x14ac:dyDescent="0.35">
      <c r="A1512" s="52" t="s">
        <v>78</v>
      </c>
      <c r="B1512" s="52" t="s">
        <v>79</v>
      </c>
      <c r="C1512" s="3">
        <v>222</v>
      </c>
      <c r="D1512" s="52" t="s">
        <v>2020</v>
      </c>
      <c r="E1512" s="52" t="s">
        <v>102</v>
      </c>
      <c r="F1512" s="52" t="s">
        <v>103</v>
      </c>
      <c r="G1512" s="52" t="s">
        <v>82</v>
      </c>
      <c r="H1512" s="4">
        <v>1</v>
      </c>
      <c r="I1512" s="2">
        <v>0</v>
      </c>
    </row>
    <row r="1513" spans="1:9" hidden="1" x14ac:dyDescent="0.35">
      <c r="A1513" s="52" t="s">
        <v>78</v>
      </c>
      <c r="B1513" s="52" t="s">
        <v>79</v>
      </c>
      <c r="C1513" s="3">
        <v>230</v>
      </c>
      <c r="D1513" s="52" t="s">
        <v>2020</v>
      </c>
      <c r="E1513" s="52" t="s">
        <v>92</v>
      </c>
      <c r="F1513" s="52" t="s">
        <v>93</v>
      </c>
      <c r="G1513" s="52" t="s">
        <v>82</v>
      </c>
      <c r="H1513" s="4">
        <v>45</v>
      </c>
      <c r="I1513" s="2">
        <v>19914.560000000001</v>
      </c>
    </row>
    <row r="1514" spans="1:9" x14ac:dyDescent="0.35">
      <c r="A1514" s="52" t="s">
        <v>78</v>
      </c>
      <c r="B1514" s="52" t="s">
        <v>79</v>
      </c>
      <c r="C1514" s="3">
        <v>230</v>
      </c>
      <c r="D1514" s="52" t="s">
        <v>2020</v>
      </c>
      <c r="E1514" s="52" t="s">
        <v>26</v>
      </c>
      <c r="F1514" s="52" t="s">
        <v>81</v>
      </c>
      <c r="G1514" s="52" t="s">
        <v>82</v>
      </c>
      <c r="H1514" s="4">
        <v>1</v>
      </c>
      <c r="I1514" s="2">
        <v>14.65</v>
      </c>
    </row>
    <row r="1515" spans="1:9" x14ac:dyDescent="0.35">
      <c r="A1515" s="52" t="s">
        <v>78</v>
      </c>
      <c r="B1515" s="52" t="s">
        <v>79</v>
      </c>
      <c r="C1515" s="3">
        <v>230</v>
      </c>
      <c r="D1515" s="52" t="s">
        <v>2020</v>
      </c>
      <c r="E1515" s="52" t="s">
        <v>36</v>
      </c>
      <c r="F1515" s="52" t="s">
        <v>95</v>
      </c>
      <c r="G1515" s="52" t="s">
        <v>82</v>
      </c>
      <c r="H1515" s="4">
        <v>1</v>
      </c>
      <c r="I1515" s="2">
        <v>4.7</v>
      </c>
    </row>
    <row r="1516" spans="1:9" hidden="1" x14ac:dyDescent="0.35">
      <c r="A1516" s="52" t="s">
        <v>78</v>
      </c>
      <c r="B1516" s="52" t="s">
        <v>79</v>
      </c>
      <c r="C1516" s="3">
        <v>230</v>
      </c>
      <c r="D1516" s="52" t="s">
        <v>2020</v>
      </c>
      <c r="E1516" s="52" t="s">
        <v>102</v>
      </c>
      <c r="F1516" s="52" t="s">
        <v>107</v>
      </c>
      <c r="G1516" s="52" t="s">
        <v>108</v>
      </c>
      <c r="H1516" s="4">
        <v>2</v>
      </c>
      <c r="I1516" s="2">
        <v>0</v>
      </c>
    </row>
    <row r="1517" spans="1:9" hidden="1" x14ac:dyDescent="0.35">
      <c r="A1517" s="52" t="s">
        <v>78</v>
      </c>
      <c r="B1517" s="52" t="s">
        <v>79</v>
      </c>
      <c r="C1517" s="3">
        <v>230</v>
      </c>
      <c r="D1517" s="52" t="s">
        <v>2020</v>
      </c>
      <c r="E1517" s="52" t="s">
        <v>102</v>
      </c>
      <c r="F1517" s="52" t="s">
        <v>116</v>
      </c>
      <c r="G1517" s="52" t="s">
        <v>115</v>
      </c>
      <c r="H1517" s="4">
        <v>2</v>
      </c>
      <c r="I1517" s="2">
        <v>0</v>
      </c>
    </row>
    <row r="1518" spans="1:9" hidden="1" x14ac:dyDescent="0.35">
      <c r="A1518" s="52" t="s">
        <v>78</v>
      </c>
      <c r="B1518" s="52" t="s">
        <v>79</v>
      </c>
      <c r="C1518" s="3">
        <v>230</v>
      </c>
      <c r="D1518" s="52" t="s">
        <v>2020</v>
      </c>
      <c r="E1518" s="52" t="s">
        <v>113</v>
      </c>
      <c r="F1518" s="52" t="s">
        <v>114</v>
      </c>
      <c r="G1518" s="52" t="s">
        <v>115</v>
      </c>
      <c r="H1518" s="4">
        <v>3</v>
      </c>
      <c r="I1518" s="2">
        <v>0</v>
      </c>
    </row>
    <row r="1519" spans="1:9" hidden="1" x14ac:dyDescent="0.35">
      <c r="A1519" s="52" t="s">
        <v>78</v>
      </c>
      <c r="B1519" s="52" t="s">
        <v>79</v>
      </c>
      <c r="C1519" s="3">
        <v>230</v>
      </c>
      <c r="D1519" s="52" t="s">
        <v>2020</v>
      </c>
      <c r="E1519" s="52" t="s">
        <v>118</v>
      </c>
      <c r="F1519" s="52" t="s">
        <v>119</v>
      </c>
      <c r="G1519" s="52" t="s">
        <v>115</v>
      </c>
      <c r="H1519" s="4">
        <v>2</v>
      </c>
      <c r="I1519" s="2">
        <v>0</v>
      </c>
    </row>
    <row r="1520" spans="1:9" hidden="1" x14ac:dyDescent="0.35">
      <c r="A1520" s="52" t="s">
        <v>78</v>
      </c>
      <c r="B1520" s="52" t="s">
        <v>79</v>
      </c>
      <c r="C1520" s="3">
        <v>230</v>
      </c>
      <c r="D1520" s="52" t="s">
        <v>2020</v>
      </c>
      <c r="E1520" s="52" t="s">
        <v>117</v>
      </c>
      <c r="F1520" s="52" t="s">
        <v>116</v>
      </c>
      <c r="G1520" s="52" t="s">
        <v>82</v>
      </c>
      <c r="H1520" s="4">
        <v>2</v>
      </c>
      <c r="I1520" s="2">
        <v>0</v>
      </c>
    </row>
    <row r="1521" spans="1:9" hidden="1" x14ac:dyDescent="0.35">
      <c r="A1521" s="52" t="s">
        <v>78</v>
      </c>
      <c r="B1521" s="52" t="s">
        <v>79</v>
      </c>
      <c r="C1521" s="3">
        <v>230</v>
      </c>
      <c r="D1521" s="52" t="s">
        <v>2020</v>
      </c>
      <c r="E1521" s="52" t="s">
        <v>120</v>
      </c>
      <c r="F1521" s="52" t="s">
        <v>116</v>
      </c>
      <c r="G1521" s="52" t="s">
        <v>115</v>
      </c>
      <c r="H1521" s="4">
        <v>2</v>
      </c>
      <c r="I1521" s="2">
        <v>0</v>
      </c>
    </row>
    <row r="1522" spans="1:9" x14ac:dyDescent="0.35">
      <c r="A1522" s="52" t="s">
        <v>78</v>
      </c>
      <c r="B1522" s="52" t="s">
        <v>79</v>
      </c>
      <c r="C1522" s="3">
        <v>400</v>
      </c>
      <c r="D1522" s="52" t="s">
        <v>2020</v>
      </c>
      <c r="E1522" s="52" t="s">
        <v>92</v>
      </c>
      <c r="F1522" s="52" t="s">
        <v>93</v>
      </c>
      <c r="G1522" s="52" t="s">
        <v>82</v>
      </c>
      <c r="H1522" s="4">
        <v>1</v>
      </c>
      <c r="I1522" s="2">
        <v>2.82</v>
      </c>
    </row>
    <row r="1523" spans="1:9" hidden="1" x14ac:dyDescent="0.35">
      <c r="A1523" s="52" t="s">
        <v>78</v>
      </c>
      <c r="B1523" s="52" t="s">
        <v>79</v>
      </c>
      <c r="C1523" s="3">
        <v>0</v>
      </c>
      <c r="D1523" s="52" t="s">
        <v>2021</v>
      </c>
      <c r="E1523" s="52" t="s">
        <v>92</v>
      </c>
      <c r="F1523" s="52" t="s">
        <v>93</v>
      </c>
      <c r="G1523" s="52" t="s">
        <v>82</v>
      </c>
      <c r="H1523" s="4">
        <v>242</v>
      </c>
      <c r="I1523" s="2">
        <v>9252.2199999999993</v>
      </c>
    </row>
    <row r="1524" spans="1:9" hidden="1" x14ac:dyDescent="0.35">
      <c r="A1524" s="52" t="s">
        <v>78</v>
      </c>
      <c r="B1524" s="52" t="s">
        <v>79</v>
      </c>
      <c r="C1524" s="3">
        <v>0</v>
      </c>
      <c r="D1524" s="52" t="s">
        <v>2021</v>
      </c>
      <c r="E1524" s="52" t="s">
        <v>104</v>
      </c>
      <c r="F1524" s="52" t="s">
        <v>105</v>
      </c>
      <c r="G1524" s="52" t="s">
        <v>82</v>
      </c>
      <c r="H1524" s="4">
        <v>1011</v>
      </c>
      <c r="I1524" s="2">
        <v>0</v>
      </c>
    </row>
    <row r="1525" spans="1:9" hidden="1" x14ac:dyDescent="0.35">
      <c r="A1525" s="52" t="s">
        <v>78</v>
      </c>
      <c r="B1525" s="52" t="s">
        <v>79</v>
      </c>
      <c r="C1525" s="3">
        <v>0</v>
      </c>
      <c r="D1525" s="52" t="s">
        <v>2021</v>
      </c>
      <c r="E1525" s="52" t="s">
        <v>104</v>
      </c>
      <c r="F1525" s="52" t="s">
        <v>112</v>
      </c>
      <c r="G1525" s="52" t="s">
        <v>82</v>
      </c>
      <c r="H1525" s="4">
        <v>19</v>
      </c>
      <c r="I1525" s="2">
        <v>0</v>
      </c>
    </row>
    <row r="1526" spans="1:9" x14ac:dyDescent="0.35">
      <c r="A1526" s="52" t="s">
        <v>78</v>
      </c>
      <c r="B1526" s="52" t="s">
        <v>79</v>
      </c>
      <c r="C1526" s="3">
        <v>0</v>
      </c>
      <c r="D1526" s="52" t="s">
        <v>2021</v>
      </c>
      <c r="E1526" s="52" t="s">
        <v>111</v>
      </c>
      <c r="F1526" s="52" t="s">
        <v>107</v>
      </c>
      <c r="G1526" s="52" t="s">
        <v>108</v>
      </c>
      <c r="H1526" s="4">
        <v>1</v>
      </c>
      <c r="I1526" s="2">
        <v>0</v>
      </c>
    </row>
    <row r="1527" spans="1:9" x14ac:dyDescent="0.35">
      <c r="A1527" s="52" t="s">
        <v>78</v>
      </c>
      <c r="B1527" s="52" t="s">
        <v>79</v>
      </c>
      <c r="C1527" s="3">
        <v>0</v>
      </c>
      <c r="D1527" s="52" t="s">
        <v>2021</v>
      </c>
      <c r="E1527" s="52" t="s">
        <v>102</v>
      </c>
      <c r="F1527" s="52" t="s">
        <v>103</v>
      </c>
      <c r="G1527" s="52" t="s">
        <v>82</v>
      </c>
      <c r="H1527" s="4">
        <v>1</v>
      </c>
      <c r="I1527" s="2">
        <v>0</v>
      </c>
    </row>
    <row r="1528" spans="1:9" x14ac:dyDescent="0.35">
      <c r="A1528" s="52" t="s">
        <v>78</v>
      </c>
      <c r="B1528" s="52" t="s">
        <v>79</v>
      </c>
      <c r="C1528" s="3">
        <v>0</v>
      </c>
      <c r="D1528" s="52" t="s">
        <v>2021</v>
      </c>
      <c r="E1528" s="52" t="s">
        <v>113</v>
      </c>
      <c r="F1528" s="52" t="s">
        <v>114</v>
      </c>
      <c r="G1528" s="52" t="s">
        <v>115</v>
      </c>
      <c r="H1528" s="4">
        <v>1</v>
      </c>
      <c r="I1528" s="2">
        <v>0</v>
      </c>
    </row>
    <row r="1529" spans="1:9" x14ac:dyDescent="0.35">
      <c r="A1529" s="52" t="s">
        <v>78</v>
      </c>
      <c r="B1529" s="52" t="s">
        <v>79</v>
      </c>
      <c r="C1529" s="3">
        <v>0</v>
      </c>
      <c r="D1529" s="52" t="s">
        <v>2021</v>
      </c>
      <c r="E1529" s="52" t="s">
        <v>111</v>
      </c>
      <c r="F1529" s="52" t="s">
        <v>101</v>
      </c>
      <c r="G1529" s="52" t="s">
        <v>82</v>
      </c>
      <c r="H1529" s="4">
        <v>1</v>
      </c>
      <c r="I1529" s="2">
        <v>0</v>
      </c>
    </row>
    <row r="1530" spans="1:9" hidden="1" x14ac:dyDescent="0.35">
      <c r="A1530" s="52" t="s">
        <v>78</v>
      </c>
      <c r="B1530" s="52" t="s">
        <v>79</v>
      </c>
      <c r="C1530" s="3">
        <v>0</v>
      </c>
      <c r="D1530" s="52" t="s">
        <v>2021</v>
      </c>
      <c r="E1530" s="52" t="s">
        <v>104</v>
      </c>
      <c r="F1530" s="52" t="s">
        <v>101</v>
      </c>
      <c r="G1530" s="52" t="s">
        <v>82</v>
      </c>
      <c r="H1530" s="4">
        <v>3187</v>
      </c>
      <c r="I1530" s="2">
        <v>0</v>
      </c>
    </row>
    <row r="1531" spans="1:9" hidden="1" x14ac:dyDescent="0.35">
      <c r="A1531" s="52" t="s">
        <v>78</v>
      </c>
      <c r="B1531" s="52" t="s">
        <v>79</v>
      </c>
      <c r="C1531" s="3">
        <v>10</v>
      </c>
      <c r="D1531" s="52" t="s">
        <v>2021</v>
      </c>
      <c r="E1531" s="52" t="s">
        <v>90</v>
      </c>
      <c r="F1531" s="52" t="s">
        <v>91</v>
      </c>
      <c r="G1531" s="52" t="s">
        <v>82</v>
      </c>
      <c r="H1531" s="4">
        <v>4767</v>
      </c>
      <c r="I1531" s="2">
        <v>56235.51</v>
      </c>
    </row>
    <row r="1532" spans="1:9" hidden="1" x14ac:dyDescent="0.35">
      <c r="A1532" s="52" t="s">
        <v>78</v>
      </c>
      <c r="B1532" s="52" t="s">
        <v>79</v>
      </c>
      <c r="C1532" s="3">
        <v>10</v>
      </c>
      <c r="D1532" s="52" t="s">
        <v>2021</v>
      </c>
      <c r="E1532" s="52" t="s">
        <v>26</v>
      </c>
      <c r="F1532" s="52" t="s">
        <v>81</v>
      </c>
      <c r="G1532" s="52" t="s">
        <v>82</v>
      </c>
      <c r="H1532" s="4">
        <v>123</v>
      </c>
      <c r="I1532" s="2">
        <v>1801.95</v>
      </c>
    </row>
    <row r="1533" spans="1:9" hidden="1" x14ac:dyDescent="0.35">
      <c r="A1533" s="52" t="s">
        <v>78</v>
      </c>
      <c r="B1533" s="52" t="s">
        <v>79</v>
      </c>
      <c r="C1533" s="3">
        <v>10</v>
      </c>
      <c r="D1533" s="52" t="s">
        <v>2021</v>
      </c>
      <c r="E1533" s="52" t="s">
        <v>36</v>
      </c>
      <c r="F1533" s="52" t="s">
        <v>95</v>
      </c>
      <c r="G1533" s="52" t="s">
        <v>82</v>
      </c>
      <c r="H1533" s="4">
        <v>371</v>
      </c>
      <c r="I1533" s="2">
        <v>1743.7</v>
      </c>
    </row>
    <row r="1534" spans="1:9" hidden="1" x14ac:dyDescent="0.35">
      <c r="A1534" s="52" t="s">
        <v>78</v>
      </c>
      <c r="B1534" s="52" t="s">
        <v>79</v>
      </c>
      <c r="C1534" s="3">
        <v>10</v>
      </c>
      <c r="D1534" s="52" t="s">
        <v>2021</v>
      </c>
      <c r="E1534" s="52" t="s">
        <v>38</v>
      </c>
      <c r="F1534" s="52" t="s">
        <v>97</v>
      </c>
      <c r="G1534" s="52" t="s">
        <v>82</v>
      </c>
      <c r="H1534" s="4">
        <v>87</v>
      </c>
      <c r="I1534" s="2">
        <v>1153.0999999999999</v>
      </c>
    </row>
    <row r="1535" spans="1:9" hidden="1" x14ac:dyDescent="0.35">
      <c r="A1535" s="52" t="s">
        <v>78</v>
      </c>
      <c r="B1535" s="52" t="s">
        <v>79</v>
      </c>
      <c r="C1535" s="3">
        <v>10</v>
      </c>
      <c r="D1535" s="52" t="s">
        <v>2021</v>
      </c>
      <c r="E1535" s="52" t="s">
        <v>29</v>
      </c>
      <c r="F1535" s="52" t="s">
        <v>94</v>
      </c>
      <c r="G1535" s="52" t="s">
        <v>82</v>
      </c>
      <c r="H1535" s="4">
        <v>3</v>
      </c>
      <c r="I1535" s="2">
        <v>561.51</v>
      </c>
    </row>
    <row r="1536" spans="1:9" hidden="1" x14ac:dyDescent="0.35">
      <c r="A1536" s="52" t="s">
        <v>78</v>
      </c>
      <c r="B1536" s="52" t="s">
        <v>79</v>
      </c>
      <c r="C1536" s="3">
        <v>10</v>
      </c>
      <c r="D1536" s="52" t="s">
        <v>2021</v>
      </c>
      <c r="E1536" s="52" t="s">
        <v>914</v>
      </c>
      <c r="F1536" s="52" t="s">
        <v>91</v>
      </c>
      <c r="G1536" s="52" t="s">
        <v>82</v>
      </c>
      <c r="H1536" s="4">
        <v>363</v>
      </c>
      <c r="I1536" s="2">
        <v>242.55</v>
      </c>
    </row>
    <row r="1537" spans="1:9" x14ac:dyDescent="0.35">
      <c r="A1537" s="52" t="s">
        <v>78</v>
      </c>
      <c r="B1537" s="52" t="s">
        <v>79</v>
      </c>
      <c r="C1537" s="3">
        <v>10</v>
      </c>
      <c r="D1537" s="52" t="s">
        <v>2021</v>
      </c>
      <c r="E1537" s="52" t="s">
        <v>33</v>
      </c>
      <c r="F1537" s="52" t="s">
        <v>99</v>
      </c>
      <c r="G1537" s="52" t="s">
        <v>82</v>
      </c>
      <c r="H1537" s="4">
        <v>1</v>
      </c>
      <c r="I1537" s="2">
        <v>48</v>
      </c>
    </row>
    <row r="1538" spans="1:9" hidden="1" x14ac:dyDescent="0.35">
      <c r="A1538" s="52" t="s">
        <v>78</v>
      </c>
      <c r="B1538" s="52" t="s">
        <v>79</v>
      </c>
      <c r="C1538" s="3">
        <v>10</v>
      </c>
      <c r="D1538" s="52" t="s">
        <v>2021</v>
      </c>
      <c r="E1538" s="52" t="s">
        <v>92</v>
      </c>
      <c r="F1538" s="52" t="s">
        <v>93</v>
      </c>
      <c r="G1538" s="52" t="s">
        <v>82</v>
      </c>
      <c r="H1538" s="4">
        <v>10</v>
      </c>
      <c r="I1538" s="2">
        <v>34.11</v>
      </c>
    </row>
    <row r="1539" spans="1:9" x14ac:dyDescent="0.35">
      <c r="A1539" s="52" t="s">
        <v>78</v>
      </c>
      <c r="B1539" s="52" t="s">
        <v>79</v>
      </c>
      <c r="C1539" s="3">
        <v>10</v>
      </c>
      <c r="D1539" s="52" t="s">
        <v>2021</v>
      </c>
      <c r="E1539" s="52" t="s">
        <v>40</v>
      </c>
      <c r="F1539" s="52" t="s">
        <v>96</v>
      </c>
      <c r="G1539" s="52" t="s">
        <v>82</v>
      </c>
      <c r="H1539" s="4">
        <v>1</v>
      </c>
      <c r="I1539" s="2">
        <v>25</v>
      </c>
    </row>
    <row r="1540" spans="1:9" x14ac:dyDescent="0.35">
      <c r="A1540" s="52" t="s">
        <v>78</v>
      </c>
      <c r="B1540" s="52" t="s">
        <v>79</v>
      </c>
      <c r="C1540" s="3">
        <v>10</v>
      </c>
      <c r="D1540" s="52" t="s">
        <v>2021</v>
      </c>
      <c r="E1540" s="52" t="s">
        <v>102</v>
      </c>
      <c r="F1540" s="52" t="s">
        <v>138</v>
      </c>
      <c r="G1540" s="52" t="s">
        <v>108</v>
      </c>
      <c r="H1540" s="4">
        <v>1</v>
      </c>
      <c r="I1540" s="2">
        <v>0</v>
      </c>
    </row>
    <row r="1541" spans="1:9" hidden="1" x14ac:dyDescent="0.35">
      <c r="A1541" s="52" t="s">
        <v>78</v>
      </c>
      <c r="B1541" s="52" t="s">
        <v>79</v>
      </c>
      <c r="C1541" s="3">
        <v>10</v>
      </c>
      <c r="D1541" s="52" t="s">
        <v>2021</v>
      </c>
      <c r="E1541" s="52" t="s">
        <v>132</v>
      </c>
      <c r="F1541" s="52" t="s">
        <v>133</v>
      </c>
      <c r="G1541" s="52" t="s">
        <v>108</v>
      </c>
      <c r="H1541" s="4">
        <v>2</v>
      </c>
      <c r="I1541" s="2">
        <v>0</v>
      </c>
    </row>
    <row r="1542" spans="1:9" hidden="1" x14ac:dyDescent="0.35">
      <c r="A1542" s="52" t="s">
        <v>78</v>
      </c>
      <c r="B1542" s="52" t="s">
        <v>79</v>
      </c>
      <c r="C1542" s="3">
        <v>10</v>
      </c>
      <c r="D1542" s="52" t="s">
        <v>2021</v>
      </c>
      <c r="E1542" s="52" t="s">
        <v>113</v>
      </c>
      <c r="F1542" s="52" t="s">
        <v>114</v>
      </c>
      <c r="G1542" s="52" t="s">
        <v>115</v>
      </c>
      <c r="H1542" s="4">
        <v>1405</v>
      </c>
      <c r="I1542" s="2">
        <v>0</v>
      </c>
    </row>
    <row r="1543" spans="1:9" hidden="1" x14ac:dyDescent="0.35">
      <c r="A1543" s="52" t="s">
        <v>78</v>
      </c>
      <c r="B1543" s="52" t="s">
        <v>79</v>
      </c>
      <c r="C1543" s="3">
        <v>10</v>
      </c>
      <c r="D1543" s="52" t="s">
        <v>2021</v>
      </c>
      <c r="E1543" s="52" t="s">
        <v>102</v>
      </c>
      <c r="F1543" s="52" t="s">
        <v>112</v>
      </c>
      <c r="G1543" s="52" t="s">
        <v>108</v>
      </c>
      <c r="H1543" s="4">
        <v>3</v>
      </c>
      <c r="I1543" s="2">
        <v>0</v>
      </c>
    </row>
    <row r="1544" spans="1:9" hidden="1" x14ac:dyDescent="0.35">
      <c r="A1544" s="52" t="s">
        <v>78</v>
      </c>
      <c r="B1544" s="52" t="s">
        <v>79</v>
      </c>
      <c r="C1544" s="3">
        <v>10</v>
      </c>
      <c r="D1544" s="52" t="s">
        <v>2021</v>
      </c>
      <c r="E1544" s="52" t="s">
        <v>102</v>
      </c>
      <c r="F1544" s="52" t="s">
        <v>107</v>
      </c>
      <c r="G1544" s="52" t="s">
        <v>108</v>
      </c>
      <c r="H1544" s="4">
        <v>78</v>
      </c>
      <c r="I1544" s="2">
        <v>0</v>
      </c>
    </row>
    <row r="1545" spans="1:9" hidden="1" x14ac:dyDescent="0.35">
      <c r="A1545" s="52" t="s">
        <v>78</v>
      </c>
      <c r="B1545" s="52" t="s">
        <v>79</v>
      </c>
      <c r="C1545" s="3">
        <v>10</v>
      </c>
      <c r="D1545" s="52" t="s">
        <v>2021</v>
      </c>
      <c r="E1545" s="52" t="s">
        <v>120</v>
      </c>
      <c r="F1545" s="52" t="s">
        <v>116</v>
      </c>
      <c r="G1545" s="52" t="s">
        <v>115</v>
      </c>
      <c r="H1545" s="4">
        <v>640</v>
      </c>
      <c r="I1545" s="2">
        <v>0</v>
      </c>
    </row>
    <row r="1546" spans="1:9" hidden="1" x14ac:dyDescent="0.35">
      <c r="A1546" s="52" t="s">
        <v>78</v>
      </c>
      <c r="B1546" s="52" t="s">
        <v>79</v>
      </c>
      <c r="C1546" s="3">
        <v>10</v>
      </c>
      <c r="D1546" s="52" t="s">
        <v>2021</v>
      </c>
      <c r="E1546" s="52" t="s">
        <v>111</v>
      </c>
      <c r="F1546" s="52" t="s">
        <v>103</v>
      </c>
      <c r="G1546" s="52" t="s">
        <v>82</v>
      </c>
      <c r="H1546" s="4">
        <v>23</v>
      </c>
      <c r="I1546" s="2">
        <v>0</v>
      </c>
    </row>
    <row r="1547" spans="1:9" hidden="1" x14ac:dyDescent="0.35">
      <c r="A1547" s="52" t="s">
        <v>78</v>
      </c>
      <c r="B1547" s="52" t="s">
        <v>79</v>
      </c>
      <c r="C1547" s="3">
        <v>10</v>
      </c>
      <c r="D1547" s="52" t="s">
        <v>2021</v>
      </c>
      <c r="E1547" s="52" t="s">
        <v>111</v>
      </c>
      <c r="F1547" s="52" t="s">
        <v>95</v>
      </c>
      <c r="G1547" s="52" t="s">
        <v>82</v>
      </c>
      <c r="H1547" s="4">
        <v>46</v>
      </c>
      <c r="I1547" s="2">
        <v>0</v>
      </c>
    </row>
    <row r="1548" spans="1:9" hidden="1" x14ac:dyDescent="0.35">
      <c r="A1548" s="52" t="s">
        <v>78</v>
      </c>
      <c r="B1548" s="52" t="s">
        <v>79</v>
      </c>
      <c r="C1548" s="3">
        <v>10</v>
      </c>
      <c r="D1548" s="52" t="s">
        <v>2021</v>
      </c>
      <c r="E1548" s="52" t="s">
        <v>126</v>
      </c>
      <c r="F1548" s="52" t="s">
        <v>103</v>
      </c>
      <c r="G1548" s="52" t="s">
        <v>82</v>
      </c>
      <c r="H1548" s="4">
        <v>2</v>
      </c>
      <c r="I1548" s="2">
        <v>0</v>
      </c>
    </row>
    <row r="1549" spans="1:9" x14ac:dyDescent="0.35">
      <c r="A1549" s="52" t="s">
        <v>78</v>
      </c>
      <c r="B1549" s="52" t="s">
        <v>79</v>
      </c>
      <c r="C1549" s="3">
        <v>10</v>
      </c>
      <c r="D1549" s="52" t="s">
        <v>2021</v>
      </c>
      <c r="E1549" s="52" t="s">
        <v>106</v>
      </c>
      <c r="F1549" s="52" t="s">
        <v>103</v>
      </c>
      <c r="G1549" s="52" t="s">
        <v>82</v>
      </c>
      <c r="H1549" s="4">
        <v>1</v>
      </c>
      <c r="I1549" s="2">
        <v>0</v>
      </c>
    </row>
    <row r="1550" spans="1:9" hidden="1" x14ac:dyDescent="0.35">
      <c r="A1550" s="52" t="s">
        <v>78</v>
      </c>
      <c r="B1550" s="52" t="s">
        <v>79</v>
      </c>
      <c r="C1550" s="3">
        <v>10</v>
      </c>
      <c r="D1550" s="52" t="s">
        <v>2021</v>
      </c>
      <c r="E1550" s="52" t="s">
        <v>139</v>
      </c>
      <c r="F1550" s="52" t="s">
        <v>140</v>
      </c>
      <c r="G1550" s="52" t="s">
        <v>82</v>
      </c>
      <c r="H1550" s="4">
        <v>128</v>
      </c>
      <c r="I1550" s="2">
        <v>0</v>
      </c>
    </row>
    <row r="1551" spans="1:9" hidden="1" x14ac:dyDescent="0.35">
      <c r="A1551" s="52" t="s">
        <v>78</v>
      </c>
      <c r="B1551" s="52" t="s">
        <v>79</v>
      </c>
      <c r="C1551" s="3">
        <v>10</v>
      </c>
      <c r="D1551" s="52" t="s">
        <v>2021</v>
      </c>
      <c r="E1551" s="52" t="s">
        <v>102</v>
      </c>
      <c r="F1551" s="52" t="s">
        <v>125</v>
      </c>
      <c r="G1551" s="52" t="s">
        <v>108</v>
      </c>
      <c r="H1551" s="4">
        <v>2</v>
      </c>
      <c r="I1551" s="2">
        <v>0</v>
      </c>
    </row>
    <row r="1552" spans="1:9" hidden="1" x14ac:dyDescent="0.35">
      <c r="A1552" s="52" t="s">
        <v>78</v>
      </c>
      <c r="B1552" s="52" t="s">
        <v>79</v>
      </c>
      <c r="C1552" s="3">
        <v>10</v>
      </c>
      <c r="D1552" s="52" t="s">
        <v>2021</v>
      </c>
      <c r="E1552" s="52" t="s">
        <v>109</v>
      </c>
      <c r="F1552" s="52" t="s">
        <v>110</v>
      </c>
      <c r="G1552" s="52" t="s">
        <v>108</v>
      </c>
      <c r="H1552" s="4">
        <v>11</v>
      </c>
      <c r="I1552" s="2">
        <v>0</v>
      </c>
    </row>
    <row r="1553" spans="1:9" hidden="1" x14ac:dyDescent="0.35">
      <c r="A1553" s="52" t="s">
        <v>78</v>
      </c>
      <c r="B1553" s="52" t="s">
        <v>79</v>
      </c>
      <c r="C1553" s="3">
        <v>10</v>
      </c>
      <c r="D1553" s="52" t="s">
        <v>2021</v>
      </c>
      <c r="E1553" s="52" t="s">
        <v>128</v>
      </c>
      <c r="F1553" s="52" t="s">
        <v>129</v>
      </c>
      <c r="G1553" s="52" t="s">
        <v>82</v>
      </c>
      <c r="H1553" s="4">
        <v>3</v>
      </c>
      <c r="I1553" s="2">
        <v>0</v>
      </c>
    </row>
    <row r="1554" spans="1:9" hidden="1" x14ac:dyDescent="0.35">
      <c r="A1554" s="52" t="s">
        <v>78</v>
      </c>
      <c r="B1554" s="52" t="s">
        <v>79</v>
      </c>
      <c r="C1554" s="3">
        <v>10</v>
      </c>
      <c r="D1554" s="52" t="s">
        <v>2021</v>
      </c>
      <c r="E1554" s="52" t="s">
        <v>111</v>
      </c>
      <c r="F1554" s="52" t="s">
        <v>81</v>
      </c>
      <c r="G1554" s="52" t="s">
        <v>82</v>
      </c>
      <c r="H1554" s="4">
        <v>2</v>
      </c>
      <c r="I1554" s="2">
        <v>0</v>
      </c>
    </row>
    <row r="1555" spans="1:9" hidden="1" x14ac:dyDescent="0.35">
      <c r="A1555" s="52" t="s">
        <v>78</v>
      </c>
      <c r="B1555" s="52" t="s">
        <v>79</v>
      </c>
      <c r="C1555" s="3">
        <v>10</v>
      </c>
      <c r="D1555" s="52" t="s">
        <v>2021</v>
      </c>
      <c r="E1555" s="52" t="s">
        <v>111</v>
      </c>
      <c r="F1555" s="52" t="s">
        <v>101</v>
      </c>
      <c r="G1555" s="52" t="s">
        <v>82</v>
      </c>
      <c r="H1555" s="4">
        <v>342</v>
      </c>
      <c r="I1555" s="2">
        <v>0</v>
      </c>
    </row>
    <row r="1556" spans="1:9" hidden="1" x14ac:dyDescent="0.35">
      <c r="A1556" s="52" t="s">
        <v>78</v>
      </c>
      <c r="B1556" s="52" t="s">
        <v>79</v>
      </c>
      <c r="C1556" s="3">
        <v>10</v>
      </c>
      <c r="D1556" s="52" t="s">
        <v>2021</v>
      </c>
      <c r="E1556" s="52" t="s">
        <v>117</v>
      </c>
      <c r="F1556" s="52" t="s">
        <v>116</v>
      </c>
      <c r="G1556" s="52" t="s">
        <v>82</v>
      </c>
      <c r="H1556" s="4">
        <v>1391</v>
      </c>
      <c r="I1556" s="2">
        <v>0</v>
      </c>
    </row>
    <row r="1557" spans="1:9" hidden="1" x14ac:dyDescent="0.35">
      <c r="A1557" s="52" t="s">
        <v>78</v>
      </c>
      <c r="B1557" s="52" t="s">
        <v>79</v>
      </c>
      <c r="C1557" s="3">
        <v>10</v>
      </c>
      <c r="D1557" s="52" t="s">
        <v>2021</v>
      </c>
      <c r="E1557" s="52" t="s">
        <v>111</v>
      </c>
      <c r="F1557" s="52" t="s">
        <v>93</v>
      </c>
      <c r="G1557" s="52" t="s">
        <v>82</v>
      </c>
      <c r="H1557" s="4">
        <v>33</v>
      </c>
      <c r="I1557" s="2">
        <v>0</v>
      </c>
    </row>
    <row r="1558" spans="1:9" hidden="1" x14ac:dyDescent="0.35">
      <c r="A1558" s="52" t="s">
        <v>78</v>
      </c>
      <c r="B1558" s="52" t="s">
        <v>79</v>
      </c>
      <c r="C1558" s="3">
        <v>10</v>
      </c>
      <c r="D1558" s="52" t="s">
        <v>2021</v>
      </c>
      <c r="E1558" s="52" t="s">
        <v>111</v>
      </c>
      <c r="F1558" s="52" t="s">
        <v>127</v>
      </c>
      <c r="G1558" s="52" t="s">
        <v>108</v>
      </c>
      <c r="H1558" s="4">
        <v>2</v>
      </c>
      <c r="I1558" s="2">
        <v>0</v>
      </c>
    </row>
    <row r="1559" spans="1:9" x14ac:dyDescent="0.35">
      <c r="A1559" s="52" t="s">
        <v>78</v>
      </c>
      <c r="B1559" s="52" t="s">
        <v>79</v>
      </c>
      <c r="C1559" s="3">
        <v>10</v>
      </c>
      <c r="D1559" s="52" t="s">
        <v>2021</v>
      </c>
      <c r="E1559" s="52" t="s">
        <v>102</v>
      </c>
      <c r="F1559" s="52" t="s">
        <v>101</v>
      </c>
      <c r="G1559" s="52" t="s">
        <v>108</v>
      </c>
      <c r="H1559" s="4">
        <v>1</v>
      </c>
      <c r="I1559" s="2">
        <v>0</v>
      </c>
    </row>
    <row r="1560" spans="1:9" x14ac:dyDescent="0.35">
      <c r="A1560" s="52" t="s">
        <v>78</v>
      </c>
      <c r="B1560" s="52" t="s">
        <v>79</v>
      </c>
      <c r="C1560" s="3">
        <v>10</v>
      </c>
      <c r="D1560" s="52" t="s">
        <v>2021</v>
      </c>
      <c r="E1560" s="52" t="s">
        <v>111</v>
      </c>
      <c r="F1560" s="52" t="s">
        <v>101</v>
      </c>
      <c r="G1560" s="52" t="s">
        <v>108</v>
      </c>
      <c r="H1560" s="4">
        <v>1</v>
      </c>
      <c r="I1560" s="2">
        <v>0</v>
      </c>
    </row>
    <row r="1561" spans="1:9" hidden="1" x14ac:dyDescent="0.35">
      <c r="A1561" s="52" t="s">
        <v>78</v>
      </c>
      <c r="B1561" s="52" t="s">
        <v>79</v>
      </c>
      <c r="C1561" s="3">
        <v>10</v>
      </c>
      <c r="D1561" s="52" t="s">
        <v>2021</v>
      </c>
      <c r="E1561" s="52" t="s">
        <v>122</v>
      </c>
      <c r="F1561" s="52" t="s">
        <v>123</v>
      </c>
      <c r="G1561" s="52" t="s">
        <v>108</v>
      </c>
      <c r="H1561" s="4">
        <v>694</v>
      </c>
      <c r="I1561" s="2">
        <v>0</v>
      </c>
    </row>
    <row r="1562" spans="1:9" hidden="1" x14ac:dyDescent="0.35">
      <c r="A1562" s="52" t="s">
        <v>78</v>
      </c>
      <c r="B1562" s="52" t="s">
        <v>79</v>
      </c>
      <c r="C1562" s="3">
        <v>10</v>
      </c>
      <c r="D1562" s="52" t="s">
        <v>2021</v>
      </c>
      <c r="E1562" s="52" t="s">
        <v>111</v>
      </c>
      <c r="F1562" s="52" t="s">
        <v>107</v>
      </c>
      <c r="G1562" s="52" t="s">
        <v>108</v>
      </c>
      <c r="H1562" s="4">
        <v>41</v>
      </c>
      <c r="I1562" s="2">
        <v>0</v>
      </c>
    </row>
    <row r="1563" spans="1:9" hidden="1" x14ac:dyDescent="0.35">
      <c r="A1563" s="52" t="s">
        <v>78</v>
      </c>
      <c r="B1563" s="52" t="s">
        <v>79</v>
      </c>
      <c r="C1563" s="3">
        <v>10</v>
      </c>
      <c r="D1563" s="52" t="s">
        <v>2021</v>
      </c>
      <c r="E1563" s="52" t="s">
        <v>106</v>
      </c>
      <c r="F1563" s="52" t="s">
        <v>107</v>
      </c>
      <c r="G1563" s="52" t="s">
        <v>108</v>
      </c>
      <c r="H1563" s="4">
        <v>8</v>
      </c>
      <c r="I1563" s="2">
        <v>0</v>
      </c>
    </row>
    <row r="1564" spans="1:9" hidden="1" x14ac:dyDescent="0.35">
      <c r="A1564" s="52" t="s">
        <v>78</v>
      </c>
      <c r="B1564" s="52" t="s">
        <v>79</v>
      </c>
      <c r="C1564" s="3">
        <v>10</v>
      </c>
      <c r="D1564" s="52" t="s">
        <v>2021</v>
      </c>
      <c r="E1564" s="52" t="s">
        <v>135</v>
      </c>
      <c r="F1564" s="52" t="s">
        <v>112</v>
      </c>
      <c r="G1564" s="52" t="s">
        <v>82</v>
      </c>
      <c r="H1564" s="4">
        <v>7771</v>
      </c>
      <c r="I1564" s="2">
        <v>0</v>
      </c>
    </row>
    <row r="1565" spans="1:9" hidden="1" x14ac:dyDescent="0.35">
      <c r="A1565" s="52" t="s">
        <v>78</v>
      </c>
      <c r="B1565" s="52" t="s">
        <v>79</v>
      </c>
      <c r="C1565" s="3">
        <v>10</v>
      </c>
      <c r="D1565" s="52" t="s">
        <v>2021</v>
      </c>
      <c r="E1565" s="52" t="s">
        <v>102</v>
      </c>
      <c r="F1565" s="52" t="s">
        <v>127</v>
      </c>
      <c r="G1565" s="52" t="s">
        <v>108</v>
      </c>
      <c r="H1565" s="4">
        <v>45</v>
      </c>
      <c r="I1565" s="2">
        <v>0</v>
      </c>
    </row>
    <row r="1566" spans="1:9" hidden="1" x14ac:dyDescent="0.35">
      <c r="A1566" s="52" t="s">
        <v>78</v>
      </c>
      <c r="B1566" s="52" t="s">
        <v>79</v>
      </c>
      <c r="C1566" s="3">
        <v>10</v>
      </c>
      <c r="D1566" s="52" t="s">
        <v>2021</v>
      </c>
      <c r="E1566" s="52" t="s">
        <v>126</v>
      </c>
      <c r="F1566" s="52" t="s">
        <v>101</v>
      </c>
      <c r="G1566" s="52" t="s">
        <v>82</v>
      </c>
      <c r="H1566" s="4">
        <v>88</v>
      </c>
      <c r="I1566" s="2">
        <v>0</v>
      </c>
    </row>
    <row r="1567" spans="1:9" hidden="1" x14ac:dyDescent="0.35">
      <c r="A1567" s="52" t="s">
        <v>78</v>
      </c>
      <c r="B1567" s="52" t="s">
        <v>79</v>
      </c>
      <c r="C1567" s="3">
        <v>10</v>
      </c>
      <c r="D1567" s="52" t="s">
        <v>2021</v>
      </c>
      <c r="E1567" s="52" t="s">
        <v>111</v>
      </c>
      <c r="F1567" s="52" t="s">
        <v>105</v>
      </c>
      <c r="G1567" s="52" t="s">
        <v>82</v>
      </c>
      <c r="H1567" s="4">
        <v>76</v>
      </c>
      <c r="I1567" s="2">
        <v>0</v>
      </c>
    </row>
    <row r="1568" spans="1:9" hidden="1" x14ac:dyDescent="0.35">
      <c r="A1568" s="52" t="s">
        <v>78</v>
      </c>
      <c r="B1568" s="52" t="s">
        <v>79</v>
      </c>
      <c r="C1568" s="3">
        <v>10</v>
      </c>
      <c r="D1568" s="52" t="s">
        <v>2021</v>
      </c>
      <c r="E1568" s="52" t="s">
        <v>111</v>
      </c>
      <c r="F1568" s="52" t="s">
        <v>97</v>
      </c>
      <c r="G1568" s="52" t="s">
        <v>82</v>
      </c>
      <c r="H1568" s="4">
        <v>2</v>
      </c>
      <c r="I1568" s="2">
        <v>0</v>
      </c>
    </row>
    <row r="1569" spans="1:9" hidden="1" x14ac:dyDescent="0.35">
      <c r="A1569" s="52" t="s">
        <v>78</v>
      </c>
      <c r="B1569" s="52" t="s">
        <v>79</v>
      </c>
      <c r="C1569" s="3">
        <v>10</v>
      </c>
      <c r="D1569" s="52" t="s">
        <v>2021</v>
      </c>
      <c r="E1569" s="52" t="s">
        <v>111</v>
      </c>
      <c r="F1569" s="52" t="s">
        <v>94</v>
      </c>
      <c r="G1569" s="52" t="s">
        <v>82</v>
      </c>
      <c r="H1569" s="4">
        <v>2</v>
      </c>
      <c r="I1569" s="2">
        <v>0</v>
      </c>
    </row>
    <row r="1570" spans="1:9" hidden="1" x14ac:dyDescent="0.35">
      <c r="A1570" s="52" t="s">
        <v>78</v>
      </c>
      <c r="B1570" s="52" t="s">
        <v>79</v>
      </c>
      <c r="C1570" s="3">
        <v>10</v>
      </c>
      <c r="D1570" s="52" t="s">
        <v>2021</v>
      </c>
      <c r="E1570" s="52" t="s">
        <v>118</v>
      </c>
      <c r="F1570" s="52" t="s">
        <v>119</v>
      </c>
      <c r="G1570" s="52" t="s">
        <v>115</v>
      </c>
      <c r="H1570" s="4">
        <v>640</v>
      </c>
      <c r="I1570" s="2">
        <v>0</v>
      </c>
    </row>
    <row r="1571" spans="1:9" hidden="1" x14ac:dyDescent="0.35">
      <c r="A1571" s="52" t="s">
        <v>78</v>
      </c>
      <c r="B1571" s="52" t="s">
        <v>79</v>
      </c>
      <c r="C1571" s="3">
        <v>10</v>
      </c>
      <c r="D1571" s="52" t="s">
        <v>2021</v>
      </c>
      <c r="E1571" s="52" t="s">
        <v>106</v>
      </c>
      <c r="F1571" s="52" t="s">
        <v>127</v>
      </c>
      <c r="G1571" s="52" t="s">
        <v>108</v>
      </c>
      <c r="H1571" s="4">
        <v>3</v>
      </c>
      <c r="I1571" s="2">
        <v>0</v>
      </c>
    </row>
    <row r="1572" spans="1:9" hidden="1" x14ac:dyDescent="0.35">
      <c r="A1572" s="52" t="s">
        <v>78</v>
      </c>
      <c r="B1572" s="52" t="s">
        <v>79</v>
      </c>
      <c r="C1572" s="3">
        <v>10</v>
      </c>
      <c r="D1572" s="52" t="s">
        <v>2021</v>
      </c>
      <c r="E1572" s="52" t="s">
        <v>134</v>
      </c>
      <c r="F1572" s="52" t="s">
        <v>123</v>
      </c>
      <c r="G1572" s="52" t="s">
        <v>82</v>
      </c>
      <c r="H1572" s="4">
        <v>1929</v>
      </c>
      <c r="I1572" s="2">
        <v>0</v>
      </c>
    </row>
    <row r="1573" spans="1:9" x14ac:dyDescent="0.35">
      <c r="A1573" s="52" t="s">
        <v>78</v>
      </c>
      <c r="B1573" s="52" t="s">
        <v>79</v>
      </c>
      <c r="C1573" s="3">
        <v>10</v>
      </c>
      <c r="D1573" s="52" t="s">
        <v>2021</v>
      </c>
      <c r="E1573" s="52" t="s">
        <v>131</v>
      </c>
      <c r="F1573" s="52" t="s">
        <v>129</v>
      </c>
      <c r="G1573" s="52" t="s">
        <v>108</v>
      </c>
      <c r="H1573" s="4">
        <v>1</v>
      </c>
      <c r="I1573" s="2">
        <v>0</v>
      </c>
    </row>
    <row r="1574" spans="1:9" hidden="1" x14ac:dyDescent="0.35">
      <c r="A1574" s="52" t="s">
        <v>78</v>
      </c>
      <c r="B1574" s="52" t="s">
        <v>79</v>
      </c>
      <c r="C1574" s="3">
        <v>10</v>
      </c>
      <c r="D1574" s="52" t="s">
        <v>2021</v>
      </c>
      <c r="E1574" s="52" t="s">
        <v>106</v>
      </c>
      <c r="F1574" s="52" t="s">
        <v>101</v>
      </c>
      <c r="G1574" s="52" t="s">
        <v>108</v>
      </c>
      <c r="H1574" s="4">
        <v>5</v>
      </c>
      <c r="I1574" s="2">
        <v>0</v>
      </c>
    </row>
    <row r="1575" spans="1:9" hidden="1" x14ac:dyDescent="0.35">
      <c r="A1575" s="52" t="s">
        <v>78</v>
      </c>
      <c r="B1575" s="52" t="s">
        <v>79</v>
      </c>
      <c r="C1575" s="3">
        <v>10</v>
      </c>
      <c r="D1575" s="52" t="s">
        <v>2021</v>
      </c>
      <c r="E1575" s="52" t="s">
        <v>102</v>
      </c>
      <c r="F1575" s="52" t="s">
        <v>116</v>
      </c>
      <c r="G1575" s="52" t="s">
        <v>115</v>
      </c>
      <c r="H1575" s="4">
        <v>567</v>
      </c>
      <c r="I1575" s="2">
        <v>0</v>
      </c>
    </row>
    <row r="1576" spans="1:9" hidden="1" x14ac:dyDescent="0.35">
      <c r="A1576" s="52" t="s">
        <v>78</v>
      </c>
      <c r="B1576" s="52" t="s">
        <v>79</v>
      </c>
      <c r="C1576" s="3">
        <v>10</v>
      </c>
      <c r="D1576" s="52" t="s">
        <v>2021</v>
      </c>
      <c r="E1576" s="52" t="s">
        <v>121</v>
      </c>
      <c r="F1576" s="52" t="s">
        <v>112</v>
      </c>
      <c r="G1576" s="52" t="s">
        <v>108</v>
      </c>
      <c r="H1576" s="4">
        <v>165</v>
      </c>
      <c r="I1576" s="2">
        <v>0</v>
      </c>
    </row>
    <row r="1577" spans="1:9" hidden="1" x14ac:dyDescent="0.35">
      <c r="A1577" s="52" t="s">
        <v>78</v>
      </c>
      <c r="B1577" s="52" t="s">
        <v>79</v>
      </c>
      <c r="C1577" s="3">
        <v>10</v>
      </c>
      <c r="D1577" s="52" t="s">
        <v>2021</v>
      </c>
      <c r="E1577" s="52" t="s">
        <v>102</v>
      </c>
      <c r="F1577" s="52" t="s">
        <v>103</v>
      </c>
      <c r="G1577" s="52" t="s">
        <v>82</v>
      </c>
      <c r="H1577" s="4">
        <v>259</v>
      </c>
      <c r="I1577" s="2">
        <v>0</v>
      </c>
    </row>
    <row r="1578" spans="1:9" hidden="1" x14ac:dyDescent="0.35">
      <c r="A1578" s="52" t="s">
        <v>78</v>
      </c>
      <c r="B1578" s="52" t="s">
        <v>79</v>
      </c>
      <c r="C1578" s="3">
        <v>20</v>
      </c>
      <c r="D1578" s="52" t="s">
        <v>2021</v>
      </c>
      <c r="E1578" s="52" t="s">
        <v>90</v>
      </c>
      <c r="F1578" s="52" t="s">
        <v>91</v>
      </c>
      <c r="G1578" s="52" t="s">
        <v>82</v>
      </c>
      <c r="H1578" s="4">
        <v>7631</v>
      </c>
      <c r="I1578" s="2">
        <v>88721.16</v>
      </c>
    </row>
    <row r="1579" spans="1:9" hidden="1" x14ac:dyDescent="0.35">
      <c r="A1579" s="52" t="s">
        <v>78</v>
      </c>
      <c r="B1579" s="52" t="s">
        <v>79</v>
      </c>
      <c r="C1579" s="3">
        <v>20</v>
      </c>
      <c r="D1579" s="52" t="s">
        <v>2021</v>
      </c>
      <c r="E1579" s="52" t="s">
        <v>26</v>
      </c>
      <c r="F1579" s="52" t="s">
        <v>81</v>
      </c>
      <c r="G1579" s="52" t="s">
        <v>82</v>
      </c>
      <c r="H1579" s="4">
        <v>219</v>
      </c>
      <c r="I1579" s="2">
        <v>3208.35</v>
      </c>
    </row>
    <row r="1580" spans="1:9" hidden="1" x14ac:dyDescent="0.35">
      <c r="A1580" s="52" t="s">
        <v>78</v>
      </c>
      <c r="B1580" s="52" t="s">
        <v>79</v>
      </c>
      <c r="C1580" s="3">
        <v>20</v>
      </c>
      <c r="D1580" s="52" t="s">
        <v>2021</v>
      </c>
      <c r="E1580" s="52" t="s">
        <v>36</v>
      </c>
      <c r="F1580" s="52" t="s">
        <v>95</v>
      </c>
      <c r="G1580" s="52" t="s">
        <v>82</v>
      </c>
      <c r="H1580" s="4">
        <v>651</v>
      </c>
      <c r="I1580" s="2">
        <v>3059.7</v>
      </c>
    </row>
    <row r="1581" spans="1:9" hidden="1" x14ac:dyDescent="0.35">
      <c r="A1581" s="52" t="s">
        <v>78</v>
      </c>
      <c r="B1581" s="52" t="s">
        <v>79</v>
      </c>
      <c r="C1581" s="3">
        <v>20</v>
      </c>
      <c r="D1581" s="52" t="s">
        <v>2021</v>
      </c>
      <c r="E1581" s="52" t="s">
        <v>38</v>
      </c>
      <c r="F1581" s="52" t="s">
        <v>97</v>
      </c>
      <c r="G1581" s="52" t="s">
        <v>82</v>
      </c>
      <c r="H1581" s="4">
        <v>158</v>
      </c>
      <c r="I1581" s="2">
        <v>1382.1</v>
      </c>
    </row>
    <row r="1582" spans="1:9" hidden="1" x14ac:dyDescent="0.35">
      <c r="A1582" s="52" t="s">
        <v>78</v>
      </c>
      <c r="B1582" s="52" t="s">
        <v>79</v>
      </c>
      <c r="C1582" s="3">
        <v>20</v>
      </c>
      <c r="D1582" s="52" t="s">
        <v>2021</v>
      </c>
      <c r="E1582" s="52" t="s">
        <v>29</v>
      </c>
      <c r="F1582" s="52" t="s">
        <v>94</v>
      </c>
      <c r="G1582" s="52" t="s">
        <v>82</v>
      </c>
      <c r="H1582" s="4">
        <v>5</v>
      </c>
      <c r="I1582" s="2">
        <v>1188.94</v>
      </c>
    </row>
    <row r="1583" spans="1:9" hidden="1" x14ac:dyDescent="0.35">
      <c r="A1583" s="52" t="s">
        <v>78</v>
      </c>
      <c r="B1583" s="52" t="s">
        <v>79</v>
      </c>
      <c r="C1583" s="3">
        <v>20</v>
      </c>
      <c r="D1583" s="52" t="s">
        <v>2021</v>
      </c>
      <c r="E1583" s="52" t="s">
        <v>914</v>
      </c>
      <c r="F1583" s="52" t="s">
        <v>91</v>
      </c>
      <c r="G1583" s="52" t="s">
        <v>82</v>
      </c>
      <c r="H1583" s="4">
        <v>646</v>
      </c>
      <c r="I1583" s="2">
        <v>417.96</v>
      </c>
    </row>
    <row r="1584" spans="1:9" x14ac:dyDescent="0.35">
      <c r="A1584" s="52" t="s">
        <v>78</v>
      </c>
      <c r="B1584" s="52" t="s">
        <v>79</v>
      </c>
      <c r="C1584" s="3">
        <v>20</v>
      </c>
      <c r="D1584" s="52" t="s">
        <v>2021</v>
      </c>
      <c r="E1584" s="52" t="s">
        <v>88</v>
      </c>
      <c r="F1584" s="52" t="s">
        <v>89</v>
      </c>
      <c r="G1584" s="52" t="s">
        <v>82</v>
      </c>
      <c r="H1584" s="4">
        <v>1</v>
      </c>
      <c r="I1584" s="2">
        <v>132.66</v>
      </c>
    </row>
    <row r="1585" spans="1:9" x14ac:dyDescent="0.35">
      <c r="A1585" s="52" t="s">
        <v>78</v>
      </c>
      <c r="B1585" s="52" t="s">
        <v>79</v>
      </c>
      <c r="C1585" s="3">
        <v>20</v>
      </c>
      <c r="D1585" s="52" t="s">
        <v>2021</v>
      </c>
      <c r="E1585" s="52" t="s">
        <v>33</v>
      </c>
      <c r="F1585" s="52" t="s">
        <v>99</v>
      </c>
      <c r="G1585" s="52" t="s">
        <v>82</v>
      </c>
      <c r="H1585" s="4">
        <v>1</v>
      </c>
      <c r="I1585" s="2">
        <v>48</v>
      </c>
    </row>
    <row r="1586" spans="1:9" hidden="1" x14ac:dyDescent="0.35">
      <c r="A1586" s="52" t="s">
        <v>78</v>
      </c>
      <c r="B1586" s="52" t="s">
        <v>79</v>
      </c>
      <c r="C1586" s="3">
        <v>20</v>
      </c>
      <c r="D1586" s="52" t="s">
        <v>2021</v>
      </c>
      <c r="E1586" s="52" t="s">
        <v>92</v>
      </c>
      <c r="F1586" s="52" t="s">
        <v>93</v>
      </c>
      <c r="G1586" s="52" t="s">
        <v>82</v>
      </c>
      <c r="H1586" s="4">
        <v>8</v>
      </c>
      <c r="I1586" s="2">
        <v>47.58</v>
      </c>
    </row>
    <row r="1587" spans="1:9" x14ac:dyDescent="0.35">
      <c r="A1587" s="52" t="s">
        <v>78</v>
      </c>
      <c r="B1587" s="52" t="s">
        <v>79</v>
      </c>
      <c r="C1587" s="3">
        <v>20</v>
      </c>
      <c r="D1587" s="52" t="s">
        <v>2021</v>
      </c>
      <c r="E1587" s="52" t="s">
        <v>40</v>
      </c>
      <c r="F1587" s="52" t="s">
        <v>96</v>
      </c>
      <c r="G1587" s="52" t="s">
        <v>82</v>
      </c>
      <c r="H1587" s="4">
        <v>1</v>
      </c>
      <c r="I1587" s="2">
        <v>25</v>
      </c>
    </row>
    <row r="1588" spans="1:9" hidden="1" x14ac:dyDescent="0.35">
      <c r="A1588" s="52" t="s">
        <v>78</v>
      </c>
      <c r="B1588" s="52" t="s">
        <v>79</v>
      </c>
      <c r="C1588" s="3">
        <v>20</v>
      </c>
      <c r="D1588" s="52" t="s">
        <v>2021</v>
      </c>
      <c r="E1588" s="52" t="s">
        <v>109</v>
      </c>
      <c r="F1588" s="52" t="s">
        <v>110</v>
      </c>
      <c r="G1588" s="52" t="s">
        <v>108</v>
      </c>
      <c r="H1588" s="4">
        <v>12</v>
      </c>
      <c r="I1588" s="2">
        <v>0</v>
      </c>
    </row>
    <row r="1589" spans="1:9" x14ac:dyDescent="0.35">
      <c r="A1589" s="52" t="s">
        <v>78</v>
      </c>
      <c r="B1589" s="52" t="s">
        <v>79</v>
      </c>
      <c r="C1589" s="3">
        <v>20</v>
      </c>
      <c r="D1589" s="52" t="s">
        <v>2021</v>
      </c>
      <c r="E1589" s="52" t="s">
        <v>132</v>
      </c>
      <c r="F1589" s="52" t="s">
        <v>133</v>
      </c>
      <c r="G1589" s="52" t="s">
        <v>108</v>
      </c>
      <c r="H1589" s="4">
        <v>1</v>
      </c>
      <c r="I1589" s="2">
        <v>0</v>
      </c>
    </row>
    <row r="1590" spans="1:9" hidden="1" x14ac:dyDescent="0.35">
      <c r="A1590" s="52" t="s">
        <v>78</v>
      </c>
      <c r="B1590" s="52" t="s">
        <v>79</v>
      </c>
      <c r="C1590" s="3">
        <v>20</v>
      </c>
      <c r="D1590" s="52" t="s">
        <v>2021</v>
      </c>
      <c r="E1590" s="52" t="s">
        <v>111</v>
      </c>
      <c r="F1590" s="52" t="s">
        <v>93</v>
      </c>
      <c r="G1590" s="52" t="s">
        <v>82</v>
      </c>
      <c r="H1590" s="4">
        <v>38</v>
      </c>
      <c r="I1590" s="2">
        <v>0</v>
      </c>
    </row>
    <row r="1591" spans="1:9" hidden="1" x14ac:dyDescent="0.35">
      <c r="A1591" s="52" t="s">
        <v>78</v>
      </c>
      <c r="B1591" s="52" t="s">
        <v>79</v>
      </c>
      <c r="C1591" s="3">
        <v>20</v>
      </c>
      <c r="D1591" s="52" t="s">
        <v>2021</v>
      </c>
      <c r="E1591" s="52" t="s">
        <v>111</v>
      </c>
      <c r="F1591" s="52" t="s">
        <v>107</v>
      </c>
      <c r="G1591" s="52" t="s">
        <v>108</v>
      </c>
      <c r="H1591" s="4">
        <v>62</v>
      </c>
      <c r="I1591" s="2">
        <v>0</v>
      </c>
    </row>
    <row r="1592" spans="1:9" hidden="1" x14ac:dyDescent="0.35">
      <c r="A1592" s="52" t="s">
        <v>78</v>
      </c>
      <c r="B1592" s="52" t="s">
        <v>79</v>
      </c>
      <c r="C1592" s="3">
        <v>20</v>
      </c>
      <c r="D1592" s="52" t="s">
        <v>2021</v>
      </c>
      <c r="E1592" s="52" t="s">
        <v>139</v>
      </c>
      <c r="F1592" s="52" t="s">
        <v>140</v>
      </c>
      <c r="G1592" s="52" t="s">
        <v>82</v>
      </c>
      <c r="H1592" s="4">
        <v>254</v>
      </c>
      <c r="I1592" s="2">
        <v>0</v>
      </c>
    </row>
    <row r="1593" spans="1:9" hidden="1" x14ac:dyDescent="0.35">
      <c r="A1593" s="52" t="s">
        <v>78</v>
      </c>
      <c r="B1593" s="52" t="s">
        <v>79</v>
      </c>
      <c r="C1593" s="3">
        <v>20</v>
      </c>
      <c r="D1593" s="52" t="s">
        <v>2021</v>
      </c>
      <c r="E1593" s="52" t="s">
        <v>122</v>
      </c>
      <c r="F1593" s="52" t="s">
        <v>123</v>
      </c>
      <c r="G1593" s="52" t="s">
        <v>108</v>
      </c>
      <c r="H1593" s="4">
        <v>1135</v>
      </c>
      <c r="I1593" s="2">
        <v>0</v>
      </c>
    </row>
    <row r="1594" spans="1:9" hidden="1" x14ac:dyDescent="0.35">
      <c r="A1594" s="52" t="s">
        <v>78</v>
      </c>
      <c r="B1594" s="52" t="s">
        <v>79</v>
      </c>
      <c r="C1594" s="3">
        <v>20</v>
      </c>
      <c r="D1594" s="52" t="s">
        <v>2021</v>
      </c>
      <c r="E1594" s="52" t="s">
        <v>135</v>
      </c>
      <c r="F1594" s="52" t="s">
        <v>112</v>
      </c>
      <c r="G1594" s="52" t="s">
        <v>82</v>
      </c>
      <c r="H1594" s="4">
        <v>15681</v>
      </c>
      <c r="I1594" s="2">
        <v>0</v>
      </c>
    </row>
    <row r="1595" spans="1:9" hidden="1" x14ac:dyDescent="0.35">
      <c r="A1595" s="52" t="s">
        <v>78</v>
      </c>
      <c r="B1595" s="52" t="s">
        <v>79</v>
      </c>
      <c r="C1595" s="3">
        <v>20</v>
      </c>
      <c r="D1595" s="52" t="s">
        <v>2021</v>
      </c>
      <c r="E1595" s="52" t="s">
        <v>111</v>
      </c>
      <c r="F1595" s="52" t="s">
        <v>95</v>
      </c>
      <c r="G1595" s="52" t="s">
        <v>82</v>
      </c>
      <c r="H1595" s="4">
        <v>73</v>
      </c>
      <c r="I1595" s="2">
        <v>0</v>
      </c>
    </row>
    <row r="1596" spans="1:9" hidden="1" x14ac:dyDescent="0.35">
      <c r="A1596" s="52" t="s">
        <v>78</v>
      </c>
      <c r="B1596" s="52" t="s">
        <v>79</v>
      </c>
      <c r="C1596" s="3">
        <v>20</v>
      </c>
      <c r="D1596" s="52" t="s">
        <v>2021</v>
      </c>
      <c r="E1596" s="52" t="s">
        <v>128</v>
      </c>
      <c r="F1596" s="52" t="s">
        <v>129</v>
      </c>
      <c r="G1596" s="52" t="s">
        <v>82</v>
      </c>
      <c r="H1596" s="4">
        <v>5</v>
      </c>
      <c r="I1596" s="2">
        <v>0</v>
      </c>
    </row>
    <row r="1597" spans="1:9" hidden="1" x14ac:dyDescent="0.35">
      <c r="A1597" s="52" t="s">
        <v>78</v>
      </c>
      <c r="B1597" s="52" t="s">
        <v>79</v>
      </c>
      <c r="C1597" s="3">
        <v>20</v>
      </c>
      <c r="D1597" s="52" t="s">
        <v>2021</v>
      </c>
      <c r="E1597" s="52" t="s">
        <v>111</v>
      </c>
      <c r="F1597" s="52" t="s">
        <v>81</v>
      </c>
      <c r="G1597" s="52" t="s">
        <v>82</v>
      </c>
      <c r="H1597" s="4">
        <v>6</v>
      </c>
      <c r="I1597" s="2">
        <v>0</v>
      </c>
    </row>
    <row r="1598" spans="1:9" hidden="1" x14ac:dyDescent="0.35">
      <c r="A1598" s="52" t="s">
        <v>78</v>
      </c>
      <c r="B1598" s="52" t="s">
        <v>79</v>
      </c>
      <c r="C1598" s="3">
        <v>20</v>
      </c>
      <c r="D1598" s="52" t="s">
        <v>2021</v>
      </c>
      <c r="E1598" s="52" t="s">
        <v>102</v>
      </c>
      <c r="F1598" s="52" t="s">
        <v>107</v>
      </c>
      <c r="G1598" s="52" t="s">
        <v>108</v>
      </c>
      <c r="H1598" s="4">
        <v>168</v>
      </c>
      <c r="I1598" s="2">
        <v>0</v>
      </c>
    </row>
    <row r="1599" spans="1:9" hidden="1" x14ac:dyDescent="0.35">
      <c r="A1599" s="52" t="s">
        <v>78</v>
      </c>
      <c r="B1599" s="52" t="s">
        <v>79</v>
      </c>
      <c r="C1599" s="3">
        <v>20</v>
      </c>
      <c r="D1599" s="52" t="s">
        <v>2021</v>
      </c>
      <c r="E1599" s="52" t="s">
        <v>106</v>
      </c>
      <c r="F1599" s="52" t="s">
        <v>107</v>
      </c>
      <c r="G1599" s="52" t="s">
        <v>108</v>
      </c>
      <c r="H1599" s="4">
        <v>16</v>
      </c>
      <c r="I1599" s="2">
        <v>0</v>
      </c>
    </row>
    <row r="1600" spans="1:9" hidden="1" x14ac:dyDescent="0.35">
      <c r="A1600" s="52" t="s">
        <v>78</v>
      </c>
      <c r="B1600" s="52" t="s">
        <v>79</v>
      </c>
      <c r="C1600" s="3">
        <v>20</v>
      </c>
      <c r="D1600" s="52" t="s">
        <v>2021</v>
      </c>
      <c r="E1600" s="52" t="s">
        <v>111</v>
      </c>
      <c r="F1600" s="52" t="s">
        <v>103</v>
      </c>
      <c r="G1600" s="52" t="s">
        <v>82</v>
      </c>
      <c r="H1600" s="4">
        <v>29</v>
      </c>
      <c r="I1600" s="2">
        <v>0</v>
      </c>
    </row>
    <row r="1601" spans="1:9" hidden="1" x14ac:dyDescent="0.35">
      <c r="A1601" s="52" t="s">
        <v>78</v>
      </c>
      <c r="B1601" s="52" t="s">
        <v>79</v>
      </c>
      <c r="C1601" s="3">
        <v>20</v>
      </c>
      <c r="D1601" s="52" t="s">
        <v>2021</v>
      </c>
      <c r="E1601" s="52" t="s">
        <v>102</v>
      </c>
      <c r="F1601" s="52" t="s">
        <v>116</v>
      </c>
      <c r="G1601" s="52" t="s">
        <v>115</v>
      </c>
      <c r="H1601" s="4">
        <v>917</v>
      </c>
      <c r="I1601" s="2">
        <v>0</v>
      </c>
    </row>
    <row r="1602" spans="1:9" hidden="1" x14ac:dyDescent="0.35">
      <c r="A1602" s="52" t="s">
        <v>78</v>
      </c>
      <c r="B1602" s="52" t="s">
        <v>79</v>
      </c>
      <c r="C1602" s="3">
        <v>20</v>
      </c>
      <c r="D1602" s="52" t="s">
        <v>2021</v>
      </c>
      <c r="E1602" s="52" t="s">
        <v>111</v>
      </c>
      <c r="F1602" s="52" t="s">
        <v>127</v>
      </c>
      <c r="G1602" s="52" t="s">
        <v>108</v>
      </c>
      <c r="H1602" s="4">
        <v>2</v>
      </c>
      <c r="I1602" s="2">
        <v>0</v>
      </c>
    </row>
    <row r="1603" spans="1:9" hidden="1" x14ac:dyDescent="0.35">
      <c r="A1603" s="52" t="s">
        <v>78</v>
      </c>
      <c r="B1603" s="52" t="s">
        <v>79</v>
      </c>
      <c r="C1603" s="3">
        <v>20</v>
      </c>
      <c r="D1603" s="52" t="s">
        <v>2021</v>
      </c>
      <c r="E1603" s="52" t="s">
        <v>134</v>
      </c>
      <c r="F1603" s="52" t="s">
        <v>123</v>
      </c>
      <c r="G1603" s="52" t="s">
        <v>82</v>
      </c>
      <c r="H1603" s="4">
        <v>3353</v>
      </c>
      <c r="I1603" s="2">
        <v>0</v>
      </c>
    </row>
    <row r="1604" spans="1:9" x14ac:dyDescent="0.35">
      <c r="A1604" s="52" t="s">
        <v>78</v>
      </c>
      <c r="B1604" s="52" t="s">
        <v>79</v>
      </c>
      <c r="C1604" s="3">
        <v>20</v>
      </c>
      <c r="D1604" s="52" t="s">
        <v>2021</v>
      </c>
      <c r="E1604" s="52" t="s">
        <v>137</v>
      </c>
      <c r="F1604" s="52" t="s">
        <v>107</v>
      </c>
      <c r="G1604" s="52" t="s">
        <v>108</v>
      </c>
      <c r="H1604" s="4">
        <v>1</v>
      </c>
      <c r="I1604" s="2">
        <v>0</v>
      </c>
    </row>
    <row r="1605" spans="1:9" hidden="1" x14ac:dyDescent="0.35">
      <c r="A1605" s="52" t="s">
        <v>78</v>
      </c>
      <c r="B1605" s="52" t="s">
        <v>79</v>
      </c>
      <c r="C1605" s="3">
        <v>20</v>
      </c>
      <c r="D1605" s="52" t="s">
        <v>2021</v>
      </c>
      <c r="E1605" s="52" t="s">
        <v>106</v>
      </c>
      <c r="F1605" s="52" t="s">
        <v>103</v>
      </c>
      <c r="G1605" s="52" t="s">
        <v>82</v>
      </c>
      <c r="H1605" s="4">
        <v>2</v>
      </c>
      <c r="I1605" s="2">
        <v>0</v>
      </c>
    </row>
    <row r="1606" spans="1:9" hidden="1" x14ac:dyDescent="0.35">
      <c r="A1606" s="52" t="s">
        <v>78</v>
      </c>
      <c r="B1606" s="52" t="s">
        <v>79</v>
      </c>
      <c r="C1606" s="3">
        <v>20</v>
      </c>
      <c r="D1606" s="52" t="s">
        <v>2021</v>
      </c>
      <c r="E1606" s="52" t="s">
        <v>121</v>
      </c>
      <c r="F1606" s="52" t="s">
        <v>112</v>
      </c>
      <c r="G1606" s="52" t="s">
        <v>108</v>
      </c>
      <c r="H1606" s="4">
        <v>185</v>
      </c>
      <c r="I1606" s="2">
        <v>0</v>
      </c>
    </row>
    <row r="1607" spans="1:9" hidden="1" x14ac:dyDescent="0.35">
      <c r="A1607" s="52" t="s">
        <v>78</v>
      </c>
      <c r="B1607" s="52" t="s">
        <v>79</v>
      </c>
      <c r="C1607" s="3">
        <v>20</v>
      </c>
      <c r="D1607" s="52" t="s">
        <v>2021</v>
      </c>
      <c r="E1607" s="52" t="s">
        <v>106</v>
      </c>
      <c r="F1607" s="52" t="s">
        <v>101</v>
      </c>
      <c r="G1607" s="52" t="s">
        <v>108</v>
      </c>
      <c r="H1607" s="4">
        <v>2</v>
      </c>
      <c r="I1607" s="2">
        <v>0</v>
      </c>
    </row>
    <row r="1608" spans="1:9" hidden="1" x14ac:dyDescent="0.35">
      <c r="A1608" s="52" t="s">
        <v>78</v>
      </c>
      <c r="B1608" s="52" t="s">
        <v>79</v>
      </c>
      <c r="C1608" s="3">
        <v>20</v>
      </c>
      <c r="D1608" s="52" t="s">
        <v>2021</v>
      </c>
      <c r="E1608" s="52" t="s">
        <v>111</v>
      </c>
      <c r="F1608" s="52" t="s">
        <v>97</v>
      </c>
      <c r="G1608" s="52" t="s">
        <v>82</v>
      </c>
      <c r="H1608" s="4">
        <v>4</v>
      </c>
      <c r="I1608" s="2">
        <v>0</v>
      </c>
    </row>
    <row r="1609" spans="1:9" hidden="1" x14ac:dyDescent="0.35">
      <c r="A1609" s="52" t="s">
        <v>78</v>
      </c>
      <c r="B1609" s="52" t="s">
        <v>79</v>
      </c>
      <c r="C1609" s="3">
        <v>20</v>
      </c>
      <c r="D1609" s="52" t="s">
        <v>2021</v>
      </c>
      <c r="E1609" s="52" t="s">
        <v>126</v>
      </c>
      <c r="F1609" s="52" t="s">
        <v>103</v>
      </c>
      <c r="G1609" s="52" t="s">
        <v>82</v>
      </c>
      <c r="H1609" s="4">
        <v>11</v>
      </c>
      <c r="I1609" s="2">
        <v>0</v>
      </c>
    </row>
    <row r="1610" spans="1:9" hidden="1" x14ac:dyDescent="0.35">
      <c r="A1610" s="52" t="s">
        <v>78</v>
      </c>
      <c r="B1610" s="52" t="s">
        <v>79</v>
      </c>
      <c r="C1610" s="3">
        <v>20</v>
      </c>
      <c r="D1610" s="52" t="s">
        <v>2021</v>
      </c>
      <c r="E1610" s="52" t="s">
        <v>102</v>
      </c>
      <c r="F1610" s="52" t="s">
        <v>101</v>
      </c>
      <c r="G1610" s="52" t="s">
        <v>108</v>
      </c>
      <c r="H1610" s="4">
        <v>5</v>
      </c>
      <c r="I1610" s="2">
        <v>0</v>
      </c>
    </row>
    <row r="1611" spans="1:9" hidden="1" x14ac:dyDescent="0.35">
      <c r="A1611" s="52" t="s">
        <v>78</v>
      </c>
      <c r="B1611" s="52" t="s">
        <v>79</v>
      </c>
      <c r="C1611" s="3">
        <v>20</v>
      </c>
      <c r="D1611" s="52" t="s">
        <v>2021</v>
      </c>
      <c r="E1611" s="52" t="s">
        <v>102</v>
      </c>
      <c r="F1611" s="52" t="s">
        <v>103</v>
      </c>
      <c r="G1611" s="52" t="s">
        <v>82</v>
      </c>
      <c r="H1611" s="4">
        <v>452</v>
      </c>
      <c r="I1611" s="2">
        <v>0</v>
      </c>
    </row>
    <row r="1612" spans="1:9" hidden="1" x14ac:dyDescent="0.35">
      <c r="A1612" s="52" t="s">
        <v>78</v>
      </c>
      <c r="B1612" s="52" t="s">
        <v>79</v>
      </c>
      <c r="C1612" s="3">
        <v>20</v>
      </c>
      <c r="D1612" s="52" t="s">
        <v>2021</v>
      </c>
      <c r="E1612" s="52" t="s">
        <v>102</v>
      </c>
      <c r="F1612" s="52" t="s">
        <v>125</v>
      </c>
      <c r="G1612" s="52" t="s">
        <v>108</v>
      </c>
      <c r="H1612" s="4">
        <v>3</v>
      </c>
      <c r="I1612" s="2">
        <v>0</v>
      </c>
    </row>
    <row r="1613" spans="1:9" hidden="1" x14ac:dyDescent="0.35">
      <c r="A1613" s="52" t="s">
        <v>78</v>
      </c>
      <c r="B1613" s="52" t="s">
        <v>79</v>
      </c>
      <c r="C1613" s="3">
        <v>20</v>
      </c>
      <c r="D1613" s="52" t="s">
        <v>2021</v>
      </c>
      <c r="E1613" s="52" t="s">
        <v>118</v>
      </c>
      <c r="F1613" s="52" t="s">
        <v>119</v>
      </c>
      <c r="G1613" s="52" t="s">
        <v>115</v>
      </c>
      <c r="H1613" s="4">
        <v>1045</v>
      </c>
      <c r="I1613" s="2">
        <v>0</v>
      </c>
    </row>
    <row r="1614" spans="1:9" hidden="1" x14ac:dyDescent="0.35">
      <c r="A1614" s="52" t="s">
        <v>78</v>
      </c>
      <c r="B1614" s="52" t="s">
        <v>79</v>
      </c>
      <c r="C1614" s="3">
        <v>20</v>
      </c>
      <c r="D1614" s="52" t="s">
        <v>2021</v>
      </c>
      <c r="E1614" s="52" t="s">
        <v>106</v>
      </c>
      <c r="F1614" s="52" t="s">
        <v>127</v>
      </c>
      <c r="G1614" s="52" t="s">
        <v>108</v>
      </c>
      <c r="H1614" s="4">
        <v>6</v>
      </c>
      <c r="I1614" s="2">
        <v>0</v>
      </c>
    </row>
    <row r="1615" spans="1:9" hidden="1" x14ac:dyDescent="0.35">
      <c r="A1615" s="52" t="s">
        <v>78</v>
      </c>
      <c r="B1615" s="52" t="s">
        <v>79</v>
      </c>
      <c r="C1615" s="3">
        <v>20</v>
      </c>
      <c r="D1615" s="52" t="s">
        <v>2021</v>
      </c>
      <c r="E1615" s="52" t="s">
        <v>102</v>
      </c>
      <c r="F1615" s="52" t="s">
        <v>127</v>
      </c>
      <c r="G1615" s="52" t="s">
        <v>108</v>
      </c>
      <c r="H1615" s="4">
        <v>90</v>
      </c>
      <c r="I1615" s="2">
        <v>0</v>
      </c>
    </row>
    <row r="1616" spans="1:9" hidden="1" x14ac:dyDescent="0.35">
      <c r="A1616" s="52" t="s">
        <v>78</v>
      </c>
      <c r="B1616" s="52" t="s">
        <v>79</v>
      </c>
      <c r="C1616" s="3">
        <v>20</v>
      </c>
      <c r="D1616" s="52" t="s">
        <v>2021</v>
      </c>
      <c r="E1616" s="52" t="s">
        <v>111</v>
      </c>
      <c r="F1616" s="52" t="s">
        <v>105</v>
      </c>
      <c r="G1616" s="52" t="s">
        <v>82</v>
      </c>
      <c r="H1616" s="4">
        <v>79</v>
      </c>
      <c r="I1616" s="2">
        <v>0</v>
      </c>
    </row>
    <row r="1617" spans="1:9" hidden="1" x14ac:dyDescent="0.35">
      <c r="A1617" s="52" t="s">
        <v>78</v>
      </c>
      <c r="B1617" s="52" t="s">
        <v>79</v>
      </c>
      <c r="C1617" s="3">
        <v>20</v>
      </c>
      <c r="D1617" s="52" t="s">
        <v>2021</v>
      </c>
      <c r="E1617" s="52" t="s">
        <v>117</v>
      </c>
      <c r="F1617" s="52" t="s">
        <v>116</v>
      </c>
      <c r="G1617" s="52" t="s">
        <v>82</v>
      </c>
      <c r="H1617" s="4">
        <v>2243</v>
      </c>
      <c r="I1617" s="2">
        <v>0</v>
      </c>
    </row>
    <row r="1618" spans="1:9" hidden="1" x14ac:dyDescent="0.35">
      <c r="A1618" s="52" t="s">
        <v>78</v>
      </c>
      <c r="B1618" s="52" t="s">
        <v>79</v>
      </c>
      <c r="C1618" s="3">
        <v>20</v>
      </c>
      <c r="D1618" s="52" t="s">
        <v>2021</v>
      </c>
      <c r="E1618" s="52" t="s">
        <v>111</v>
      </c>
      <c r="F1618" s="52" t="s">
        <v>101</v>
      </c>
      <c r="G1618" s="52" t="s">
        <v>82</v>
      </c>
      <c r="H1618" s="4">
        <v>597</v>
      </c>
      <c r="I1618" s="2">
        <v>0</v>
      </c>
    </row>
    <row r="1619" spans="1:9" x14ac:dyDescent="0.35">
      <c r="A1619" s="52" t="s">
        <v>78</v>
      </c>
      <c r="B1619" s="52" t="s">
        <v>79</v>
      </c>
      <c r="C1619" s="3">
        <v>20</v>
      </c>
      <c r="D1619" s="52" t="s">
        <v>2021</v>
      </c>
      <c r="E1619" s="52" t="s">
        <v>102</v>
      </c>
      <c r="F1619" s="52" t="s">
        <v>93</v>
      </c>
      <c r="G1619" s="52" t="s">
        <v>108</v>
      </c>
      <c r="H1619" s="4">
        <v>1</v>
      </c>
      <c r="I1619" s="2">
        <v>0</v>
      </c>
    </row>
    <row r="1620" spans="1:9" hidden="1" x14ac:dyDescent="0.35">
      <c r="A1620" s="52" t="s">
        <v>78</v>
      </c>
      <c r="B1620" s="52" t="s">
        <v>79</v>
      </c>
      <c r="C1620" s="3">
        <v>20</v>
      </c>
      <c r="D1620" s="52" t="s">
        <v>2021</v>
      </c>
      <c r="E1620" s="52" t="s">
        <v>111</v>
      </c>
      <c r="F1620" s="52" t="s">
        <v>94</v>
      </c>
      <c r="G1620" s="52" t="s">
        <v>82</v>
      </c>
      <c r="H1620" s="4">
        <v>3</v>
      </c>
      <c r="I1620" s="2">
        <v>0</v>
      </c>
    </row>
    <row r="1621" spans="1:9" hidden="1" x14ac:dyDescent="0.35">
      <c r="A1621" s="52" t="s">
        <v>78</v>
      </c>
      <c r="B1621" s="52" t="s">
        <v>79</v>
      </c>
      <c r="C1621" s="3">
        <v>20</v>
      </c>
      <c r="D1621" s="52" t="s">
        <v>2021</v>
      </c>
      <c r="E1621" s="52" t="s">
        <v>126</v>
      </c>
      <c r="F1621" s="52" t="s">
        <v>101</v>
      </c>
      <c r="G1621" s="52" t="s">
        <v>82</v>
      </c>
      <c r="H1621" s="4">
        <v>118</v>
      </c>
      <c r="I1621" s="2">
        <v>0</v>
      </c>
    </row>
    <row r="1622" spans="1:9" x14ac:dyDescent="0.35">
      <c r="A1622" s="52" t="s">
        <v>78</v>
      </c>
      <c r="B1622" s="52" t="s">
        <v>79</v>
      </c>
      <c r="C1622" s="3">
        <v>20</v>
      </c>
      <c r="D1622" s="52" t="s">
        <v>2021</v>
      </c>
      <c r="E1622" s="52" t="s">
        <v>131</v>
      </c>
      <c r="F1622" s="52" t="s">
        <v>129</v>
      </c>
      <c r="G1622" s="52" t="s">
        <v>108</v>
      </c>
      <c r="H1622" s="4">
        <v>1</v>
      </c>
      <c r="I1622" s="2">
        <v>0</v>
      </c>
    </row>
    <row r="1623" spans="1:9" hidden="1" x14ac:dyDescent="0.35">
      <c r="A1623" s="52" t="s">
        <v>78</v>
      </c>
      <c r="B1623" s="52" t="s">
        <v>79</v>
      </c>
      <c r="C1623" s="3">
        <v>20</v>
      </c>
      <c r="D1623" s="52" t="s">
        <v>2021</v>
      </c>
      <c r="E1623" s="52" t="s">
        <v>120</v>
      </c>
      <c r="F1623" s="52" t="s">
        <v>116</v>
      </c>
      <c r="G1623" s="52" t="s">
        <v>115</v>
      </c>
      <c r="H1623" s="4">
        <v>1045</v>
      </c>
      <c r="I1623" s="2">
        <v>0</v>
      </c>
    </row>
    <row r="1624" spans="1:9" hidden="1" x14ac:dyDescent="0.35">
      <c r="A1624" s="52" t="s">
        <v>78</v>
      </c>
      <c r="B1624" s="52" t="s">
        <v>79</v>
      </c>
      <c r="C1624" s="3">
        <v>20</v>
      </c>
      <c r="D1624" s="52" t="s">
        <v>2021</v>
      </c>
      <c r="E1624" s="52" t="s">
        <v>113</v>
      </c>
      <c r="F1624" s="52" t="s">
        <v>114</v>
      </c>
      <c r="G1624" s="52" t="s">
        <v>115</v>
      </c>
      <c r="H1624" s="4">
        <v>2403</v>
      </c>
      <c r="I1624" s="2">
        <v>0</v>
      </c>
    </row>
    <row r="1625" spans="1:9" hidden="1" x14ac:dyDescent="0.35">
      <c r="A1625" s="52" t="s">
        <v>78</v>
      </c>
      <c r="B1625" s="52" t="s">
        <v>79</v>
      </c>
      <c r="C1625" s="3">
        <v>211</v>
      </c>
      <c r="D1625" s="52" t="s">
        <v>2021</v>
      </c>
      <c r="E1625" s="52" t="s">
        <v>92</v>
      </c>
      <c r="F1625" s="52" t="s">
        <v>93</v>
      </c>
      <c r="G1625" s="52" t="s">
        <v>82</v>
      </c>
      <c r="H1625" s="4">
        <v>4500</v>
      </c>
      <c r="I1625" s="2">
        <v>94535.45</v>
      </c>
    </row>
    <row r="1626" spans="1:9" hidden="1" x14ac:dyDescent="0.35">
      <c r="A1626" s="52" t="s">
        <v>78</v>
      </c>
      <c r="B1626" s="52" t="s">
        <v>79</v>
      </c>
      <c r="C1626" s="3">
        <v>211</v>
      </c>
      <c r="D1626" s="52" t="s">
        <v>2021</v>
      </c>
      <c r="E1626" s="52" t="s">
        <v>40</v>
      </c>
      <c r="F1626" s="52" t="s">
        <v>96</v>
      </c>
      <c r="G1626" s="52" t="s">
        <v>82</v>
      </c>
      <c r="H1626" s="4">
        <v>64</v>
      </c>
      <c r="I1626" s="2">
        <v>1975</v>
      </c>
    </row>
    <row r="1627" spans="1:9" hidden="1" x14ac:dyDescent="0.35">
      <c r="A1627" s="52" t="s">
        <v>78</v>
      </c>
      <c r="B1627" s="52" t="s">
        <v>79</v>
      </c>
      <c r="C1627" s="3">
        <v>211</v>
      </c>
      <c r="D1627" s="52" t="s">
        <v>2021</v>
      </c>
      <c r="E1627" s="52" t="s">
        <v>38</v>
      </c>
      <c r="F1627" s="52" t="s">
        <v>97</v>
      </c>
      <c r="G1627" s="52" t="s">
        <v>82</v>
      </c>
      <c r="H1627" s="4">
        <v>23</v>
      </c>
      <c r="I1627" s="2">
        <v>577.9</v>
      </c>
    </row>
    <row r="1628" spans="1:9" hidden="1" x14ac:dyDescent="0.35">
      <c r="A1628" s="52" t="s">
        <v>78</v>
      </c>
      <c r="B1628" s="52" t="s">
        <v>79</v>
      </c>
      <c r="C1628" s="3">
        <v>211</v>
      </c>
      <c r="D1628" s="52" t="s">
        <v>2021</v>
      </c>
      <c r="E1628" s="52" t="s">
        <v>36</v>
      </c>
      <c r="F1628" s="52" t="s">
        <v>95</v>
      </c>
      <c r="G1628" s="52" t="s">
        <v>82</v>
      </c>
      <c r="H1628" s="4">
        <v>82</v>
      </c>
      <c r="I1628" s="2">
        <v>385.4</v>
      </c>
    </row>
    <row r="1629" spans="1:9" hidden="1" x14ac:dyDescent="0.35">
      <c r="A1629" s="52" t="s">
        <v>78</v>
      </c>
      <c r="B1629" s="52" t="s">
        <v>79</v>
      </c>
      <c r="C1629" s="3">
        <v>211</v>
      </c>
      <c r="D1629" s="52" t="s">
        <v>2021</v>
      </c>
      <c r="E1629" s="52" t="s">
        <v>26</v>
      </c>
      <c r="F1629" s="52" t="s">
        <v>81</v>
      </c>
      <c r="G1629" s="52" t="s">
        <v>82</v>
      </c>
      <c r="H1629" s="4">
        <v>25</v>
      </c>
      <c r="I1629" s="2">
        <v>366.25</v>
      </c>
    </row>
    <row r="1630" spans="1:9" hidden="1" x14ac:dyDescent="0.35">
      <c r="A1630" s="52" t="s">
        <v>78</v>
      </c>
      <c r="B1630" s="52" t="s">
        <v>79</v>
      </c>
      <c r="C1630" s="3">
        <v>211</v>
      </c>
      <c r="D1630" s="52" t="s">
        <v>2021</v>
      </c>
      <c r="E1630" s="52" t="s">
        <v>90</v>
      </c>
      <c r="F1630" s="52" t="s">
        <v>91</v>
      </c>
      <c r="G1630" s="52" t="s">
        <v>82</v>
      </c>
      <c r="H1630" s="4">
        <v>10</v>
      </c>
      <c r="I1630" s="2">
        <v>63.38</v>
      </c>
    </row>
    <row r="1631" spans="1:9" x14ac:dyDescent="0.35">
      <c r="A1631" s="52" t="s">
        <v>78</v>
      </c>
      <c r="B1631" s="52" t="s">
        <v>79</v>
      </c>
      <c r="C1631" s="3">
        <v>211</v>
      </c>
      <c r="D1631" s="52" t="s">
        <v>2021</v>
      </c>
      <c r="E1631" s="52" t="s">
        <v>106</v>
      </c>
      <c r="F1631" s="52" t="s">
        <v>107</v>
      </c>
      <c r="G1631" s="52" t="s">
        <v>108</v>
      </c>
      <c r="H1631" s="4">
        <v>1</v>
      </c>
      <c r="I1631" s="2">
        <v>0</v>
      </c>
    </row>
    <row r="1632" spans="1:9" hidden="1" x14ac:dyDescent="0.35">
      <c r="A1632" s="52" t="s">
        <v>78</v>
      </c>
      <c r="B1632" s="52" t="s">
        <v>79</v>
      </c>
      <c r="C1632" s="3">
        <v>211</v>
      </c>
      <c r="D1632" s="52" t="s">
        <v>2021</v>
      </c>
      <c r="E1632" s="52" t="s">
        <v>102</v>
      </c>
      <c r="F1632" s="52" t="s">
        <v>116</v>
      </c>
      <c r="G1632" s="52" t="s">
        <v>115</v>
      </c>
      <c r="H1632" s="4">
        <v>149</v>
      </c>
      <c r="I1632" s="2">
        <v>0</v>
      </c>
    </row>
    <row r="1633" spans="1:9" x14ac:dyDescent="0.35">
      <c r="A1633" s="52" t="s">
        <v>78</v>
      </c>
      <c r="B1633" s="52" t="s">
        <v>79</v>
      </c>
      <c r="C1633" s="3">
        <v>211</v>
      </c>
      <c r="D1633" s="52" t="s">
        <v>2021</v>
      </c>
      <c r="E1633" s="52" t="s">
        <v>126</v>
      </c>
      <c r="F1633" s="52" t="s">
        <v>101</v>
      </c>
      <c r="G1633" s="52" t="s">
        <v>82</v>
      </c>
      <c r="H1633" s="4">
        <v>1</v>
      </c>
      <c r="I1633" s="2">
        <v>0</v>
      </c>
    </row>
    <row r="1634" spans="1:9" x14ac:dyDescent="0.35">
      <c r="A1634" s="52" t="s">
        <v>78</v>
      </c>
      <c r="B1634" s="52" t="s">
        <v>79</v>
      </c>
      <c r="C1634" s="3">
        <v>211</v>
      </c>
      <c r="D1634" s="52" t="s">
        <v>2021</v>
      </c>
      <c r="E1634" s="52" t="s">
        <v>102</v>
      </c>
      <c r="F1634" s="52" t="s">
        <v>125</v>
      </c>
      <c r="G1634" s="52" t="s">
        <v>108</v>
      </c>
      <c r="H1634" s="4">
        <v>1</v>
      </c>
      <c r="I1634" s="2">
        <v>0</v>
      </c>
    </row>
    <row r="1635" spans="1:9" hidden="1" x14ac:dyDescent="0.35">
      <c r="A1635" s="52" t="s">
        <v>78</v>
      </c>
      <c r="B1635" s="52" t="s">
        <v>79</v>
      </c>
      <c r="C1635" s="3">
        <v>211</v>
      </c>
      <c r="D1635" s="52" t="s">
        <v>2021</v>
      </c>
      <c r="E1635" s="52" t="s">
        <v>113</v>
      </c>
      <c r="F1635" s="52" t="s">
        <v>114</v>
      </c>
      <c r="G1635" s="52" t="s">
        <v>115</v>
      </c>
      <c r="H1635" s="4">
        <v>278</v>
      </c>
      <c r="I1635" s="2">
        <v>0</v>
      </c>
    </row>
    <row r="1636" spans="1:9" hidden="1" x14ac:dyDescent="0.35">
      <c r="A1636" s="52" t="s">
        <v>78</v>
      </c>
      <c r="B1636" s="52" t="s">
        <v>79</v>
      </c>
      <c r="C1636" s="3">
        <v>211</v>
      </c>
      <c r="D1636" s="52" t="s">
        <v>2021</v>
      </c>
      <c r="E1636" s="52" t="s">
        <v>134</v>
      </c>
      <c r="F1636" s="52" t="s">
        <v>123</v>
      </c>
      <c r="G1636" s="52" t="s">
        <v>82</v>
      </c>
      <c r="H1636" s="4">
        <v>15</v>
      </c>
      <c r="I1636" s="2">
        <v>0</v>
      </c>
    </row>
    <row r="1637" spans="1:9" hidden="1" x14ac:dyDescent="0.35">
      <c r="A1637" s="52" t="s">
        <v>78</v>
      </c>
      <c r="B1637" s="52" t="s">
        <v>79</v>
      </c>
      <c r="C1637" s="3">
        <v>211</v>
      </c>
      <c r="D1637" s="52" t="s">
        <v>2021</v>
      </c>
      <c r="E1637" s="52" t="s">
        <v>109</v>
      </c>
      <c r="F1637" s="52" t="s">
        <v>110</v>
      </c>
      <c r="G1637" s="52" t="s">
        <v>108</v>
      </c>
      <c r="H1637" s="4">
        <v>3</v>
      </c>
      <c r="I1637" s="2">
        <v>0</v>
      </c>
    </row>
    <row r="1638" spans="1:9" hidden="1" x14ac:dyDescent="0.35">
      <c r="A1638" s="52" t="s">
        <v>78</v>
      </c>
      <c r="B1638" s="52" t="s">
        <v>79</v>
      </c>
      <c r="C1638" s="3">
        <v>211</v>
      </c>
      <c r="D1638" s="52" t="s">
        <v>2021</v>
      </c>
      <c r="E1638" s="52" t="s">
        <v>111</v>
      </c>
      <c r="F1638" s="52" t="s">
        <v>101</v>
      </c>
      <c r="G1638" s="52" t="s">
        <v>82</v>
      </c>
      <c r="H1638" s="4">
        <v>40</v>
      </c>
      <c r="I1638" s="2">
        <v>0</v>
      </c>
    </row>
    <row r="1639" spans="1:9" hidden="1" x14ac:dyDescent="0.35">
      <c r="A1639" s="52" t="s">
        <v>78</v>
      </c>
      <c r="B1639" s="52" t="s">
        <v>79</v>
      </c>
      <c r="C1639" s="3">
        <v>211</v>
      </c>
      <c r="D1639" s="52" t="s">
        <v>2021</v>
      </c>
      <c r="E1639" s="52" t="s">
        <v>118</v>
      </c>
      <c r="F1639" s="52" t="s">
        <v>119</v>
      </c>
      <c r="G1639" s="52" t="s">
        <v>115</v>
      </c>
      <c r="H1639" s="4">
        <v>159</v>
      </c>
      <c r="I1639" s="2">
        <v>0</v>
      </c>
    </row>
    <row r="1640" spans="1:9" hidden="1" x14ac:dyDescent="0.35">
      <c r="A1640" s="52" t="s">
        <v>78</v>
      </c>
      <c r="B1640" s="52" t="s">
        <v>79</v>
      </c>
      <c r="C1640" s="3">
        <v>211</v>
      </c>
      <c r="D1640" s="52" t="s">
        <v>2021</v>
      </c>
      <c r="E1640" s="52" t="s">
        <v>104</v>
      </c>
      <c r="F1640" s="52" t="s">
        <v>105</v>
      </c>
      <c r="G1640" s="52" t="s">
        <v>82</v>
      </c>
      <c r="H1640" s="4">
        <v>26</v>
      </c>
      <c r="I1640" s="2">
        <v>0</v>
      </c>
    </row>
    <row r="1641" spans="1:9" hidden="1" x14ac:dyDescent="0.35">
      <c r="A1641" s="52" t="s">
        <v>78</v>
      </c>
      <c r="B1641" s="52" t="s">
        <v>79</v>
      </c>
      <c r="C1641" s="3">
        <v>211</v>
      </c>
      <c r="D1641" s="52" t="s">
        <v>2021</v>
      </c>
      <c r="E1641" s="52" t="s">
        <v>111</v>
      </c>
      <c r="F1641" s="52" t="s">
        <v>103</v>
      </c>
      <c r="G1641" s="52" t="s">
        <v>82</v>
      </c>
      <c r="H1641" s="4">
        <v>6</v>
      </c>
      <c r="I1641" s="2">
        <v>0</v>
      </c>
    </row>
    <row r="1642" spans="1:9" hidden="1" x14ac:dyDescent="0.35">
      <c r="A1642" s="52" t="s">
        <v>78</v>
      </c>
      <c r="B1642" s="52" t="s">
        <v>79</v>
      </c>
      <c r="C1642" s="3">
        <v>211</v>
      </c>
      <c r="D1642" s="52" t="s">
        <v>2021</v>
      </c>
      <c r="E1642" s="52" t="s">
        <v>139</v>
      </c>
      <c r="F1642" s="52" t="s">
        <v>140</v>
      </c>
      <c r="G1642" s="52" t="s">
        <v>82</v>
      </c>
      <c r="H1642" s="4">
        <v>26</v>
      </c>
      <c r="I1642" s="2">
        <v>0</v>
      </c>
    </row>
    <row r="1643" spans="1:9" hidden="1" x14ac:dyDescent="0.35">
      <c r="A1643" s="52" t="s">
        <v>78</v>
      </c>
      <c r="B1643" s="52" t="s">
        <v>79</v>
      </c>
      <c r="C1643" s="3">
        <v>211</v>
      </c>
      <c r="D1643" s="52" t="s">
        <v>2021</v>
      </c>
      <c r="E1643" s="52" t="s">
        <v>111</v>
      </c>
      <c r="F1643" s="52" t="s">
        <v>93</v>
      </c>
      <c r="G1643" s="52" t="s">
        <v>82</v>
      </c>
      <c r="H1643" s="4">
        <v>12</v>
      </c>
      <c r="I1643" s="2">
        <v>0</v>
      </c>
    </row>
    <row r="1644" spans="1:9" hidden="1" x14ac:dyDescent="0.35">
      <c r="A1644" s="52" t="s">
        <v>78</v>
      </c>
      <c r="B1644" s="52" t="s">
        <v>79</v>
      </c>
      <c r="C1644" s="3">
        <v>211</v>
      </c>
      <c r="D1644" s="52" t="s">
        <v>2021</v>
      </c>
      <c r="E1644" s="52" t="s">
        <v>120</v>
      </c>
      <c r="F1644" s="52" t="s">
        <v>116</v>
      </c>
      <c r="G1644" s="52" t="s">
        <v>115</v>
      </c>
      <c r="H1644" s="4">
        <v>159</v>
      </c>
      <c r="I1644" s="2">
        <v>0</v>
      </c>
    </row>
    <row r="1645" spans="1:9" hidden="1" x14ac:dyDescent="0.35">
      <c r="A1645" s="52" t="s">
        <v>78</v>
      </c>
      <c r="B1645" s="52" t="s">
        <v>79</v>
      </c>
      <c r="C1645" s="3">
        <v>211</v>
      </c>
      <c r="D1645" s="52" t="s">
        <v>2021</v>
      </c>
      <c r="E1645" s="52" t="s">
        <v>135</v>
      </c>
      <c r="F1645" s="52" t="s">
        <v>112</v>
      </c>
      <c r="G1645" s="52" t="s">
        <v>82</v>
      </c>
      <c r="H1645" s="4">
        <v>297</v>
      </c>
      <c r="I1645" s="2">
        <v>0</v>
      </c>
    </row>
    <row r="1646" spans="1:9" hidden="1" x14ac:dyDescent="0.35">
      <c r="A1646" s="52" t="s">
        <v>78</v>
      </c>
      <c r="B1646" s="52" t="s">
        <v>79</v>
      </c>
      <c r="C1646" s="3">
        <v>211</v>
      </c>
      <c r="D1646" s="52" t="s">
        <v>2021</v>
      </c>
      <c r="E1646" s="52" t="s">
        <v>111</v>
      </c>
      <c r="F1646" s="52" t="s">
        <v>105</v>
      </c>
      <c r="G1646" s="52" t="s">
        <v>82</v>
      </c>
      <c r="H1646" s="4">
        <v>7</v>
      </c>
      <c r="I1646" s="2">
        <v>0</v>
      </c>
    </row>
    <row r="1647" spans="1:9" hidden="1" x14ac:dyDescent="0.35">
      <c r="A1647" s="52" t="s">
        <v>78</v>
      </c>
      <c r="B1647" s="52" t="s">
        <v>79</v>
      </c>
      <c r="C1647" s="3">
        <v>211</v>
      </c>
      <c r="D1647" s="52" t="s">
        <v>2021</v>
      </c>
      <c r="E1647" s="52" t="s">
        <v>104</v>
      </c>
      <c r="F1647" s="52" t="s">
        <v>101</v>
      </c>
      <c r="G1647" s="52" t="s">
        <v>82</v>
      </c>
      <c r="H1647" s="4">
        <v>34</v>
      </c>
      <c r="I1647" s="2">
        <v>0</v>
      </c>
    </row>
    <row r="1648" spans="1:9" x14ac:dyDescent="0.35">
      <c r="A1648" s="52" t="s">
        <v>78</v>
      </c>
      <c r="B1648" s="52" t="s">
        <v>79</v>
      </c>
      <c r="C1648" s="3">
        <v>211</v>
      </c>
      <c r="D1648" s="52" t="s">
        <v>2021</v>
      </c>
      <c r="E1648" s="52" t="s">
        <v>121</v>
      </c>
      <c r="F1648" s="52" t="s">
        <v>112</v>
      </c>
      <c r="G1648" s="52" t="s">
        <v>108</v>
      </c>
      <c r="H1648" s="4">
        <v>1</v>
      </c>
      <c r="I1648" s="2">
        <v>0</v>
      </c>
    </row>
    <row r="1649" spans="1:9" hidden="1" x14ac:dyDescent="0.35">
      <c r="A1649" s="52" t="s">
        <v>78</v>
      </c>
      <c r="B1649" s="52" t="s">
        <v>79</v>
      </c>
      <c r="C1649" s="3">
        <v>211</v>
      </c>
      <c r="D1649" s="52" t="s">
        <v>2021</v>
      </c>
      <c r="E1649" s="52" t="s">
        <v>122</v>
      </c>
      <c r="F1649" s="52" t="s">
        <v>123</v>
      </c>
      <c r="G1649" s="52" t="s">
        <v>108</v>
      </c>
      <c r="H1649" s="4">
        <v>4</v>
      </c>
      <c r="I1649" s="2">
        <v>0</v>
      </c>
    </row>
    <row r="1650" spans="1:9" hidden="1" x14ac:dyDescent="0.35">
      <c r="A1650" s="52" t="s">
        <v>78</v>
      </c>
      <c r="B1650" s="52" t="s">
        <v>79</v>
      </c>
      <c r="C1650" s="3">
        <v>211</v>
      </c>
      <c r="D1650" s="52" t="s">
        <v>2021</v>
      </c>
      <c r="E1650" s="52" t="s">
        <v>111</v>
      </c>
      <c r="F1650" s="52" t="s">
        <v>95</v>
      </c>
      <c r="G1650" s="52" t="s">
        <v>82</v>
      </c>
      <c r="H1650" s="4">
        <v>4</v>
      </c>
      <c r="I1650" s="2">
        <v>0</v>
      </c>
    </row>
    <row r="1651" spans="1:9" hidden="1" x14ac:dyDescent="0.35">
      <c r="A1651" s="52" t="s">
        <v>78</v>
      </c>
      <c r="B1651" s="52" t="s">
        <v>79</v>
      </c>
      <c r="C1651" s="3">
        <v>211</v>
      </c>
      <c r="D1651" s="52" t="s">
        <v>2021</v>
      </c>
      <c r="E1651" s="52" t="s">
        <v>102</v>
      </c>
      <c r="F1651" s="52" t="s">
        <v>127</v>
      </c>
      <c r="G1651" s="52" t="s">
        <v>108</v>
      </c>
      <c r="H1651" s="4">
        <v>3</v>
      </c>
      <c r="I1651" s="2">
        <v>0</v>
      </c>
    </row>
    <row r="1652" spans="1:9" hidden="1" x14ac:dyDescent="0.35">
      <c r="A1652" s="52" t="s">
        <v>78</v>
      </c>
      <c r="B1652" s="52" t="s">
        <v>79</v>
      </c>
      <c r="C1652" s="3">
        <v>211</v>
      </c>
      <c r="D1652" s="52" t="s">
        <v>2021</v>
      </c>
      <c r="E1652" s="52" t="s">
        <v>102</v>
      </c>
      <c r="F1652" s="52" t="s">
        <v>103</v>
      </c>
      <c r="G1652" s="52" t="s">
        <v>82</v>
      </c>
      <c r="H1652" s="4">
        <v>81</v>
      </c>
      <c r="I1652" s="2">
        <v>0</v>
      </c>
    </row>
    <row r="1653" spans="1:9" hidden="1" x14ac:dyDescent="0.35">
      <c r="A1653" s="52" t="s">
        <v>78</v>
      </c>
      <c r="B1653" s="52" t="s">
        <v>79</v>
      </c>
      <c r="C1653" s="3">
        <v>211</v>
      </c>
      <c r="D1653" s="52" t="s">
        <v>2021</v>
      </c>
      <c r="E1653" s="52" t="s">
        <v>102</v>
      </c>
      <c r="F1653" s="52" t="s">
        <v>107</v>
      </c>
      <c r="G1653" s="52" t="s">
        <v>108</v>
      </c>
      <c r="H1653" s="4">
        <v>40</v>
      </c>
      <c r="I1653" s="2">
        <v>0</v>
      </c>
    </row>
    <row r="1654" spans="1:9" hidden="1" x14ac:dyDescent="0.35">
      <c r="A1654" s="52" t="s">
        <v>78</v>
      </c>
      <c r="B1654" s="52" t="s">
        <v>79</v>
      </c>
      <c r="C1654" s="3">
        <v>211</v>
      </c>
      <c r="D1654" s="52" t="s">
        <v>2021</v>
      </c>
      <c r="E1654" s="52" t="s">
        <v>111</v>
      </c>
      <c r="F1654" s="52" t="s">
        <v>107</v>
      </c>
      <c r="G1654" s="52" t="s">
        <v>108</v>
      </c>
      <c r="H1654" s="4">
        <v>5</v>
      </c>
      <c r="I1654" s="2">
        <v>0</v>
      </c>
    </row>
    <row r="1655" spans="1:9" hidden="1" x14ac:dyDescent="0.35">
      <c r="A1655" s="52" t="s">
        <v>78</v>
      </c>
      <c r="B1655" s="52" t="s">
        <v>79</v>
      </c>
      <c r="C1655" s="3">
        <v>211</v>
      </c>
      <c r="D1655" s="52" t="s">
        <v>2021</v>
      </c>
      <c r="E1655" s="52" t="s">
        <v>117</v>
      </c>
      <c r="F1655" s="52" t="s">
        <v>116</v>
      </c>
      <c r="G1655" s="52" t="s">
        <v>82</v>
      </c>
      <c r="H1655" s="4">
        <v>285</v>
      </c>
      <c r="I1655" s="2">
        <v>0</v>
      </c>
    </row>
    <row r="1656" spans="1:9" x14ac:dyDescent="0.35">
      <c r="A1656" s="52" t="s">
        <v>78</v>
      </c>
      <c r="B1656" s="52" t="s">
        <v>79</v>
      </c>
      <c r="C1656" s="3">
        <v>211</v>
      </c>
      <c r="D1656" s="52" t="s">
        <v>2021</v>
      </c>
      <c r="E1656" s="52" t="s">
        <v>106</v>
      </c>
      <c r="F1656" s="52" t="s">
        <v>101</v>
      </c>
      <c r="G1656" s="52" t="s">
        <v>108</v>
      </c>
      <c r="H1656" s="4">
        <v>1</v>
      </c>
      <c r="I1656" s="2">
        <v>0</v>
      </c>
    </row>
    <row r="1657" spans="1:9" hidden="1" x14ac:dyDescent="0.35">
      <c r="A1657" s="52" t="s">
        <v>78</v>
      </c>
      <c r="B1657" s="52" t="s">
        <v>79</v>
      </c>
      <c r="C1657" s="3">
        <v>212</v>
      </c>
      <c r="D1657" s="52" t="s">
        <v>2021</v>
      </c>
      <c r="E1657" s="52" t="s">
        <v>92</v>
      </c>
      <c r="F1657" s="52" t="s">
        <v>93</v>
      </c>
      <c r="G1657" s="52" t="s">
        <v>82</v>
      </c>
      <c r="H1657" s="4">
        <v>920</v>
      </c>
      <c r="I1657" s="2">
        <v>17426.46</v>
      </c>
    </row>
    <row r="1658" spans="1:9" hidden="1" x14ac:dyDescent="0.35">
      <c r="A1658" s="52" t="s">
        <v>78</v>
      </c>
      <c r="B1658" s="52" t="s">
        <v>79</v>
      </c>
      <c r="C1658" s="3">
        <v>212</v>
      </c>
      <c r="D1658" s="52" t="s">
        <v>2021</v>
      </c>
      <c r="E1658" s="52" t="s">
        <v>36</v>
      </c>
      <c r="F1658" s="52" t="s">
        <v>95</v>
      </c>
      <c r="G1658" s="52" t="s">
        <v>82</v>
      </c>
      <c r="H1658" s="4">
        <v>22</v>
      </c>
      <c r="I1658" s="2">
        <v>103.4</v>
      </c>
    </row>
    <row r="1659" spans="1:9" hidden="1" x14ac:dyDescent="0.35">
      <c r="A1659" s="52" t="s">
        <v>78</v>
      </c>
      <c r="B1659" s="52" t="s">
        <v>79</v>
      </c>
      <c r="C1659" s="3">
        <v>212</v>
      </c>
      <c r="D1659" s="52" t="s">
        <v>2021</v>
      </c>
      <c r="E1659" s="52" t="s">
        <v>26</v>
      </c>
      <c r="F1659" s="52" t="s">
        <v>81</v>
      </c>
      <c r="G1659" s="52" t="s">
        <v>82</v>
      </c>
      <c r="H1659" s="4">
        <v>4</v>
      </c>
      <c r="I1659" s="2">
        <v>58.6</v>
      </c>
    </row>
    <row r="1660" spans="1:9" x14ac:dyDescent="0.35">
      <c r="A1660" s="52" t="s">
        <v>78</v>
      </c>
      <c r="B1660" s="52" t="s">
        <v>79</v>
      </c>
      <c r="C1660" s="3">
        <v>212</v>
      </c>
      <c r="D1660" s="52" t="s">
        <v>2021</v>
      </c>
      <c r="E1660" s="52" t="s">
        <v>90</v>
      </c>
      <c r="F1660" s="52" t="s">
        <v>91</v>
      </c>
      <c r="G1660" s="52" t="s">
        <v>82</v>
      </c>
      <c r="H1660" s="4">
        <v>1</v>
      </c>
      <c r="I1660" s="2">
        <v>6.99</v>
      </c>
    </row>
    <row r="1661" spans="1:9" hidden="1" x14ac:dyDescent="0.35">
      <c r="A1661" s="52" t="s">
        <v>78</v>
      </c>
      <c r="B1661" s="52" t="s">
        <v>79</v>
      </c>
      <c r="C1661" s="3">
        <v>212</v>
      </c>
      <c r="D1661" s="52" t="s">
        <v>2021</v>
      </c>
      <c r="E1661" s="52" t="s">
        <v>111</v>
      </c>
      <c r="F1661" s="52" t="s">
        <v>93</v>
      </c>
      <c r="G1661" s="52" t="s">
        <v>82</v>
      </c>
      <c r="H1661" s="4">
        <v>6</v>
      </c>
      <c r="I1661" s="2">
        <v>0</v>
      </c>
    </row>
    <row r="1662" spans="1:9" hidden="1" x14ac:dyDescent="0.35">
      <c r="A1662" s="52" t="s">
        <v>78</v>
      </c>
      <c r="B1662" s="52" t="s">
        <v>79</v>
      </c>
      <c r="C1662" s="3">
        <v>212</v>
      </c>
      <c r="D1662" s="52" t="s">
        <v>2021</v>
      </c>
      <c r="E1662" s="52" t="s">
        <v>118</v>
      </c>
      <c r="F1662" s="52" t="s">
        <v>119</v>
      </c>
      <c r="G1662" s="52" t="s">
        <v>115</v>
      </c>
      <c r="H1662" s="4">
        <v>39</v>
      </c>
      <c r="I1662" s="2">
        <v>0</v>
      </c>
    </row>
    <row r="1663" spans="1:9" hidden="1" x14ac:dyDescent="0.35">
      <c r="A1663" s="52" t="s">
        <v>78</v>
      </c>
      <c r="B1663" s="52" t="s">
        <v>79</v>
      </c>
      <c r="C1663" s="3">
        <v>212</v>
      </c>
      <c r="D1663" s="52" t="s">
        <v>2021</v>
      </c>
      <c r="E1663" s="52" t="s">
        <v>102</v>
      </c>
      <c r="F1663" s="52" t="s">
        <v>103</v>
      </c>
      <c r="G1663" s="52" t="s">
        <v>82</v>
      </c>
      <c r="H1663" s="4">
        <v>15</v>
      </c>
      <c r="I1663" s="2">
        <v>0</v>
      </c>
    </row>
    <row r="1664" spans="1:9" hidden="1" x14ac:dyDescent="0.35">
      <c r="A1664" s="52" t="s">
        <v>78</v>
      </c>
      <c r="B1664" s="52" t="s">
        <v>79</v>
      </c>
      <c r="C1664" s="3">
        <v>212</v>
      </c>
      <c r="D1664" s="52" t="s">
        <v>2021</v>
      </c>
      <c r="E1664" s="52" t="s">
        <v>102</v>
      </c>
      <c r="F1664" s="52" t="s">
        <v>116</v>
      </c>
      <c r="G1664" s="52" t="s">
        <v>115</v>
      </c>
      <c r="H1664" s="4">
        <v>34</v>
      </c>
      <c r="I1664" s="2">
        <v>0</v>
      </c>
    </row>
    <row r="1665" spans="1:9" x14ac:dyDescent="0.35">
      <c r="A1665" s="52" t="s">
        <v>78</v>
      </c>
      <c r="B1665" s="52" t="s">
        <v>79</v>
      </c>
      <c r="C1665" s="3">
        <v>212</v>
      </c>
      <c r="D1665" s="52" t="s">
        <v>2021</v>
      </c>
      <c r="E1665" s="52" t="s">
        <v>102</v>
      </c>
      <c r="F1665" s="52" t="s">
        <v>101</v>
      </c>
      <c r="G1665" s="52" t="s">
        <v>108</v>
      </c>
      <c r="H1665" s="4">
        <v>1</v>
      </c>
      <c r="I1665" s="2">
        <v>0</v>
      </c>
    </row>
    <row r="1666" spans="1:9" hidden="1" x14ac:dyDescent="0.35">
      <c r="A1666" s="52" t="s">
        <v>78</v>
      </c>
      <c r="B1666" s="52" t="s">
        <v>79</v>
      </c>
      <c r="C1666" s="3">
        <v>212</v>
      </c>
      <c r="D1666" s="52" t="s">
        <v>2021</v>
      </c>
      <c r="E1666" s="52" t="s">
        <v>102</v>
      </c>
      <c r="F1666" s="52" t="s">
        <v>107</v>
      </c>
      <c r="G1666" s="52" t="s">
        <v>108</v>
      </c>
      <c r="H1666" s="4">
        <v>9</v>
      </c>
      <c r="I1666" s="2">
        <v>0</v>
      </c>
    </row>
    <row r="1667" spans="1:9" hidden="1" x14ac:dyDescent="0.35">
      <c r="A1667" s="52" t="s">
        <v>78</v>
      </c>
      <c r="B1667" s="52" t="s">
        <v>79</v>
      </c>
      <c r="C1667" s="3">
        <v>212</v>
      </c>
      <c r="D1667" s="52" t="s">
        <v>2021</v>
      </c>
      <c r="E1667" s="52" t="s">
        <v>111</v>
      </c>
      <c r="F1667" s="52" t="s">
        <v>101</v>
      </c>
      <c r="G1667" s="52" t="s">
        <v>82</v>
      </c>
      <c r="H1667" s="4">
        <v>14</v>
      </c>
      <c r="I1667" s="2">
        <v>0</v>
      </c>
    </row>
    <row r="1668" spans="1:9" hidden="1" x14ac:dyDescent="0.35">
      <c r="A1668" s="52" t="s">
        <v>78</v>
      </c>
      <c r="B1668" s="52" t="s">
        <v>79</v>
      </c>
      <c r="C1668" s="3">
        <v>212</v>
      </c>
      <c r="D1668" s="52" t="s">
        <v>2021</v>
      </c>
      <c r="E1668" s="52" t="s">
        <v>117</v>
      </c>
      <c r="F1668" s="52" t="s">
        <v>116</v>
      </c>
      <c r="G1668" s="52" t="s">
        <v>82</v>
      </c>
      <c r="H1668" s="4">
        <v>94</v>
      </c>
      <c r="I1668" s="2">
        <v>0</v>
      </c>
    </row>
    <row r="1669" spans="1:9" hidden="1" x14ac:dyDescent="0.35">
      <c r="A1669" s="52" t="s">
        <v>78</v>
      </c>
      <c r="B1669" s="52" t="s">
        <v>79</v>
      </c>
      <c r="C1669" s="3">
        <v>212</v>
      </c>
      <c r="D1669" s="52" t="s">
        <v>2021</v>
      </c>
      <c r="E1669" s="52" t="s">
        <v>139</v>
      </c>
      <c r="F1669" s="52" t="s">
        <v>140</v>
      </c>
      <c r="G1669" s="52" t="s">
        <v>82</v>
      </c>
      <c r="H1669" s="4">
        <v>5</v>
      </c>
      <c r="I1669" s="2">
        <v>0</v>
      </c>
    </row>
    <row r="1670" spans="1:9" x14ac:dyDescent="0.35">
      <c r="A1670" s="52" t="s">
        <v>78</v>
      </c>
      <c r="B1670" s="52" t="s">
        <v>79</v>
      </c>
      <c r="C1670" s="3">
        <v>212</v>
      </c>
      <c r="D1670" s="52" t="s">
        <v>2021</v>
      </c>
      <c r="E1670" s="52" t="s">
        <v>121</v>
      </c>
      <c r="F1670" s="52" t="s">
        <v>112</v>
      </c>
      <c r="G1670" s="52" t="s">
        <v>108</v>
      </c>
      <c r="H1670" s="4">
        <v>1</v>
      </c>
      <c r="I1670" s="2">
        <v>0</v>
      </c>
    </row>
    <row r="1671" spans="1:9" hidden="1" x14ac:dyDescent="0.35">
      <c r="A1671" s="52" t="s">
        <v>78</v>
      </c>
      <c r="B1671" s="52" t="s">
        <v>79</v>
      </c>
      <c r="C1671" s="3">
        <v>212</v>
      </c>
      <c r="D1671" s="52" t="s">
        <v>2021</v>
      </c>
      <c r="E1671" s="52" t="s">
        <v>134</v>
      </c>
      <c r="F1671" s="52" t="s">
        <v>123</v>
      </c>
      <c r="G1671" s="52" t="s">
        <v>82</v>
      </c>
      <c r="H1671" s="4">
        <v>4</v>
      </c>
      <c r="I1671" s="2">
        <v>0</v>
      </c>
    </row>
    <row r="1672" spans="1:9" x14ac:dyDescent="0.35">
      <c r="A1672" s="52" t="s">
        <v>78</v>
      </c>
      <c r="B1672" s="52" t="s">
        <v>79</v>
      </c>
      <c r="C1672" s="3">
        <v>212</v>
      </c>
      <c r="D1672" s="52" t="s">
        <v>2021</v>
      </c>
      <c r="E1672" s="52" t="s">
        <v>126</v>
      </c>
      <c r="F1672" s="52" t="s">
        <v>101</v>
      </c>
      <c r="G1672" s="52" t="s">
        <v>82</v>
      </c>
      <c r="H1672" s="4">
        <v>1</v>
      </c>
      <c r="I1672" s="2">
        <v>0</v>
      </c>
    </row>
    <row r="1673" spans="1:9" hidden="1" x14ac:dyDescent="0.35">
      <c r="A1673" s="52" t="s">
        <v>78</v>
      </c>
      <c r="B1673" s="52" t="s">
        <v>79</v>
      </c>
      <c r="C1673" s="3">
        <v>212</v>
      </c>
      <c r="D1673" s="52" t="s">
        <v>2021</v>
      </c>
      <c r="E1673" s="52" t="s">
        <v>113</v>
      </c>
      <c r="F1673" s="52" t="s">
        <v>114</v>
      </c>
      <c r="G1673" s="52" t="s">
        <v>115</v>
      </c>
      <c r="H1673" s="4">
        <v>48</v>
      </c>
      <c r="I1673" s="2">
        <v>0</v>
      </c>
    </row>
    <row r="1674" spans="1:9" hidden="1" x14ac:dyDescent="0.35">
      <c r="A1674" s="52" t="s">
        <v>78</v>
      </c>
      <c r="B1674" s="52" t="s">
        <v>79</v>
      </c>
      <c r="C1674" s="3">
        <v>212</v>
      </c>
      <c r="D1674" s="52" t="s">
        <v>2021</v>
      </c>
      <c r="E1674" s="52" t="s">
        <v>122</v>
      </c>
      <c r="F1674" s="52" t="s">
        <v>123</v>
      </c>
      <c r="G1674" s="52" t="s">
        <v>108</v>
      </c>
      <c r="H1674" s="4">
        <v>2</v>
      </c>
      <c r="I1674" s="2">
        <v>0</v>
      </c>
    </row>
    <row r="1675" spans="1:9" x14ac:dyDescent="0.35">
      <c r="A1675" s="52" t="s">
        <v>78</v>
      </c>
      <c r="B1675" s="52" t="s">
        <v>79</v>
      </c>
      <c r="C1675" s="3">
        <v>212</v>
      </c>
      <c r="D1675" s="52" t="s">
        <v>2021</v>
      </c>
      <c r="E1675" s="52" t="s">
        <v>102</v>
      </c>
      <c r="F1675" s="52" t="s">
        <v>127</v>
      </c>
      <c r="G1675" s="52" t="s">
        <v>108</v>
      </c>
      <c r="H1675" s="4">
        <v>1</v>
      </c>
      <c r="I1675" s="2">
        <v>0</v>
      </c>
    </row>
    <row r="1676" spans="1:9" hidden="1" x14ac:dyDescent="0.35">
      <c r="A1676" s="52" t="s">
        <v>78</v>
      </c>
      <c r="B1676" s="52" t="s">
        <v>79</v>
      </c>
      <c r="C1676" s="3">
        <v>212</v>
      </c>
      <c r="D1676" s="52" t="s">
        <v>2021</v>
      </c>
      <c r="E1676" s="52" t="s">
        <v>106</v>
      </c>
      <c r="F1676" s="52" t="s">
        <v>107</v>
      </c>
      <c r="G1676" s="52" t="s">
        <v>108</v>
      </c>
      <c r="H1676" s="4">
        <v>3</v>
      </c>
      <c r="I1676" s="2">
        <v>0</v>
      </c>
    </row>
    <row r="1677" spans="1:9" hidden="1" x14ac:dyDescent="0.35">
      <c r="A1677" s="52" t="s">
        <v>78</v>
      </c>
      <c r="B1677" s="52" t="s">
        <v>79</v>
      </c>
      <c r="C1677" s="3">
        <v>212</v>
      </c>
      <c r="D1677" s="52" t="s">
        <v>2021</v>
      </c>
      <c r="E1677" s="52" t="s">
        <v>111</v>
      </c>
      <c r="F1677" s="52" t="s">
        <v>95</v>
      </c>
      <c r="G1677" s="52" t="s">
        <v>82</v>
      </c>
      <c r="H1677" s="4">
        <v>4</v>
      </c>
      <c r="I1677" s="2">
        <v>0</v>
      </c>
    </row>
    <row r="1678" spans="1:9" x14ac:dyDescent="0.35">
      <c r="A1678" s="52" t="s">
        <v>78</v>
      </c>
      <c r="B1678" s="52" t="s">
        <v>79</v>
      </c>
      <c r="C1678" s="3">
        <v>212</v>
      </c>
      <c r="D1678" s="52" t="s">
        <v>2021</v>
      </c>
      <c r="E1678" s="52" t="s">
        <v>111</v>
      </c>
      <c r="F1678" s="52" t="s">
        <v>103</v>
      </c>
      <c r="G1678" s="52" t="s">
        <v>82</v>
      </c>
      <c r="H1678" s="4">
        <v>1</v>
      </c>
      <c r="I1678" s="2">
        <v>0</v>
      </c>
    </row>
    <row r="1679" spans="1:9" hidden="1" x14ac:dyDescent="0.35">
      <c r="A1679" s="52" t="s">
        <v>78</v>
      </c>
      <c r="B1679" s="52" t="s">
        <v>79</v>
      </c>
      <c r="C1679" s="3">
        <v>212</v>
      </c>
      <c r="D1679" s="52" t="s">
        <v>2021</v>
      </c>
      <c r="E1679" s="52" t="s">
        <v>135</v>
      </c>
      <c r="F1679" s="52" t="s">
        <v>112</v>
      </c>
      <c r="G1679" s="52" t="s">
        <v>82</v>
      </c>
      <c r="H1679" s="4">
        <v>80</v>
      </c>
      <c r="I1679" s="2">
        <v>0</v>
      </c>
    </row>
    <row r="1680" spans="1:9" hidden="1" x14ac:dyDescent="0.35">
      <c r="A1680" s="52" t="s">
        <v>78</v>
      </c>
      <c r="B1680" s="52" t="s">
        <v>79</v>
      </c>
      <c r="C1680" s="3">
        <v>212</v>
      </c>
      <c r="D1680" s="52" t="s">
        <v>2021</v>
      </c>
      <c r="E1680" s="52" t="s">
        <v>120</v>
      </c>
      <c r="F1680" s="52" t="s">
        <v>116</v>
      </c>
      <c r="G1680" s="52" t="s">
        <v>115</v>
      </c>
      <c r="H1680" s="4">
        <v>39</v>
      </c>
      <c r="I1680" s="2">
        <v>0</v>
      </c>
    </row>
    <row r="1681" spans="1:9" x14ac:dyDescent="0.35">
      <c r="A1681" s="52" t="s">
        <v>78</v>
      </c>
      <c r="B1681" s="52" t="s">
        <v>79</v>
      </c>
      <c r="C1681" s="3">
        <v>212</v>
      </c>
      <c r="D1681" s="52" t="s">
        <v>2021</v>
      </c>
      <c r="E1681" s="52" t="s">
        <v>102</v>
      </c>
      <c r="F1681" s="52" t="s">
        <v>112</v>
      </c>
      <c r="G1681" s="52" t="s">
        <v>108</v>
      </c>
      <c r="H1681" s="4">
        <v>1</v>
      </c>
      <c r="I1681" s="2">
        <v>0</v>
      </c>
    </row>
    <row r="1682" spans="1:9" hidden="1" x14ac:dyDescent="0.35">
      <c r="A1682" s="52" t="s">
        <v>78</v>
      </c>
      <c r="B1682" s="52" t="s">
        <v>79</v>
      </c>
      <c r="C1682" s="3">
        <v>213</v>
      </c>
      <c r="D1682" s="52" t="s">
        <v>2021</v>
      </c>
      <c r="E1682" s="52" t="s">
        <v>102</v>
      </c>
      <c r="F1682" s="52" t="s">
        <v>103</v>
      </c>
      <c r="G1682" s="52" t="s">
        <v>82</v>
      </c>
      <c r="H1682" s="4">
        <v>3</v>
      </c>
      <c r="I1682" s="2">
        <v>0</v>
      </c>
    </row>
    <row r="1683" spans="1:9" hidden="1" x14ac:dyDescent="0.35">
      <c r="A1683" s="52" t="s">
        <v>78</v>
      </c>
      <c r="B1683" s="52" t="s">
        <v>79</v>
      </c>
      <c r="C1683" s="3">
        <v>216</v>
      </c>
      <c r="D1683" s="52" t="s">
        <v>2021</v>
      </c>
      <c r="E1683" s="52" t="s">
        <v>92</v>
      </c>
      <c r="F1683" s="52" t="s">
        <v>93</v>
      </c>
      <c r="G1683" s="52" t="s">
        <v>82</v>
      </c>
      <c r="H1683" s="4">
        <v>59</v>
      </c>
      <c r="I1683" s="2">
        <v>884.15</v>
      </c>
    </row>
    <row r="1684" spans="1:9" hidden="1" x14ac:dyDescent="0.35">
      <c r="A1684" s="52" t="s">
        <v>78</v>
      </c>
      <c r="B1684" s="52" t="s">
        <v>79</v>
      </c>
      <c r="C1684" s="3">
        <v>216</v>
      </c>
      <c r="D1684" s="52" t="s">
        <v>2021</v>
      </c>
      <c r="E1684" s="52" t="s">
        <v>40</v>
      </c>
      <c r="F1684" s="52" t="s">
        <v>96</v>
      </c>
      <c r="G1684" s="52" t="s">
        <v>82</v>
      </c>
      <c r="H1684" s="4">
        <v>2</v>
      </c>
      <c r="I1684" s="2">
        <v>800</v>
      </c>
    </row>
    <row r="1685" spans="1:9" hidden="1" x14ac:dyDescent="0.35">
      <c r="A1685" s="52" t="s">
        <v>78</v>
      </c>
      <c r="B1685" s="52" t="s">
        <v>79</v>
      </c>
      <c r="C1685" s="3">
        <v>216</v>
      </c>
      <c r="D1685" s="52" t="s">
        <v>2021</v>
      </c>
      <c r="E1685" s="52" t="s">
        <v>135</v>
      </c>
      <c r="F1685" s="52" t="s">
        <v>112</v>
      </c>
      <c r="G1685" s="52" t="s">
        <v>82</v>
      </c>
      <c r="H1685" s="4">
        <v>2</v>
      </c>
      <c r="I1685" s="2">
        <v>0</v>
      </c>
    </row>
    <row r="1686" spans="1:9" x14ac:dyDescent="0.35">
      <c r="A1686" s="52" t="s">
        <v>78</v>
      </c>
      <c r="B1686" s="52" t="s">
        <v>79</v>
      </c>
      <c r="C1686" s="3">
        <v>216</v>
      </c>
      <c r="D1686" s="52" t="s">
        <v>2021</v>
      </c>
      <c r="E1686" s="52" t="s">
        <v>102</v>
      </c>
      <c r="F1686" s="52" t="s">
        <v>107</v>
      </c>
      <c r="G1686" s="52" t="s">
        <v>108</v>
      </c>
      <c r="H1686" s="4">
        <v>1</v>
      </c>
      <c r="I1686" s="2">
        <v>0</v>
      </c>
    </row>
    <row r="1687" spans="1:9" x14ac:dyDescent="0.35">
      <c r="A1687" s="52" t="s">
        <v>78</v>
      </c>
      <c r="B1687" s="52" t="s">
        <v>79</v>
      </c>
      <c r="C1687" s="3">
        <v>216</v>
      </c>
      <c r="D1687" s="52" t="s">
        <v>2021</v>
      </c>
      <c r="E1687" s="52" t="s">
        <v>134</v>
      </c>
      <c r="F1687" s="52" t="s">
        <v>123</v>
      </c>
      <c r="G1687" s="52" t="s">
        <v>82</v>
      </c>
      <c r="H1687" s="4">
        <v>1</v>
      </c>
      <c r="I1687" s="2">
        <v>0</v>
      </c>
    </row>
    <row r="1688" spans="1:9" hidden="1" x14ac:dyDescent="0.35">
      <c r="A1688" s="52" t="s">
        <v>78</v>
      </c>
      <c r="B1688" s="52" t="s">
        <v>79</v>
      </c>
      <c r="C1688" s="3">
        <v>216</v>
      </c>
      <c r="D1688" s="52" t="s">
        <v>2021</v>
      </c>
      <c r="E1688" s="52" t="s">
        <v>102</v>
      </c>
      <c r="F1688" s="52" t="s">
        <v>103</v>
      </c>
      <c r="G1688" s="52" t="s">
        <v>82</v>
      </c>
      <c r="H1688" s="4">
        <v>10</v>
      </c>
      <c r="I1688" s="2">
        <v>0</v>
      </c>
    </row>
    <row r="1689" spans="1:9" hidden="1" x14ac:dyDescent="0.35">
      <c r="A1689" s="52" t="s">
        <v>78</v>
      </c>
      <c r="B1689" s="52" t="s">
        <v>79</v>
      </c>
      <c r="C1689" s="3">
        <v>216</v>
      </c>
      <c r="D1689" s="52" t="s">
        <v>2021</v>
      </c>
      <c r="E1689" s="52" t="s">
        <v>113</v>
      </c>
      <c r="F1689" s="52" t="s">
        <v>114</v>
      </c>
      <c r="G1689" s="52" t="s">
        <v>115</v>
      </c>
      <c r="H1689" s="4">
        <v>5</v>
      </c>
      <c r="I1689" s="2">
        <v>0</v>
      </c>
    </row>
    <row r="1690" spans="1:9" hidden="1" x14ac:dyDescent="0.35">
      <c r="A1690" s="52" t="s">
        <v>78</v>
      </c>
      <c r="B1690" s="52" t="s">
        <v>79</v>
      </c>
      <c r="C1690" s="3">
        <v>221</v>
      </c>
      <c r="D1690" s="52" t="s">
        <v>2021</v>
      </c>
      <c r="E1690" s="52" t="s">
        <v>92</v>
      </c>
      <c r="F1690" s="52" t="s">
        <v>93</v>
      </c>
      <c r="G1690" s="52" t="s">
        <v>82</v>
      </c>
      <c r="H1690" s="4">
        <v>89</v>
      </c>
      <c r="I1690" s="2">
        <v>22778.67</v>
      </c>
    </row>
    <row r="1691" spans="1:9" x14ac:dyDescent="0.35">
      <c r="A1691" s="52" t="s">
        <v>78</v>
      </c>
      <c r="B1691" s="52" t="s">
        <v>79</v>
      </c>
      <c r="C1691" s="3">
        <v>221</v>
      </c>
      <c r="D1691" s="52" t="s">
        <v>2021</v>
      </c>
      <c r="E1691" s="52" t="s">
        <v>135</v>
      </c>
      <c r="F1691" s="52" t="s">
        <v>112</v>
      </c>
      <c r="G1691" s="52" t="s">
        <v>82</v>
      </c>
      <c r="H1691" s="4">
        <v>1</v>
      </c>
      <c r="I1691" s="2">
        <v>0</v>
      </c>
    </row>
    <row r="1692" spans="1:9" hidden="1" x14ac:dyDescent="0.35">
      <c r="A1692" s="52" t="s">
        <v>78</v>
      </c>
      <c r="B1692" s="52" t="s">
        <v>79</v>
      </c>
      <c r="C1692" s="3">
        <v>221</v>
      </c>
      <c r="D1692" s="52" t="s">
        <v>2021</v>
      </c>
      <c r="E1692" s="52" t="s">
        <v>117</v>
      </c>
      <c r="F1692" s="52" t="s">
        <v>116</v>
      </c>
      <c r="G1692" s="52" t="s">
        <v>82</v>
      </c>
      <c r="H1692" s="4">
        <v>2</v>
      </c>
      <c r="I1692" s="2">
        <v>0</v>
      </c>
    </row>
    <row r="1693" spans="1:9" x14ac:dyDescent="0.35">
      <c r="A1693" s="52" t="s">
        <v>78</v>
      </c>
      <c r="B1693" s="52" t="s">
        <v>79</v>
      </c>
      <c r="C1693" s="3">
        <v>221</v>
      </c>
      <c r="D1693" s="52" t="s">
        <v>2021</v>
      </c>
      <c r="E1693" s="52" t="s">
        <v>102</v>
      </c>
      <c r="F1693" s="52" t="s">
        <v>107</v>
      </c>
      <c r="G1693" s="52" t="s">
        <v>108</v>
      </c>
      <c r="H1693" s="4">
        <v>1</v>
      </c>
      <c r="I1693" s="2">
        <v>0</v>
      </c>
    </row>
    <row r="1694" spans="1:9" hidden="1" x14ac:dyDescent="0.35">
      <c r="A1694" s="52" t="s">
        <v>78</v>
      </c>
      <c r="B1694" s="52" t="s">
        <v>79</v>
      </c>
      <c r="C1694" s="3">
        <v>221</v>
      </c>
      <c r="D1694" s="52" t="s">
        <v>2021</v>
      </c>
      <c r="E1694" s="52" t="s">
        <v>102</v>
      </c>
      <c r="F1694" s="52" t="s">
        <v>103</v>
      </c>
      <c r="G1694" s="52" t="s">
        <v>82</v>
      </c>
      <c r="H1694" s="4">
        <v>5</v>
      </c>
      <c r="I1694" s="2">
        <v>0</v>
      </c>
    </row>
    <row r="1695" spans="1:9" hidden="1" x14ac:dyDescent="0.35">
      <c r="A1695" s="52" t="s">
        <v>78</v>
      </c>
      <c r="B1695" s="52" t="s">
        <v>79</v>
      </c>
      <c r="C1695" s="3">
        <v>221</v>
      </c>
      <c r="D1695" s="52" t="s">
        <v>2021</v>
      </c>
      <c r="E1695" s="52" t="s">
        <v>113</v>
      </c>
      <c r="F1695" s="52" t="s">
        <v>114</v>
      </c>
      <c r="G1695" s="52" t="s">
        <v>115</v>
      </c>
      <c r="H1695" s="4">
        <v>3</v>
      </c>
      <c r="I1695" s="2">
        <v>0</v>
      </c>
    </row>
    <row r="1696" spans="1:9" hidden="1" x14ac:dyDescent="0.35">
      <c r="A1696" s="52" t="s">
        <v>78</v>
      </c>
      <c r="B1696" s="52" t="s">
        <v>79</v>
      </c>
      <c r="C1696" s="3">
        <v>222</v>
      </c>
      <c r="D1696" s="52" t="s">
        <v>2021</v>
      </c>
      <c r="E1696" s="52" t="s">
        <v>92</v>
      </c>
      <c r="F1696" s="52" t="s">
        <v>93</v>
      </c>
      <c r="G1696" s="52" t="s">
        <v>82</v>
      </c>
      <c r="H1696" s="4">
        <v>6</v>
      </c>
      <c r="I1696" s="2">
        <v>1270.96</v>
      </c>
    </row>
    <row r="1697" spans="1:9" hidden="1" x14ac:dyDescent="0.35">
      <c r="A1697" s="52" t="s">
        <v>78</v>
      </c>
      <c r="B1697" s="52" t="s">
        <v>79</v>
      </c>
      <c r="C1697" s="3">
        <v>222</v>
      </c>
      <c r="D1697" s="52" t="s">
        <v>2021</v>
      </c>
      <c r="E1697" s="52" t="s">
        <v>36</v>
      </c>
      <c r="F1697" s="52" t="s">
        <v>95</v>
      </c>
      <c r="G1697" s="52" t="s">
        <v>82</v>
      </c>
      <c r="H1697" s="4">
        <v>2</v>
      </c>
      <c r="I1697" s="2">
        <v>9.4</v>
      </c>
    </row>
    <row r="1698" spans="1:9" hidden="1" x14ac:dyDescent="0.35">
      <c r="A1698" s="52" t="s">
        <v>78</v>
      </c>
      <c r="B1698" s="52" t="s">
        <v>79</v>
      </c>
      <c r="C1698" s="3">
        <v>222</v>
      </c>
      <c r="D1698" s="52" t="s">
        <v>2021</v>
      </c>
      <c r="E1698" s="52" t="s">
        <v>117</v>
      </c>
      <c r="F1698" s="52" t="s">
        <v>116</v>
      </c>
      <c r="G1698" s="52" t="s">
        <v>82</v>
      </c>
      <c r="H1698" s="4">
        <v>2</v>
      </c>
      <c r="I1698" s="2">
        <v>0</v>
      </c>
    </row>
    <row r="1699" spans="1:9" x14ac:dyDescent="0.35">
      <c r="A1699" s="52" t="s">
        <v>78</v>
      </c>
      <c r="B1699" s="52" t="s">
        <v>79</v>
      </c>
      <c r="C1699" s="3">
        <v>222</v>
      </c>
      <c r="D1699" s="52" t="s">
        <v>2021</v>
      </c>
      <c r="E1699" s="52" t="s">
        <v>120</v>
      </c>
      <c r="F1699" s="52" t="s">
        <v>116</v>
      </c>
      <c r="G1699" s="52" t="s">
        <v>115</v>
      </c>
      <c r="H1699" s="4">
        <v>1</v>
      </c>
      <c r="I1699" s="2">
        <v>0</v>
      </c>
    </row>
    <row r="1700" spans="1:9" x14ac:dyDescent="0.35">
      <c r="A1700" s="52" t="s">
        <v>78</v>
      </c>
      <c r="B1700" s="52" t="s">
        <v>79</v>
      </c>
      <c r="C1700" s="3">
        <v>222</v>
      </c>
      <c r="D1700" s="52" t="s">
        <v>2021</v>
      </c>
      <c r="E1700" s="52" t="s">
        <v>102</v>
      </c>
      <c r="F1700" s="52" t="s">
        <v>103</v>
      </c>
      <c r="G1700" s="52" t="s">
        <v>82</v>
      </c>
      <c r="H1700" s="4">
        <v>1</v>
      </c>
      <c r="I1700" s="2">
        <v>0</v>
      </c>
    </row>
    <row r="1701" spans="1:9" x14ac:dyDescent="0.35">
      <c r="A1701" s="52" t="s">
        <v>78</v>
      </c>
      <c r="B1701" s="52" t="s">
        <v>79</v>
      </c>
      <c r="C1701" s="3">
        <v>222</v>
      </c>
      <c r="D1701" s="52" t="s">
        <v>2021</v>
      </c>
      <c r="E1701" s="52" t="s">
        <v>102</v>
      </c>
      <c r="F1701" s="52" t="s">
        <v>116</v>
      </c>
      <c r="G1701" s="52" t="s">
        <v>115</v>
      </c>
      <c r="H1701" s="4">
        <v>1</v>
      </c>
      <c r="I1701" s="2">
        <v>0</v>
      </c>
    </row>
    <row r="1702" spans="1:9" x14ac:dyDescent="0.35">
      <c r="A1702" s="52" t="s">
        <v>78</v>
      </c>
      <c r="B1702" s="52" t="s">
        <v>79</v>
      </c>
      <c r="C1702" s="3">
        <v>222</v>
      </c>
      <c r="D1702" s="52" t="s">
        <v>2021</v>
      </c>
      <c r="E1702" s="52" t="s">
        <v>118</v>
      </c>
      <c r="F1702" s="52" t="s">
        <v>119</v>
      </c>
      <c r="G1702" s="52" t="s">
        <v>115</v>
      </c>
      <c r="H1702" s="4">
        <v>1</v>
      </c>
      <c r="I1702" s="2">
        <v>0</v>
      </c>
    </row>
    <row r="1703" spans="1:9" hidden="1" x14ac:dyDescent="0.35">
      <c r="A1703" s="52" t="s">
        <v>78</v>
      </c>
      <c r="B1703" s="52" t="s">
        <v>79</v>
      </c>
      <c r="C1703" s="3">
        <v>230</v>
      </c>
      <c r="D1703" s="52" t="s">
        <v>2021</v>
      </c>
      <c r="E1703" s="52" t="s">
        <v>92</v>
      </c>
      <c r="F1703" s="52" t="s">
        <v>93</v>
      </c>
      <c r="G1703" s="52" t="s">
        <v>82</v>
      </c>
      <c r="H1703" s="4">
        <v>35</v>
      </c>
      <c r="I1703" s="2">
        <v>14083.45</v>
      </c>
    </row>
    <row r="1704" spans="1:9" hidden="1" x14ac:dyDescent="0.35">
      <c r="A1704" s="52" t="s">
        <v>78</v>
      </c>
      <c r="B1704" s="52" t="s">
        <v>79</v>
      </c>
      <c r="C1704" s="3">
        <v>230</v>
      </c>
      <c r="D1704" s="52" t="s">
        <v>2021</v>
      </c>
      <c r="E1704" s="52" t="s">
        <v>26</v>
      </c>
      <c r="F1704" s="52" t="s">
        <v>81</v>
      </c>
      <c r="G1704" s="52" t="s">
        <v>82</v>
      </c>
      <c r="H1704" s="4">
        <v>3</v>
      </c>
      <c r="I1704" s="2">
        <v>43.95</v>
      </c>
    </row>
    <row r="1705" spans="1:9" hidden="1" x14ac:dyDescent="0.35">
      <c r="A1705" s="52" t="s">
        <v>78</v>
      </c>
      <c r="B1705" s="52" t="s">
        <v>79</v>
      </c>
      <c r="C1705" s="3">
        <v>230</v>
      </c>
      <c r="D1705" s="52" t="s">
        <v>2021</v>
      </c>
      <c r="E1705" s="52" t="s">
        <v>36</v>
      </c>
      <c r="F1705" s="52" t="s">
        <v>95</v>
      </c>
      <c r="G1705" s="52" t="s">
        <v>82</v>
      </c>
      <c r="H1705" s="4">
        <v>2</v>
      </c>
      <c r="I1705" s="2">
        <v>9.4</v>
      </c>
    </row>
    <row r="1706" spans="1:9" x14ac:dyDescent="0.35">
      <c r="A1706" s="52" t="s">
        <v>78</v>
      </c>
      <c r="B1706" s="52" t="s">
        <v>79</v>
      </c>
      <c r="C1706" s="3">
        <v>230</v>
      </c>
      <c r="D1706" s="52" t="s">
        <v>2021</v>
      </c>
      <c r="E1706" s="52" t="s">
        <v>102</v>
      </c>
      <c r="F1706" s="52" t="s">
        <v>107</v>
      </c>
      <c r="G1706" s="52" t="s">
        <v>108</v>
      </c>
      <c r="H1706" s="4">
        <v>1</v>
      </c>
      <c r="I1706" s="2">
        <v>0</v>
      </c>
    </row>
    <row r="1707" spans="1:9" hidden="1" x14ac:dyDescent="0.35">
      <c r="A1707" s="52" t="s">
        <v>78</v>
      </c>
      <c r="B1707" s="52" t="s">
        <v>79</v>
      </c>
      <c r="C1707" s="3">
        <v>230</v>
      </c>
      <c r="D1707" s="52" t="s">
        <v>2021</v>
      </c>
      <c r="E1707" s="52" t="s">
        <v>118</v>
      </c>
      <c r="F1707" s="52" t="s">
        <v>119</v>
      </c>
      <c r="G1707" s="52" t="s">
        <v>115</v>
      </c>
      <c r="H1707" s="4">
        <v>4</v>
      </c>
      <c r="I1707" s="2">
        <v>0</v>
      </c>
    </row>
    <row r="1708" spans="1:9" hidden="1" x14ac:dyDescent="0.35">
      <c r="A1708" s="52" t="s">
        <v>78</v>
      </c>
      <c r="B1708" s="52" t="s">
        <v>79</v>
      </c>
      <c r="C1708" s="3">
        <v>230</v>
      </c>
      <c r="D1708" s="52" t="s">
        <v>2021</v>
      </c>
      <c r="E1708" s="52" t="s">
        <v>102</v>
      </c>
      <c r="F1708" s="52" t="s">
        <v>116</v>
      </c>
      <c r="G1708" s="52" t="s">
        <v>115</v>
      </c>
      <c r="H1708" s="4">
        <v>4</v>
      </c>
      <c r="I1708" s="2">
        <v>0</v>
      </c>
    </row>
    <row r="1709" spans="1:9" x14ac:dyDescent="0.35">
      <c r="A1709" s="52" t="s">
        <v>78</v>
      </c>
      <c r="B1709" s="52" t="s">
        <v>79</v>
      </c>
      <c r="C1709" s="3">
        <v>230</v>
      </c>
      <c r="D1709" s="52" t="s">
        <v>2021</v>
      </c>
      <c r="E1709" s="52" t="s">
        <v>102</v>
      </c>
      <c r="F1709" s="52" t="s">
        <v>103</v>
      </c>
      <c r="G1709" s="52" t="s">
        <v>82</v>
      </c>
      <c r="H1709" s="4">
        <v>1</v>
      </c>
      <c r="I1709" s="2">
        <v>0</v>
      </c>
    </row>
    <row r="1710" spans="1:9" hidden="1" x14ac:dyDescent="0.35">
      <c r="A1710" s="52" t="s">
        <v>78</v>
      </c>
      <c r="B1710" s="52" t="s">
        <v>79</v>
      </c>
      <c r="C1710" s="3">
        <v>230</v>
      </c>
      <c r="D1710" s="52" t="s">
        <v>2021</v>
      </c>
      <c r="E1710" s="52" t="s">
        <v>120</v>
      </c>
      <c r="F1710" s="52" t="s">
        <v>116</v>
      </c>
      <c r="G1710" s="52" t="s">
        <v>115</v>
      </c>
      <c r="H1710" s="4">
        <v>4</v>
      </c>
      <c r="I1710" s="2">
        <v>0</v>
      </c>
    </row>
    <row r="1711" spans="1:9" hidden="1" x14ac:dyDescent="0.35">
      <c r="A1711" s="52" t="s">
        <v>78</v>
      </c>
      <c r="B1711" s="52" t="s">
        <v>79</v>
      </c>
      <c r="C1711" s="3">
        <v>230</v>
      </c>
      <c r="D1711" s="52" t="s">
        <v>2021</v>
      </c>
      <c r="E1711" s="52" t="s">
        <v>117</v>
      </c>
      <c r="F1711" s="52" t="s">
        <v>116</v>
      </c>
      <c r="G1711" s="52" t="s">
        <v>82</v>
      </c>
      <c r="H1711" s="4">
        <v>3</v>
      </c>
      <c r="I1711" s="2">
        <v>0</v>
      </c>
    </row>
    <row r="1712" spans="1:9" x14ac:dyDescent="0.35">
      <c r="A1712" s="52" t="s">
        <v>78</v>
      </c>
      <c r="B1712" s="52" t="s">
        <v>79</v>
      </c>
      <c r="C1712" s="3">
        <v>230</v>
      </c>
      <c r="D1712" s="52" t="s">
        <v>2021</v>
      </c>
      <c r="E1712" s="52" t="s">
        <v>113</v>
      </c>
      <c r="F1712" s="52" t="s">
        <v>114</v>
      </c>
      <c r="G1712" s="52" t="s">
        <v>115</v>
      </c>
      <c r="H1712" s="4">
        <v>1</v>
      </c>
      <c r="I1712" s="2">
        <v>0</v>
      </c>
    </row>
    <row r="1713" spans="1:9" x14ac:dyDescent="0.35">
      <c r="A1713" s="52" t="s">
        <v>78</v>
      </c>
      <c r="B1713" s="52" t="s">
        <v>79</v>
      </c>
      <c r="C1713" s="3">
        <v>400</v>
      </c>
      <c r="D1713" s="52" t="s">
        <v>2021</v>
      </c>
      <c r="E1713" s="52" t="s">
        <v>92</v>
      </c>
      <c r="F1713" s="52" t="s">
        <v>93</v>
      </c>
      <c r="G1713" s="52" t="s">
        <v>82</v>
      </c>
      <c r="H1713" s="4">
        <v>1</v>
      </c>
      <c r="I1713" s="2">
        <v>0.66</v>
      </c>
    </row>
    <row r="1714" spans="1:9" hidden="1" x14ac:dyDescent="0.35">
      <c r="A1714" s="52" t="s">
        <v>78</v>
      </c>
      <c r="B1714" s="52" t="s">
        <v>79</v>
      </c>
      <c r="C1714" s="3">
        <v>0</v>
      </c>
      <c r="D1714" s="52" t="s">
        <v>2022</v>
      </c>
      <c r="E1714" s="52" t="s">
        <v>92</v>
      </c>
      <c r="F1714" s="52" t="s">
        <v>93</v>
      </c>
      <c r="G1714" s="52" t="s">
        <v>82</v>
      </c>
      <c r="H1714" s="4">
        <v>444</v>
      </c>
      <c r="I1714" s="2">
        <v>24900.68</v>
      </c>
    </row>
    <row r="1715" spans="1:9" hidden="1" x14ac:dyDescent="0.35">
      <c r="A1715" s="52" t="s">
        <v>78</v>
      </c>
      <c r="B1715" s="52" t="s">
        <v>79</v>
      </c>
      <c r="C1715" s="3">
        <v>0</v>
      </c>
      <c r="D1715" s="52" t="s">
        <v>2022</v>
      </c>
      <c r="E1715" s="52" t="s">
        <v>104</v>
      </c>
      <c r="F1715" s="52" t="s">
        <v>101</v>
      </c>
      <c r="G1715" s="52" t="s">
        <v>82</v>
      </c>
      <c r="H1715" s="4">
        <v>3790</v>
      </c>
      <c r="I1715" s="2">
        <v>0</v>
      </c>
    </row>
    <row r="1716" spans="1:9" x14ac:dyDescent="0.35">
      <c r="A1716" s="52" t="s">
        <v>78</v>
      </c>
      <c r="B1716" s="52" t="s">
        <v>79</v>
      </c>
      <c r="C1716" s="3">
        <v>0</v>
      </c>
      <c r="D1716" s="52" t="s">
        <v>2022</v>
      </c>
      <c r="E1716" s="52" t="s">
        <v>102</v>
      </c>
      <c r="F1716" s="52" t="s">
        <v>107</v>
      </c>
      <c r="G1716" s="52" t="s">
        <v>108</v>
      </c>
      <c r="H1716" s="4">
        <v>1</v>
      </c>
      <c r="I1716" s="2">
        <v>0</v>
      </c>
    </row>
    <row r="1717" spans="1:9" hidden="1" x14ac:dyDescent="0.35">
      <c r="A1717" s="52" t="s">
        <v>78</v>
      </c>
      <c r="B1717" s="52" t="s">
        <v>79</v>
      </c>
      <c r="C1717" s="3">
        <v>0</v>
      </c>
      <c r="D1717" s="52" t="s">
        <v>2022</v>
      </c>
      <c r="E1717" s="52" t="s">
        <v>102</v>
      </c>
      <c r="F1717" s="52" t="s">
        <v>103</v>
      </c>
      <c r="G1717" s="52" t="s">
        <v>82</v>
      </c>
      <c r="H1717" s="4">
        <v>3</v>
      </c>
      <c r="I1717" s="2">
        <v>0</v>
      </c>
    </row>
    <row r="1718" spans="1:9" hidden="1" x14ac:dyDescent="0.35">
      <c r="A1718" s="52" t="s">
        <v>78</v>
      </c>
      <c r="B1718" s="52" t="s">
        <v>79</v>
      </c>
      <c r="C1718" s="3">
        <v>0</v>
      </c>
      <c r="D1718" s="52" t="s">
        <v>2022</v>
      </c>
      <c r="E1718" s="52" t="s">
        <v>104</v>
      </c>
      <c r="F1718" s="52" t="s">
        <v>112</v>
      </c>
      <c r="G1718" s="52" t="s">
        <v>82</v>
      </c>
      <c r="H1718" s="4">
        <v>19</v>
      </c>
      <c r="I1718" s="2">
        <v>0</v>
      </c>
    </row>
    <row r="1719" spans="1:9" hidden="1" x14ac:dyDescent="0.35">
      <c r="A1719" s="52" t="s">
        <v>78</v>
      </c>
      <c r="B1719" s="52" t="s">
        <v>79</v>
      </c>
      <c r="C1719" s="3">
        <v>0</v>
      </c>
      <c r="D1719" s="52" t="s">
        <v>2022</v>
      </c>
      <c r="E1719" s="52" t="s">
        <v>104</v>
      </c>
      <c r="F1719" s="52" t="s">
        <v>105</v>
      </c>
      <c r="G1719" s="52" t="s">
        <v>82</v>
      </c>
      <c r="H1719" s="4">
        <v>1131</v>
      </c>
      <c r="I1719" s="2">
        <v>0</v>
      </c>
    </row>
    <row r="1720" spans="1:9" hidden="1" x14ac:dyDescent="0.35">
      <c r="A1720" s="52" t="s">
        <v>78</v>
      </c>
      <c r="B1720" s="52" t="s">
        <v>79</v>
      </c>
      <c r="C1720" s="3">
        <v>10</v>
      </c>
      <c r="D1720" s="52" t="s">
        <v>2022</v>
      </c>
      <c r="E1720" s="52" t="s">
        <v>90</v>
      </c>
      <c r="F1720" s="52" t="s">
        <v>91</v>
      </c>
      <c r="G1720" s="52" t="s">
        <v>82</v>
      </c>
      <c r="H1720" s="4">
        <v>5593</v>
      </c>
      <c r="I1720" s="2">
        <v>66722.570000000007</v>
      </c>
    </row>
    <row r="1721" spans="1:9" hidden="1" x14ac:dyDescent="0.35">
      <c r="A1721" s="52" t="s">
        <v>78</v>
      </c>
      <c r="B1721" s="52" t="s">
        <v>79</v>
      </c>
      <c r="C1721" s="3">
        <v>10</v>
      </c>
      <c r="D1721" s="52" t="s">
        <v>2022</v>
      </c>
      <c r="E1721" s="52" t="s">
        <v>26</v>
      </c>
      <c r="F1721" s="52" t="s">
        <v>81</v>
      </c>
      <c r="G1721" s="52" t="s">
        <v>82</v>
      </c>
      <c r="H1721" s="4">
        <v>170</v>
      </c>
      <c r="I1721" s="2">
        <v>2490.5</v>
      </c>
    </row>
    <row r="1722" spans="1:9" hidden="1" x14ac:dyDescent="0.35">
      <c r="A1722" s="52" t="s">
        <v>78</v>
      </c>
      <c r="B1722" s="52" t="s">
        <v>79</v>
      </c>
      <c r="C1722" s="3">
        <v>10</v>
      </c>
      <c r="D1722" s="52" t="s">
        <v>2022</v>
      </c>
      <c r="E1722" s="52" t="s">
        <v>36</v>
      </c>
      <c r="F1722" s="52" t="s">
        <v>95</v>
      </c>
      <c r="G1722" s="52" t="s">
        <v>82</v>
      </c>
      <c r="H1722" s="4">
        <v>362</v>
      </c>
      <c r="I1722" s="2">
        <v>1701.4</v>
      </c>
    </row>
    <row r="1723" spans="1:9" hidden="1" x14ac:dyDescent="0.35">
      <c r="A1723" s="52" t="s">
        <v>78</v>
      </c>
      <c r="B1723" s="52" t="s">
        <v>79</v>
      </c>
      <c r="C1723" s="3">
        <v>10</v>
      </c>
      <c r="D1723" s="52" t="s">
        <v>2022</v>
      </c>
      <c r="E1723" s="52" t="s">
        <v>29</v>
      </c>
      <c r="F1723" s="52" t="s">
        <v>94</v>
      </c>
      <c r="G1723" s="52" t="s">
        <v>82</v>
      </c>
      <c r="H1723" s="4">
        <v>5</v>
      </c>
      <c r="I1723" s="2">
        <v>972.08</v>
      </c>
    </row>
    <row r="1724" spans="1:9" hidden="1" x14ac:dyDescent="0.35">
      <c r="A1724" s="52" t="s">
        <v>78</v>
      </c>
      <c r="B1724" s="52" t="s">
        <v>79</v>
      </c>
      <c r="C1724" s="3">
        <v>10</v>
      </c>
      <c r="D1724" s="52" t="s">
        <v>2022</v>
      </c>
      <c r="E1724" s="52" t="s">
        <v>38</v>
      </c>
      <c r="F1724" s="52" t="s">
        <v>97</v>
      </c>
      <c r="G1724" s="52" t="s">
        <v>82</v>
      </c>
      <c r="H1724" s="4">
        <v>89</v>
      </c>
      <c r="I1724" s="2">
        <v>906</v>
      </c>
    </row>
    <row r="1725" spans="1:9" hidden="1" x14ac:dyDescent="0.35">
      <c r="A1725" s="52" t="s">
        <v>78</v>
      </c>
      <c r="B1725" s="52" t="s">
        <v>79</v>
      </c>
      <c r="C1725" s="3">
        <v>10</v>
      </c>
      <c r="D1725" s="52" t="s">
        <v>2022</v>
      </c>
      <c r="E1725" s="52" t="s">
        <v>914</v>
      </c>
      <c r="F1725" s="52" t="s">
        <v>91</v>
      </c>
      <c r="G1725" s="52" t="s">
        <v>82</v>
      </c>
      <c r="H1725" s="4">
        <v>1000</v>
      </c>
      <c r="I1725" s="2">
        <v>679.2</v>
      </c>
    </row>
    <row r="1726" spans="1:9" hidden="1" x14ac:dyDescent="0.35">
      <c r="A1726" s="52" t="s">
        <v>78</v>
      </c>
      <c r="B1726" s="52" t="s">
        <v>79</v>
      </c>
      <c r="C1726" s="3">
        <v>10</v>
      </c>
      <c r="D1726" s="52" t="s">
        <v>2022</v>
      </c>
      <c r="E1726" s="52" t="s">
        <v>92</v>
      </c>
      <c r="F1726" s="52" t="s">
        <v>93</v>
      </c>
      <c r="G1726" s="52" t="s">
        <v>82</v>
      </c>
      <c r="H1726" s="4">
        <v>12</v>
      </c>
      <c r="I1726" s="2">
        <v>58.89</v>
      </c>
    </row>
    <row r="1727" spans="1:9" hidden="1" x14ac:dyDescent="0.35">
      <c r="A1727" s="52" t="s">
        <v>78</v>
      </c>
      <c r="B1727" s="52" t="s">
        <v>79</v>
      </c>
      <c r="C1727" s="3">
        <v>10</v>
      </c>
      <c r="D1727" s="52" t="s">
        <v>2022</v>
      </c>
      <c r="E1727" s="52" t="s">
        <v>113</v>
      </c>
      <c r="F1727" s="52" t="s">
        <v>114</v>
      </c>
      <c r="G1727" s="52" t="s">
        <v>115</v>
      </c>
      <c r="H1727" s="4">
        <v>1457</v>
      </c>
      <c r="I1727" s="2">
        <v>0</v>
      </c>
    </row>
    <row r="1728" spans="1:9" hidden="1" x14ac:dyDescent="0.35">
      <c r="A1728" s="52" t="s">
        <v>78</v>
      </c>
      <c r="B1728" s="52" t="s">
        <v>79</v>
      </c>
      <c r="C1728" s="3">
        <v>10</v>
      </c>
      <c r="D1728" s="52" t="s">
        <v>2022</v>
      </c>
      <c r="E1728" s="52" t="s">
        <v>128</v>
      </c>
      <c r="F1728" s="52" t="s">
        <v>129</v>
      </c>
      <c r="G1728" s="52" t="s">
        <v>82</v>
      </c>
      <c r="H1728" s="4">
        <v>3</v>
      </c>
      <c r="I1728" s="2">
        <v>0</v>
      </c>
    </row>
    <row r="1729" spans="1:9" hidden="1" x14ac:dyDescent="0.35">
      <c r="A1729" s="52" t="s">
        <v>78</v>
      </c>
      <c r="B1729" s="52" t="s">
        <v>79</v>
      </c>
      <c r="C1729" s="3">
        <v>10</v>
      </c>
      <c r="D1729" s="52" t="s">
        <v>2022</v>
      </c>
      <c r="E1729" s="52" t="s">
        <v>121</v>
      </c>
      <c r="F1729" s="52" t="s">
        <v>112</v>
      </c>
      <c r="G1729" s="52" t="s">
        <v>108</v>
      </c>
      <c r="H1729" s="4">
        <v>97</v>
      </c>
      <c r="I1729" s="2">
        <v>0</v>
      </c>
    </row>
    <row r="1730" spans="1:9" hidden="1" x14ac:dyDescent="0.35">
      <c r="A1730" s="52" t="s">
        <v>78</v>
      </c>
      <c r="B1730" s="52" t="s">
        <v>79</v>
      </c>
      <c r="C1730" s="3">
        <v>10</v>
      </c>
      <c r="D1730" s="52" t="s">
        <v>2022</v>
      </c>
      <c r="E1730" s="52" t="s">
        <v>111</v>
      </c>
      <c r="F1730" s="52" t="s">
        <v>101</v>
      </c>
      <c r="G1730" s="52" t="s">
        <v>82</v>
      </c>
      <c r="H1730" s="4">
        <v>393</v>
      </c>
      <c r="I1730" s="2">
        <v>0</v>
      </c>
    </row>
    <row r="1731" spans="1:9" hidden="1" x14ac:dyDescent="0.35">
      <c r="A1731" s="52" t="s">
        <v>78</v>
      </c>
      <c r="B1731" s="52" t="s">
        <v>79</v>
      </c>
      <c r="C1731" s="3">
        <v>10</v>
      </c>
      <c r="D1731" s="52" t="s">
        <v>2022</v>
      </c>
      <c r="E1731" s="52" t="s">
        <v>117</v>
      </c>
      <c r="F1731" s="52" t="s">
        <v>116</v>
      </c>
      <c r="G1731" s="52" t="s">
        <v>82</v>
      </c>
      <c r="H1731" s="4">
        <v>1696</v>
      </c>
      <c r="I1731" s="2">
        <v>0</v>
      </c>
    </row>
    <row r="1732" spans="1:9" hidden="1" x14ac:dyDescent="0.35">
      <c r="A1732" s="52" t="s">
        <v>78</v>
      </c>
      <c r="B1732" s="52" t="s">
        <v>79</v>
      </c>
      <c r="C1732" s="3">
        <v>10</v>
      </c>
      <c r="D1732" s="52" t="s">
        <v>2022</v>
      </c>
      <c r="E1732" s="52" t="s">
        <v>111</v>
      </c>
      <c r="F1732" s="52" t="s">
        <v>93</v>
      </c>
      <c r="G1732" s="52" t="s">
        <v>82</v>
      </c>
      <c r="H1732" s="4">
        <v>41</v>
      </c>
      <c r="I1732" s="2">
        <v>0</v>
      </c>
    </row>
    <row r="1733" spans="1:9" hidden="1" x14ac:dyDescent="0.35">
      <c r="A1733" s="52" t="s">
        <v>78</v>
      </c>
      <c r="B1733" s="52" t="s">
        <v>79</v>
      </c>
      <c r="C1733" s="3">
        <v>10</v>
      </c>
      <c r="D1733" s="52" t="s">
        <v>2022</v>
      </c>
      <c r="E1733" s="52" t="s">
        <v>134</v>
      </c>
      <c r="F1733" s="52" t="s">
        <v>123</v>
      </c>
      <c r="G1733" s="52" t="s">
        <v>82</v>
      </c>
      <c r="H1733" s="4">
        <v>2461</v>
      </c>
      <c r="I1733" s="2">
        <v>0</v>
      </c>
    </row>
    <row r="1734" spans="1:9" hidden="1" x14ac:dyDescent="0.35">
      <c r="A1734" s="52" t="s">
        <v>78</v>
      </c>
      <c r="B1734" s="52" t="s">
        <v>79</v>
      </c>
      <c r="C1734" s="3">
        <v>10</v>
      </c>
      <c r="D1734" s="52" t="s">
        <v>2022</v>
      </c>
      <c r="E1734" s="52" t="s">
        <v>102</v>
      </c>
      <c r="F1734" s="52" t="s">
        <v>116</v>
      </c>
      <c r="G1734" s="52" t="s">
        <v>115</v>
      </c>
      <c r="H1734" s="4">
        <v>713</v>
      </c>
      <c r="I1734" s="2">
        <v>0</v>
      </c>
    </row>
    <row r="1735" spans="1:9" hidden="1" x14ac:dyDescent="0.35">
      <c r="A1735" s="52" t="s">
        <v>78</v>
      </c>
      <c r="B1735" s="52" t="s">
        <v>79</v>
      </c>
      <c r="C1735" s="3">
        <v>10</v>
      </c>
      <c r="D1735" s="52" t="s">
        <v>2022</v>
      </c>
      <c r="E1735" s="52" t="s">
        <v>135</v>
      </c>
      <c r="F1735" s="52" t="s">
        <v>112</v>
      </c>
      <c r="G1735" s="52" t="s">
        <v>82</v>
      </c>
      <c r="H1735" s="4">
        <v>7729</v>
      </c>
      <c r="I1735" s="2">
        <v>0</v>
      </c>
    </row>
    <row r="1736" spans="1:9" hidden="1" x14ac:dyDescent="0.35">
      <c r="A1736" s="52" t="s">
        <v>78</v>
      </c>
      <c r="B1736" s="52" t="s">
        <v>79</v>
      </c>
      <c r="C1736" s="3">
        <v>10</v>
      </c>
      <c r="D1736" s="52" t="s">
        <v>2022</v>
      </c>
      <c r="E1736" s="52" t="s">
        <v>102</v>
      </c>
      <c r="F1736" s="52" t="s">
        <v>125</v>
      </c>
      <c r="G1736" s="52" t="s">
        <v>108</v>
      </c>
      <c r="H1736" s="4">
        <v>2</v>
      </c>
      <c r="I1736" s="2">
        <v>0</v>
      </c>
    </row>
    <row r="1737" spans="1:9" hidden="1" x14ac:dyDescent="0.35">
      <c r="A1737" s="52" t="s">
        <v>78</v>
      </c>
      <c r="B1737" s="52" t="s">
        <v>79</v>
      </c>
      <c r="C1737" s="3">
        <v>10</v>
      </c>
      <c r="D1737" s="52" t="s">
        <v>2022</v>
      </c>
      <c r="E1737" s="52" t="s">
        <v>106</v>
      </c>
      <c r="F1737" s="52" t="s">
        <v>103</v>
      </c>
      <c r="G1737" s="52" t="s">
        <v>82</v>
      </c>
      <c r="H1737" s="4">
        <v>2</v>
      </c>
      <c r="I1737" s="2">
        <v>0</v>
      </c>
    </row>
    <row r="1738" spans="1:9" hidden="1" x14ac:dyDescent="0.35">
      <c r="A1738" s="52" t="s">
        <v>78</v>
      </c>
      <c r="B1738" s="52" t="s">
        <v>79</v>
      </c>
      <c r="C1738" s="3">
        <v>10</v>
      </c>
      <c r="D1738" s="52" t="s">
        <v>2022</v>
      </c>
      <c r="E1738" s="52" t="s">
        <v>111</v>
      </c>
      <c r="F1738" s="52" t="s">
        <v>103</v>
      </c>
      <c r="G1738" s="52" t="s">
        <v>82</v>
      </c>
      <c r="H1738" s="4">
        <v>14</v>
      </c>
      <c r="I1738" s="2">
        <v>0</v>
      </c>
    </row>
    <row r="1739" spans="1:9" hidden="1" x14ac:dyDescent="0.35">
      <c r="A1739" s="52" t="s">
        <v>78</v>
      </c>
      <c r="B1739" s="52" t="s">
        <v>79</v>
      </c>
      <c r="C1739" s="3">
        <v>10</v>
      </c>
      <c r="D1739" s="52" t="s">
        <v>2022</v>
      </c>
      <c r="E1739" s="52" t="s">
        <v>109</v>
      </c>
      <c r="F1739" s="52" t="s">
        <v>110</v>
      </c>
      <c r="G1739" s="52" t="s">
        <v>108</v>
      </c>
      <c r="H1739" s="4">
        <v>14</v>
      </c>
      <c r="I1739" s="2">
        <v>0</v>
      </c>
    </row>
    <row r="1740" spans="1:9" x14ac:dyDescent="0.35">
      <c r="A1740" s="52" t="s">
        <v>78</v>
      </c>
      <c r="B1740" s="52" t="s">
        <v>79</v>
      </c>
      <c r="C1740" s="3">
        <v>10</v>
      </c>
      <c r="D1740" s="52" t="s">
        <v>2022</v>
      </c>
      <c r="E1740" s="52" t="s">
        <v>131</v>
      </c>
      <c r="F1740" s="52" t="s">
        <v>129</v>
      </c>
      <c r="G1740" s="52" t="s">
        <v>108</v>
      </c>
      <c r="H1740" s="4">
        <v>1</v>
      </c>
      <c r="I1740" s="2">
        <v>0</v>
      </c>
    </row>
    <row r="1741" spans="1:9" x14ac:dyDescent="0.35">
      <c r="A1741" s="52" t="s">
        <v>78</v>
      </c>
      <c r="B1741" s="52" t="s">
        <v>79</v>
      </c>
      <c r="C1741" s="3">
        <v>10</v>
      </c>
      <c r="D1741" s="52" t="s">
        <v>2022</v>
      </c>
      <c r="E1741" s="52" t="s">
        <v>132</v>
      </c>
      <c r="F1741" s="52" t="s">
        <v>133</v>
      </c>
      <c r="G1741" s="52" t="s">
        <v>108</v>
      </c>
      <c r="H1741" s="4">
        <v>1</v>
      </c>
      <c r="I1741" s="2">
        <v>0</v>
      </c>
    </row>
    <row r="1742" spans="1:9" hidden="1" x14ac:dyDescent="0.35">
      <c r="A1742" s="52" t="s">
        <v>78</v>
      </c>
      <c r="B1742" s="52" t="s">
        <v>79</v>
      </c>
      <c r="C1742" s="3">
        <v>10</v>
      </c>
      <c r="D1742" s="52" t="s">
        <v>2022</v>
      </c>
      <c r="E1742" s="52" t="s">
        <v>102</v>
      </c>
      <c r="F1742" s="52" t="s">
        <v>107</v>
      </c>
      <c r="G1742" s="52" t="s">
        <v>108</v>
      </c>
      <c r="H1742" s="4">
        <v>83</v>
      </c>
      <c r="I1742" s="2">
        <v>0</v>
      </c>
    </row>
    <row r="1743" spans="1:9" hidden="1" x14ac:dyDescent="0.35">
      <c r="A1743" s="52" t="s">
        <v>78</v>
      </c>
      <c r="B1743" s="52" t="s">
        <v>79</v>
      </c>
      <c r="C1743" s="3">
        <v>10</v>
      </c>
      <c r="D1743" s="52" t="s">
        <v>2022</v>
      </c>
      <c r="E1743" s="52" t="s">
        <v>139</v>
      </c>
      <c r="F1743" s="52" t="s">
        <v>140</v>
      </c>
      <c r="G1743" s="52" t="s">
        <v>82</v>
      </c>
      <c r="H1743" s="4">
        <v>99</v>
      </c>
      <c r="I1743" s="2">
        <v>0</v>
      </c>
    </row>
    <row r="1744" spans="1:9" hidden="1" x14ac:dyDescent="0.35">
      <c r="A1744" s="52" t="s">
        <v>78</v>
      </c>
      <c r="B1744" s="52" t="s">
        <v>79</v>
      </c>
      <c r="C1744" s="3">
        <v>10</v>
      </c>
      <c r="D1744" s="52" t="s">
        <v>2022</v>
      </c>
      <c r="E1744" s="52" t="s">
        <v>126</v>
      </c>
      <c r="F1744" s="52" t="s">
        <v>101</v>
      </c>
      <c r="G1744" s="52" t="s">
        <v>82</v>
      </c>
      <c r="H1744" s="4">
        <v>109</v>
      </c>
      <c r="I1744" s="2">
        <v>0</v>
      </c>
    </row>
    <row r="1745" spans="1:9" hidden="1" x14ac:dyDescent="0.35">
      <c r="A1745" s="52" t="s">
        <v>78</v>
      </c>
      <c r="B1745" s="52" t="s">
        <v>79</v>
      </c>
      <c r="C1745" s="3">
        <v>10</v>
      </c>
      <c r="D1745" s="52" t="s">
        <v>2022</v>
      </c>
      <c r="E1745" s="52" t="s">
        <v>118</v>
      </c>
      <c r="F1745" s="52" t="s">
        <v>119</v>
      </c>
      <c r="G1745" s="52" t="s">
        <v>115</v>
      </c>
      <c r="H1745" s="4">
        <v>798</v>
      </c>
      <c r="I1745" s="2">
        <v>0</v>
      </c>
    </row>
    <row r="1746" spans="1:9" hidden="1" x14ac:dyDescent="0.35">
      <c r="A1746" s="52" t="s">
        <v>78</v>
      </c>
      <c r="B1746" s="52" t="s">
        <v>79</v>
      </c>
      <c r="C1746" s="3">
        <v>10</v>
      </c>
      <c r="D1746" s="52" t="s">
        <v>2022</v>
      </c>
      <c r="E1746" s="52" t="s">
        <v>102</v>
      </c>
      <c r="F1746" s="52" t="s">
        <v>101</v>
      </c>
      <c r="G1746" s="52" t="s">
        <v>108</v>
      </c>
      <c r="H1746" s="4">
        <v>7</v>
      </c>
      <c r="I1746" s="2">
        <v>0</v>
      </c>
    </row>
    <row r="1747" spans="1:9" x14ac:dyDescent="0.35">
      <c r="A1747" s="52" t="s">
        <v>78</v>
      </c>
      <c r="B1747" s="52" t="s">
        <v>79</v>
      </c>
      <c r="C1747" s="3">
        <v>10</v>
      </c>
      <c r="D1747" s="52" t="s">
        <v>2022</v>
      </c>
      <c r="E1747" s="52" t="s">
        <v>111</v>
      </c>
      <c r="F1747" s="52" t="s">
        <v>97</v>
      </c>
      <c r="G1747" s="52" t="s">
        <v>82</v>
      </c>
      <c r="H1747" s="4">
        <v>1</v>
      </c>
      <c r="I1747" s="2">
        <v>0</v>
      </c>
    </row>
    <row r="1748" spans="1:9" hidden="1" x14ac:dyDescent="0.35">
      <c r="A1748" s="52" t="s">
        <v>78</v>
      </c>
      <c r="B1748" s="52" t="s">
        <v>79</v>
      </c>
      <c r="C1748" s="3">
        <v>10</v>
      </c>
      <c r="D1748" s="52" t="s">
        <v>2022</v>
      </c>
      <c r="E1748" s="52" t="s">
        <v>102</v>
      </c>
      <c r="F1748" s="52" t="s">
        <v>103</v>
      </c>
      <c r="G1748" s="52" t="s">
        <v>82</v>
      </c>
      <c r="H1748" s="4">
        <v>340</v>
      </c>
      <c r="I1748" s="2">
        <v>0</v>
      </c>
    </row>
    <row r="1749" spans="1:9" hidden="1" x14ac:dyDescent="0.35">
      <c r="A1749" s="52" t="s">
        <v>78</v>
      </c>
      <c r="B1749" s="52" t="s">
        <v>79</v>
      </c>
      <c r="C1749" s="3">
        <v>10</v>
      </c>
      <c r="D1749" s="52" t="s">
        <v>2022</v>
      </c>
      <c r="E1749" s="52" t="s">
        <v>111</v>
      </c>
      <c r="F1749" s="52" t="s">
        <v>95</v>
      </c>
      <c r="G1749" s="52" t="s">
        <v>82</v>
      </c>
      <c r="H1749" s="4">
        <v>44</v>
      </c>
      <c r="I1749" s="2">
        <v>0</v>
      </c>
    </row>
    <row r="1750" spans="1:9" hidden="1" x14ac:dyDescent="0.35">
      <c r="A1750" s="52" t="s">
        <v>78</v>
      </c>
      <c r="B1750" s="52" t="s">
        <v>79</v>
      </c>
      <c r="C1750" s="3">
        <v>10</v>
      </c>
      <c r="D1750" s="52" t="s">
        <v>2022</v>
      </c>
      <c r="E1750" s="52" t="s">
        <v>120</v>
      </c>
      <c r="F1750" s="52" t="s">
        <v>116</v>
      </c>
      <c r="G1750" s="52" t="s">
        <v>115</v>
      </c>
      <c r="H1750" s="4">
        <v>798</v>
      </c>
      <c r="I1750" s="2">
        <v>0</v>
      </c>
    </row>
    <row r="1751" spans="1:9" hidden="1" x14ac:dyDescent="0.35">
      <c r="A1751" s="52" t="s">
        <v>78</v>
      </c>
      <c r="B1751" s="52" t="s">
        <v>79</v>
      </c>
      <c r="C1751" s="3">
        <v>10</v>
      </c>
      <c r="D1751" s="52" t="s">
        <v>2022</v>
      </c>
      <c r="E1751" s="52" t="s">
        <v>126</v>
      </c>
      <c r="F1751" s="52" t="s">
        <v>103</v>
      </c>
      <c r="G1751" s="52" t="s">
        <v>82</v>
      </c>
      <c r="H1751" s="4">
        <v>5</v>
      </c>
      <c r="I1751" s="2">
        <v>0</v>
      </c>
    </row>
    <row r="1752" spans="1:9" hidden="1" x14ac:dyDescent="0.35">
      <c r="A1752" s="52" t="s">
        <v>78</v>
      </c>
      <c r="B1752" s="52" t="s">
        <v>79</v>
      </c>
      <c r="C1752" s="3">
        <v>10</v>
      </c>
      <c r="D1752" s="52" t="s">
        <v>2022</v>
      </c>
      <c r="E1752" s="52" t="s">
        <v>122</v>
      </c>
      <c r="F1752" s="52" t="s">
        <v>123</v>
      </c>
      <c r="G1752" s="52" t="s">
        <v>108</v>
      </c>
      <c r="H1752" s="4">
        <v>810</v>
      </c>
      <c r="I1752" s="2">
        <v>0</v>
      </c>
    </row>
    <row r="1753" spans="1:9" hidden="1" x14ac:dyDescent="0.35">
      <c r="A1753" s="52" t="s">
        <v>78</v>
      </c>
      <c r="B1753" s="52" t="s">
        <v>79</v>
      </c>
      <c r="C1753" s="3">
        <v>10</v>
      </c>
      <c r="D1753" s="52" t="s">
        <v>2022</v>
      </c>
      <c r="E1753" s="52" t="s">
        <v>111</v>
      </c>
      <c r="F1753" s="52" t="s">
        <v>107</v>
      </c>
      <c r="G1753" s="52" t="s">
        <v>108</v>
      </c>
      <c r="H1753" s="4">
        <v>48</v>
      </c>
      <c r="I1753" s="2">
        <v>0</v>
      </c>
    </row>
    <row r="1754" spans="1:9" hidden="1" x14ac:dyDescent="0.35">
      <c r="A1754" s="52" t="s">
        <v>78</v>
      </c>
      <c r="B1754" s="52" t="s">
        <v>79</v>
      </c>
      <c r="C1754" s="3">
        <v>10</v>
      </c>
      <c r="D1754" s="52" t="s">
        <v>2022</v>
      </c>
      <c r="E1754" s="52" t="s">
        <v>111</v>
      </c>
      <c r="F1754" s="52" t="s">
        <v>81</v>
      </c>
      <c r="G1754" s="52" t="s">
        <v>82</v>
      </c>
      <c r="H1754" s="4">
        <v>4</v>
      </c>
      <c r="I1754" s="2">
        <v>0</v>
      </c>
    </row>
    <row r="1755" spans="1:9" hidden="1" x14ac:dyDescent="0.35">
      <c r="A1755" s="52" t="s">
        <v>78</v>
      </c>
      <c r="B1755" s="52" t="s">
        <v>79</v>
      </c>
      <c r="C1755" s="3">
        <v>10</v>
      </c>
      <c r="D1755" s="52" t="s">
        <v>2022</v>
      </c>
      <c r="E1755" s="52" t="s">
        <v>106</v>
      </c>
      <c r="F1755" s="52" t="s">
        <v>107</v>
      </c>
      <c r="G1755" s="52" t="s">
        <v>108</v>
      </c>
      <c r="H1755" s="4">
        <v>8</v>
      </c>
      <c r="I1755" s="2">
        <v>0</v>
      </c>
    </row>
    <row r="1756" spans="1:9" x14ac:dyDescent="0.35">
      <c r="A1756" s="52" t="s">
        <v>78</v>
      </c>
      <c r="B1756" s="52" t="s">
        <v>79</v>
      </c>
      <c r="C1756" s="3">
        <v>10</v>
      </c>
      <c r="D1756" s="52" t="s">
        <v>2022</v>
      </c>
      <c r="E1756" s="52" t="s">
        <v>111</v>
      </c>
      <c r="F1756" s="52" t="s">
        <v>94</v>
      </c>
      <c r="G1756" s="52" t="s">
        <v>82</v>
      </c>
      <c r="H1756" s="4">
        <v>1</v>
      </c>
      <c r="I1756" s="2">
        <v>0</v>
      </c>
    </row>
    <row r="1757" spans="1:9" hidden="1" x14ac:dyDescent="0.35">
      <c r="A1757" s="52" t="s">
        <v>78</v>
      </c>
      <c r="B1757" s="52" t="s">
        <v>79</v>
      </c>
      <c r="C1757" s="3">
        <v>10</v>
      </c>
      <c r="D1757" s="52" t="s">
        <v>2022</v>
      </c>
      <c r="E1757" s="52" t="s">
        <v>111</v>
      </c>
      <c r="F1757" s="52" t="s">
        <v>105</v>
      </c>
      <c r="G1757" s="52" t="s">
        <v>82</v>
      </c>
      <c r="H1757" s="4">
        <v>63</v>
      </c>
      <c r="I1757" s="2">
        <v>0</v>
      </c>
    </row>
    <row r="1758" spans="1:9" hidden="1" x14ac:dyDescent="0.35">
      <c r="A1758" s="52" t="s">
        <v>78</v>
      </c>
      <c r="B1758" s="52" t="s">
        <v>79</v>
      </c>
      <c r="C1758" s="3">
        <v>20</v>
      </c>
      <c r="D1758" s="52" t="s">
        <v>2022</v>
      </c>
      <c r="E1758" s="52" t="s">
        <v>90</v>
      </c>
      <c r="F1758" s="52" t="s">
        <v>91</v>
      </c>
      <c r="G1758" s="52" t="s">
        <v>82</v>
      </c>
      <c r="H1758" s="4">
        <v>8852</v>
      </c>
      <c r="I1758" s="2">
        <v>103862.48</v>
      </c>
    </row>
    <row r="1759" spans="1:9" hidden="1" x14ac:dyDescent="0.35">
      <c r="A1759" s="52" t="s">
        <v>78</v>
      </c>
      <c r="B1759" s="52" t="s">
        <v>79</v>
      </c>
      <c r="C1759" s="3">
        <v>20</v>
      </c>
      <c r="D1759" s="52" t="s">
        <v>2022</v>
      </c>
      <c r="E1759" s="52" t="s">
        <v>26</v>
      </c>
      <c r="F1759" s="52" t="s">
        <v>81</v>
      </c>
      <c r="G1759" s="52" t="s">
        <v>82</v>
      </c>
      <c r="H1759" s="4">
        <v>225</v>
      </c>
      <c r="I1759" s="2">
        <v>3296.25</v>
      </c>
    </row>
    <row r="1760" spans="1:9" hidden="1" x14ac:dyDescent="0.35">
      <c r="A1760" s="52" t="s">
        <v>78</v>
      </c>
      <c r="B1760" s="52" t="s">
        <v>79</v>
      </c>
      <c r="C1760" s="3">
        <v>20</v>
      </c>
      <c r="D1760" s="52" t="s">
        <v>2022</v>
      </c>
      <c r="E1760" s="52" t="s">
        <v>36</v>
      </c>
      <c r="F1760" s="52" t="s">
        <v>95</v>
      </c>
      <c r="G1760" s="52" t="s">
        <v>82</v>
      </c>
      <c r="H1760" s="4">
        <v>613</v>
      </c>
      <c r="I1760" s="2">
        <v>2881.1</v>
      </c>
    </row>
    <row r="1761" spans="1:9" hidden="1" x14ac:dyDescent="0.35">
      <c r="A1761" s="52" t="s">
        <v>78</v>
      </c>
      <c r="B1761" s="52" t="s">
        <v>79</v>
      </c>
      <c r="C1761" s="3">
        <v>20</v>
      </c>
      <c r="D1761" s="52" t="s">
        <v>2022</v>
      </c>
      <c r="E1761" s="52" t="s">
        <v>29</v>
      </c>
      <c r="F1761" s="52" t="s">
        <v>94</v>
      </c>
      <c r="G1761" s="52" t="s">
        <v>82</v>
      </c>
      <c r="H1761" s="4">
        <v>10</v>
      </c>
      <c r="I1761" s="2">
        <v>2585.61</v>
      </c>
    </row>
    <row r="1762" spans="1:9" hidden="1" x14ac:dyDescent="0.35">
      <c r="A1762" s="52" t="s">
        <v>78</v>
      </c>
      <c r="B1762" s="52" t="s">
        <v>79</v>
      </c>
      <c r="C1762" s="3">
        <v>20</v>
      </c>
      <c r="D1762" s="52" t="s">
        <v>2022</v>
      </c>
      <c r="E1762" s="52" t="s">
        <v>38</v>
      </c>
      <c r="F1762" s="52" t="s">
        <v>97</v>
      </c>
      <c r="G1762" s="52" t="s">
        <v>82</v>
      </c>
      <c r="H1762" s="4">
        <v>139</v>
      </c>
      <c r="I1762" s="2">
        <v>1758.9</v>
      </c>
    </row>
    <row r="1763" spans="1:9" hidden="1" x14ac:dyDescent="0.35">
      <c r="A1763" s="52" t="s">
        <v>78</v>
      </c>
      <c r="B1763" s="52" t="s">
        <v>79</v>
      </c>
      <c r="C1763" s="3">
        <v>20</v>
      </c>
      <c r="D1763" s="52" t="s">
        <v>2022</v>
      </c>
      <c r="E1763" s="52" t="s">
        <v>914</v>
      </c>
      <c r="F1763" s="52" t="s">
        <v>91</v>
      </c>
      <c r="G1763" s="52" t="s">
        <v>82</v>
      </c>
      <c r="H1763" s="4">
        <v>1576</v>
      </c>
      <c r="I1763" s="2">
        <v>1012.27</v>
      </c>
    </row>
    <row r="1764" spans="1:9" hidden="1" x14ac:dyDescent="0.35">
      <c r="A1764" s="52" t="s">
        <v>78</v>
      </c>
      <c r="B1764" s="52" t="s">
        <v>79</v>
      </c>
      <c r="C1764" s="3">
        <v>20</v>
      </c>
      <c r="D1764" s="52" t="s">
        <v>2022</v>
      </c>
      <c r="E1764" s="52" t="s">
        <v>88</v>
      </c>
      <c r="F1764" s="52" t="s">
        <v>89</v>
      </c>
      <c r="G1764" s="52" t="s">
        <v>82</v>
      </c>
      <c r="H1764" s="4">
        <v>2</v>
      </c>
      <c r="I1764" s="2">
        <v>354.22</v>
      </c>
    </row>
    <row r="1765" spans="1:9" hidden="1" x14ac:dyDescent="0.35">
      <c r="A1765" s="52" t="s">
        <v>78</v>
      </c>
      <c r="B1765" s="52" t="s">
        <v>79</v>
      </c>
      <c r="C1765" s="3">
        <v>20</v>
      </c>
      <c r="D1765" s="52" t="s">
        <v>2022</v>
      </c>
      <c r="E1765" s="52" t="s">
        <v>92</v>
      </c>
      <c r="F1765" s="52" t="s">
        <v>93</v>
      </c>
      <c r="G1765" s="52" t="s">
        <v>82</v>
      </c>
      <c r="H1765" s="4">
        <v>10</v>
      </c>
      <c r="I1765" s="2">
        <v>70.239999999999995</v>
      </c>
    </row>
    <row r="1766" spans="1:9" hidden="1" x14ac:dyDescent="0.35">
      <c r="A1766" s="52" t="s">
        <v>78</v>
      </c>
      <c r="B1766" s="52" t="s">
        <v>79</v>
      </c>
      <c r="C1766" s="3">
        <v>20</v>
      </c>
      <c r="D1766" s="52" t="s">
        <v>2022</v>
      </c>
      <c r="E1766" s="52" t="s">
        <v>106</v>
      </c>
      <c r="F1766" s="52" t="s">
        <v>107</v>
      </c>
      <c r="G1766" s="52" t="s">
        <v>108</v>
      </c>
      <c r="H1766" s="4">
        <v>21</v>
      </c>
      <c r="I1766" s="2">
        <v>0</v>
      </c>
    </row>
    <row r="1767" spans="1:9" hidden="1" x14ac:dyDescent="0.35">
      <c r="A1767" s="52" t="s">
        <v>78</v>
      </c>
      <c r="B1767" s="52" t="s">
        <v>79</v>
      </c>
      <c r="C1767" s="3">
        <v>20</v>
      </c>
      <c r="D1767" s="52" t="s">
        <v>2022</v>
      </c>
      <c r="E1767" s="52" t="s">
        <v>102</v>
      </c>
      <c r="F1767" s="52" t="s">
        <v>107</v>
      </c>
      <c r="G1767" s="52" t="s">
        <v>108</v>
      </c>
      <c r="H1767" s="4">
        <v>167</v>
      </c>
      <c r="I1767" s="2">
        <v>0</v>
      </c>
    </row>
    <row r="1768" spans="1:9" hidden="1" x14ac:dyDescent="0.35">
      <c r="A1768" s="52" t="s">
        <v>78</v>
      </c>
      <c r="B1768" s="52" t="s">
        <v>79</v>
      </c>
      <c r="C1768" s="3">
        <v>20</v>
      </c>
      <c r="D1768" s="52" t="s">
        <v>2022</v>
      </c>
      <c r="E1768" s="52" t="s">
        <v>120</v>
      </c>
      <c r="F1768" s="52" t="s">
        <v>116</v>
      </c>
      <c r="G1768" s="52" t="s">
        <v>115</v>
      </c>
      <c r="H1768" s="4">
        <v>1248</v>
      </c>
      <c r="I1768" s="2">
        <v>0</v>
      </c>
    </row>
    <row r="1769" spans="1:9" x14ac:dyDescent="0.35">
      <c r="A1769" s="52" t="s">
        <v>78</v>
      </c>
      <c r="B1769" s="52" t="s">
        <v>79</v>
      </c>
      <c r="C1769" s="3">
        <v>20</v>
      </c>
      <c r="D1769" s="52" t="s">
        <v>2022</v>
      </c>
      <c r="E1769" s="52" t="s">
        <v>111</v>
      </c>
      <c r="F1769" s="52" t="s">
        <v>124</v>
      </c>
      <c r="G1769" s="52" t="s">
        <v>108</v>
      </c>
      <c r="H1769" s="4">
        <v>1</v>
      </c>
      <c r="I1769" s="2">
        <v>0</v>
      </c>
    </row>
    <row r="1770" spans="1:9" hidden="1" x14ac:dyDescent="0.35">
      <c r="A1770" s="52" t="s">
        <v>78</v>
      </c>
      <c r="B1770" s="52" t="s">
        <v>79</v>
      </c>
      <c r="C1770" s="3">
        <v>20</v>
      </c>
      <c r="D1770" s="52" t="s">
        <v>2022</v>
      </c>
      <c r="E1770" s="52" t="s">
        <v>122</v>
      </c>
      <c r="F1770" s="52" t="s">
        <v>123</v>
      </c>
      <c r="G1770" s="52" t="s">
        <v>108</v>
      </c>
      <c r="H1770" s="4">
        <v>1336</v>
      </c>
      <c r="I1770" s="2">
        <v>0</v>
      </c>
    </row>
    <row r="1771" spans="1:9" hidden="1" x14ac:dyDescent="0.35">
      <c r="A1771" s="52" t="s">
        <v>78</v>
      </c>
      <c r="B1771" s="52" t="s">
        <v>79</v>
      </c>
      <c r="C1771" s="3">
        <v>20</v>
      </c>
      <c r="D1771" s="52" t="s">
        <v>2022</v>
      </c>
      <c r="E1771" s="52" t="s">
        <v>111</v>
      </c>
      <c r="F1771" s="52" t="s">
        <v>101</v>
      </c>
      <c r="G1771" s="52" t="s">
        <v>82</v>
      </c>
      <c r="H1771" s="4">
        <v>810</v>
      </c>
      <c r="I1771" s="2">
        <v>0</v>
      </c>
    </row>
    <row r="1772" spans="1:9" hidden="1" x14ac:dyDescent="0.35">
      <c r="A1772" s="52" t="s">
        <v>78</v>
      </c>
      <c r="B1772" s="52" t="s">
        <v>79</v>
      </c>
      <c r="C1772" s="3">
        <v>20</v>
      </c>
      <c r="D1772" s="52" t="s">
        <v>2022</v>
      </c>
      <c r="E1772" s="52" t="s">
        <v>111</v>
      </c>
      <c r="F1772" s="52" t="s">
        <v>105</v>
      </c>
      <c r="G1772" s="52" t="s">
        <v>82</v>
      </c>
      <c r="H1772" s="4">
        <v>171</v>
      </c>
      <c r="I1772" s="2">
        <v>0</v>
      </c>
    </row>
    <row r="1773" spans="1:9" hidden="1" x14ac:dyDescent="0.35">
      <c r="A1773" s="52" t="s">
        <v>78</v>
      </c>
      <c r="B1773" s="52" t="s">
        <v>79</v>
      </c>
      <c r="C1773" s="3">
        <v>20</v>
      </c>
      <c r="D1773" s="52" t="s">
        <v>2022</v>
      </c>
      <c r="E1773" s="52" t="s">
        <v>106</v>
      </c>
      <c r="F1773" s="52" t="s">
        <v>101</v>
      </c>
      <c r="G1773" s="52" t="s">
        <v>108</v>
      </c>
      <c r="H1773" s="4">
        <v>3</v>
      </c>
      <c r="I1773" s="2">
        <v>0</v>
      </c>
    </row>
    <row r="1774" spans="1:9" x14ac:dyDescent="0.35">
      <c r="A1774" s="52" t="s">
        <v>78</v>
      </c>
      <c r="B1774" s="52" t="s">
        <v>79</v>
      </c>
      <c r="C1774" s="3">
        <v>20</v>
      </c>
      <c r="D1774" s="52" t="s">
        <v>2022</v>
      </c>
      <c r="E1774" s="52" t="s">
        <v>102</v>
      </c>
      <c r="F1774" s="52" t="s">
        <v>95</v>
      </c>
      <c r="G1774" s="52" t="s">
        <v>108</v>
      </c>
      <c r="H1774" s="4">
        <v>1</v>
      </c>
      <c r="I1774" s="2">
        <v>0</v>
      </c>
    </row>
    <row r="1775" spans="1:9" hidden="1" x14ac:dyDescent="0.35">
      <c r="A1775" s="52" t="s">
        <v>78</v>
      </c>
      <c r="B1775" s="52" t="s">
        <v>79</v>
      </c>
      <c r="C1775" s="3">
        <v>20</v>
      </c>
      <c r="D1775" s="52" t="s">
        <v>2022</v>
      </c>
      <c r="E1775" s="52" t="s">
        <v>109</v>
      </c>
      <c r="F1775" s="52" t="s">
        <v>110</v>
      </c>
      <c r="G1775" s="52" t="s">
        <v>108</v>
      </c>
      <c r="H1775" s="4">
        <v>23</v>
      </c>
      <c r="I1775" s="2">
        <v>0</v>
      </c>
    </row>
    <row r="1776" spans="1:9" hidden="1" x14ac:dyDescent="0.35">
      <c r="A1776" s="52" t="s">
        <v>78</v>
      </c>
      <c r="B1776" s="52" t="s">
        <v>79</v>
      </c>
      <c r="C1776" s="3">
        <v>20</v>
      </c>
      <c r="D1776" s="52" t="s">
        <v>2022</v>
      </c>
      <c r="E1776" s="52" t="s">
        <v>134</v>
      </c>
      <c r="F1776" s="52" t="s">
        <v>123</v>
      </c>
      <c r="G1776" s="52" t="s">
        <v>82</v>
      </c>
      <c r="H1776" s="4">
        <v>4073</v>
      </c>
      <c r="I1776" s="2">
        <v>0</v>
      </c>
    </row>
    <row r="1777" spans="1:9" hidden="1" x14ac:dyDescent="0.35">
      <c r="A1777" s="52" t="s">
        <v>78</v>
      </c>
      <c r="B1777" s="52" t="s">
        <v>79</v>
      </c>
      <c r="C1777" s="3">
        <v>20</v>
      </c>
      <c r="D1777" s="52" t="s">
        <v>2022</v>
      </c>
      <c r="E1777" s="52" t="s">
        <v>126</v>
      </c>
      <c r="F1777" s="52" t="s">
        <v>101</v>
      </c>
      <c r="G1777" s="52" t="s">
        <v>82</v>
      </c>
      <c r="H1777" s="4">
        <v>141</v>
      </c>
      <c r="I1777" s="2">
        <v>0</v>
      </c>
    </row>
    <row r="1778" spans="1:9" hidden="1" x14ac:dyDescent="0.35">
      <c r="A1778" s="52" t="s">
        <v>78</v>
      </c>
      <c r="B1778" s="52" t="s">
        <v>79</v>
      </c>
      <c r="C1778" s="3">
        <v>20</v>
      </c>
      <c r="D1778" s="52" t="s">
        <v>2022</v>
      </c>
      <c r="E1778" s="52" t="s">
        <v>126</v>
      </c>
      <c r="F1778" s="52" t="s">
        <v>103</v>
      </c>
      <c r="G1778" s="52" t="s">
        <v>82</v>
      </c>
      <c r="H1778" s="4">
        <v>19</v>
      </c>
      <c r="I1778" s="2">
        <v>0</v>
      </c>
    </row>
    <row r="1779" spans="1:9" hidden="1" x14ac:dyDescent="0.35">
      <c r="A1779" s="52" t="s">
        <v>78</v>
      </c>
      <c r="B1779" s="52" t="s">
        <v>79</v>
      </c>
      <c r="C1779" s="3">
        <v>20</v>
      </c>
      <c r="D1779" s="52" t="s">
        <v>2022</v>
      </c>
      <c r="E1779" s="52" t="s">
        <v>102</v>
      </c>
      <c r="F1779" s="52" t="s">
        <v>103</v>
      </c>
      <c r="G1779" s="52" t="s">
        <v>82</v>
      </c>
      <c r="H1779" s="4">
        <v>518</v>
      </c>
      <c r="I1779" s="2">
        <v>0</v>
      </c>
    </row>
    <row r="1780" spans="1:9" x14ac:dyDescent="0.35">
      <c r="A1780" s="52" t="s">
        <v>78</v>
      </c>
      <c r="B1780" s="52" t="s">
        <v>79</v>
      </c>
      <c r="C1780" s="3">
        <v>20</v>
      </c>
      <c r="D1780" s="52" t="s">
        <v>2022</v>
      </c>
      <c r="E1780" s="52" t="s">
        <v>131</v>
      </c>
      <c r="F1780" s="52" t="s">
        <v>129</v>
      </c>
      <c r="G1780" s="52" t="s">
        <v>108</v>
      </c>
      <c r="H1780" s="4">
        <v>1</v>
      </c>
      <c r="I1780" s="2">
        <v>0</v>
      </c>
    </row>
    <row r="1781" spans="1:9" x14ac:dyDescent="0.35">
      <c r="A1781" s="52" t="s">
        <v>78</v>
      </c>
      <c r="B1781" s="52" t="s">
        <v>79</v>
      </c>
      <c r="C1781" s="3">
        <v>20</v>
      </c>
      <c r="D1781" s="52" t="s">
        <v>2022</v>
      </c>
      <c r="E1781" s="52" t="s">
        <v>111</v>
      </c>
      <c r="F1781" s="52" t="s">
        <v>127</v>
      </c>
      <c r="G1781" s="52" t="s">
        <v>108</v>
      </c>
      <c r="H1781" s="4">
        <v>1</v>
      </c>
      <c r="I1781" s="2">
        <v>0</v>
      </c>
    </row>
    <row r="1782" spans="1:9" hidden="1" x14ac:dyDescent="0.35">
      <c r="A1782" s="52" t="s">
        <v>78</v>
      </c>
      <c r="B1782" s="52" t="s">
        <v>79</v>
      </c>
      <c r="C1782" s="3">
        <v>20</v>
      </c>
      <c r="D1782" s="52" t="s">
        <v>2022</v>
      </c>
      <c r="E1782" s="52" t="s">
        <v>111</v>
      </c>
      <c r="F1782" s="52" t="s">
        <v>103</v>
      </c>
      <c r="G1782" s="52" t="s">
        <v>82</v>
      </c>
      <c r="H1782" s="4">
        <v>41</v>
      </c>
      <c r="I1782" s="2">
        <v>0</v>
      </c>
    </row>
    <row r="1783" spans="1:9" hidden="1" x14ac:dyDescent="0.35">
      <c r="A1783" s="52" t="s">
        <v>78</v>
      </c>
      <c r="B1783" s="52" t="s">
        <v>79</v>
      </c>
      <c r="C1783" s="3">
        <v>20</v>
      </c>
      <c r="D1783" s="52" t="s">
        <v>2022</v>
      </c>
      <c r="E1783" s="52" t="s">
        <v>102</v>
      </c>
      <c r="F1783" s="52" t="s">
        <v>116</v>
      </c>
      <c r="G1783" s="52" t="s">
        <v>115</v>
      </c>
      <c r="H1783" s="4">
        <v>1081</v>
      </c>
      <c r="I1783" s="2">
        <v>0</v>
      </c>
    </row>
    <row r="1784" spans="1:9" hidden="1" x14ac:dyDescent="0.35">
      <c r="A1784" s="52" t="s">
        <v>78</v>
      </c>
      <c r="B1784" s="52" t="s">
        <v>79</v>
      </c>
      <c r="C1784" s="3">
        <v>20</v>
      </c>
      <c r="D1784" s="52" t="s">
        <v>2022</v>
      </c>
      <c r="E1784" s="52" t="s">
        <v>137</v>
      </c>
      <c r="F1784" s="52" t="s">
        <v>103</v>
      </c>
      <c r="G1784" s="52" t="s">
        <v>82</v>
      </c>
      <c r="H1784" s="4">
        <v>2</v>
      </c>
      <c r="I1784" s="2">
        <v>0</v>
      </c>
    </row>
    <row r="1785" spans="1:9" x14ac:dyDescent="0.35">
      <c r="A1785" s="52" t="s">
        <v>78</v>
      </c>
      <c r="B1785" s="52" t="s">
        <v>79</v>
      </c>
      <c r="C1785" s="3">
        <v>20</v>
      </c>
      <c r="D1785" s="52" t="s">
        <v>2022</v>
      </c>
      <c r="E1785" s="52" t="s">
        <v>102</v>
      </c>
      <c r="F1785" s="52" t="s">
        <v>105</v>
      </c>
      <c r="G1785" s="52" t="s">
        <v>108</v>
      </c>
      <c r="H1785" s="4">
        <v>1</v>
      </c>
      <c r="I1785" s="2">
        <v>0</v>
      </c>
    </row>
    <row r="1786" spans="1:9" hidden="1" x14ac:dyDescent="0.35">
      <c r="A1786" s="52" t="s">
        <v>78</v>
      </c>
      <c r="B1786" s="52" t="s">
        <v>79</v>
      </c>
      <c r="C1786" s="3">
        <v>20</v>
      </c>
      <c r="D1786" s="52" t="s">
        <v>2022</v>
      </c>
      <c r="E1786" s="52" t="s">
        <v>135</v>
      </c>
      <c r="F1786" s="52" t="s">
        <v>112</v>
      </c>
      <c r="G1786" s="52" t="s">
        <v>82</v>
      </c>
      <c r="H1786" s="4">
        <v>15534</v>
      </c>
      <c r="I1786" s="2">
        <v>0</v>
      </c>
    </row>
    <row r="1787" spans="1:9" hidden="1" x14ac:dyDescent="0.35">
      <c r="A1787" s="52" t="s">
        <v>78</v>
      </c>
      <c r="B1787" s="52" t="s">
        <v>79</v>
      </c>
      <c r="C1787" s="3">
        <v>20</v>
      </c>
      <c r="D1787" s="52" t="s">
        <v>2022</v>
      </c>
      <c r="E1787" s="52" t="s">
        <v>111</v>
      </c>
      <c r="F1787" s="52" t="s">
        <v>95</v>
      </c>
      <c r="G1787" s="52" t="s">
        <v>82</v>
      </c>
      <c r="H1787" s="4">
        <v>104</v>
      </c>
      <c r="I1787" s="2">
        <v>0</v>
      </c>
    </row>
    <row r="1788" spans="1:9" hidden="1" x14ac:dyDescent="0.35">
      <c r="A1788" s="52" t="s">
        <v>78</v>
      </c>
      <c r="B1788" s="52" t="s">
        <v>79</v>
      </c>
      <c r="C1788" s="3">
        <v>20</v>
      </c>
      <c r="D1788" s="52" t="s">
        <v>2022</v>
      </c>
      <c r="E1788" s="52" t="s">
        <v>128</v>
      </c>
      <c r="F1788" s="52" t="s">
        <v>129</v>
      </c>
      <c r="G1788" s="52" t="s">
        <v>82</v>
      </c>
      <c r="H1788" s="4">
        <v>6</v>
      </c>
      <c r="I1788" s="2">
        <v>0</v>
      </c>
    </row>
    <row r="1789" spans="1:9" hidden="1" x14ac:dyDescent="0.35">
      <c r="A1789" s="52" t="s">
        <v>78</v>
      </c>
      <c r="B1789" s="52" t="s">
        <v>79</v>
      </c>
      <c r="C1789" s="3">
        <v>20</v>
      </c>
      <c r="D1789" s="52" t="s">
        <v>2022</v>
      </c>
      <c r="E1789" s="52" t="s">
        <v>113</v>
      </c>
      <c r="F1789" s="52" t="s">
        <v>114</v>
      </c>
      <c r="G1789" s="52" t="s">
        <v>115</v>
      </c>
      <c r="H1789" s="4">
        <v>2343</v>
      </c>
      <c r="I1789" s="2">
        <v>0</v>
      </c>
    </row>
    <row r="1790" spans="1:9" hidden="1" x14ac:dyDescent="0.35">
      <c r="A1790" s="52" t="s">
        <v>78</v>
      </c>
      <c r="B1790" s="52" t="s">
        <v>79</v>
      </c>
      <c r="C1790" s="3">
        <v>20</v>
      </c>
      <c r="D1790" s="52" t="s">
        <v>2022</v>
      </c>
      <c r="E1790" s="52" t="s">
        <v>121</v>
      </c>
      <c r="F1790" s="52" t="s">
        <v>112</v>
      </c>
      <c r="G1790" s="52" t="s">
        <v>108</v>
      </c>
      <c r="H1790" s="4">
        <v>146</v>
      </c>
      <c r="I1790" s="2">
        <v>0</v>
      </c>
    </row>
    <row r="1791" spans="1:9" hidden="1" x14ac:dyDescent="0.35">
      <c r="A1791" s="52" t="s">
        <v>78</v>
      </c>
      <c r="B1791" s="52" t="s">
        <v>79</v>
      </c>
      <c r="C1791" s="3">
        <v>20</v>
      </c>
      <c r="D1791" s="52" t="s">
        <v>2022</v>
      </c>
      <c r="E1791" s="52" t="s">
        <v>111</v>
      </c>
      <c r="F1791" s="52" t="s">
        <v>107</v>
      </c>
      <c r="G1791" s="52" t="s">
        <v>108</v>
      </c>
      <c r="H1791" s="4">
        <v>64</v>
      </c>
      <c r="I1791" s="2">
        <v>0</v>
      </c>
    </row>
    <row r="1792" spans="1:9" hidden="1" x14ac:dyDescent="0.35">
      <c r="A1792" s="52" t="s">
        <v>78</v>
      </c>
      <c r="B1792" s="52" t="s">
        <v>79</v>
      </c>
      <c r="C1792" s="3">
        <v>20</v>
      </c>
      <c r="D1792" s="52" t="s">
        <v>2022</v>
      </c>
      <c r="E1792" s="52" t="s">
        <v>111</v>
      </c>
      <c r="F1792" s="52" t="s">
        <v>94</v>
      </c>
      <c r="G1792" s="52" t="s">
        <v>82</v>
      </c>
      <c r="H1792" s="4">
        <v>3</v>
      </c>
      <c r="I1792" s="2">
        <v>0</v>
      </c>
    </row>
    <row r="1793" spans="1:9" hidden="1" x14ac:dyDescent="0.35">
      <c r="A1793" s="52" t="s">
        <v>78</v>
      </c>
      <c r="B1793" s="52" t="s">
        <v>79</v>
      </c>
      <c r="C1793" s="3">
        <v>20</v>
      </c>
      <c r="D1793" s="52" t="s">
        <v>2022</v>
      </c>
      <c r="E1793" s="52" t="s">
        <v>111</v>
      </c>
      <c r="F1793" s="52" t="s">
        <v>81</v>
      </c>
      <c r="G1793" s="52" t="s">
        <v>82</v>
      </c>
      <c r="H1793" s="4">
        <v>2</v>
      </c>
      <c r="I1793" s="2">
        <v>0</v>
      </c>
    </row>
    <row r="1794" spans="1:9" hidden="1" x14ac:dyDescent="0.35">
      <c r="A1794" s="52" t="s">
        <v>78</v>
      </c>
      <c r="B1794" s="52" t="s">
        <v>79</v>
      </c>
      <c r="C1794" s="3">
        <v>20</v>
      </c>
      <c r="D1794" s="52" t="s">
        <v>2022</v>
      </c>
      <c r="E1794" s="52" t="s">
        <v>102</v>
      </c>
      <c r="F1794" s="52" t="s">
        <v>125</v>
      </c>
      <c r="G1794" s="52" t="s">
        <v>108</v>
      </c>
      <c r="H1794" s="4">
        <v>2</v>
      </c>
      <c r="I1794" s="2">
        <v>0</v>
      </c>
    </row>
    <row r="1795" spans="1:9" hidden="1" x14ac:dyDescent="0.35">
      <c r="A1795" s="52" t="s">
        <v>78</v>
      </c>
      <c r="B1795" s="52" t="s">
        <v>79</v>
      </c>
      <c r="C1795" s="3">
        <v>20</v>
      </c>
      <c r="D1795" s="52" t="s">
        <v>2022</v>
      </c>
      <c r="E1795" s="52" t="s">
        <v>117</v>
      </c>
      <c r="F1795" s="52" t="s">
        <v>116</v>
      </c>
      <c r="G1795" s="52" t="s">
        <v>82</v>
      </c>
      <c r="H1795" s="4">
        <v>2706</v>
      </c>
      <c r="I1795" s="2">
        <v>0</v>
      </c>
    </row>
    <row r="1796" spans="1:9" hidden="1" x14ac:dyDescent="0.35">
      <c r="A1796" s="52" t="s">
        <v>78</v>
      </c>
      <c r="B1796" s="52" t="s">
        <v>79</v>
      </c>
      <c r="C1796" s="3">
        <v>20</v>
      </c>
      <c r="D1796" s="52" t="s">
        <v>2022</v>
      </c>
      <c r="E1796" s="52" t="s">
        <v>102</v>
      </c>
      <c r="F1796" s="52" t="s">
        <v>101</v>
      </c>
      <c r="G1796" s="52" t="s">
        <v>108</v>
      </c>
      <c r="H1796" s="4">
        <v>7</v>
      </c>
      <c r="I1796" s="2">
        <v>0</v>
      </c>
    </row>
    <row r="1797" spans="1:9" hidden="1" x14ac:dyDescent="0.35">
      <c r="A1797" s="52" t="s">
        <v>78</v>
      </c>
      <c r="B1797" s="52" t="s">
        <v>79</v>
      </c>
      <c r="C1797" s="3">
        <v>20</v>
      </c>
      <c r="D1797" s="52" t="s">
        <v>2022</v>
      </c>
      <c r="E1797" s="52" t="s">
        <v>111</v>
      </c>
      <c r="F1797" s="52" t="s">
        <v>93</v>
      </c>
      <c r="G1797" s="52" t="s">
        <v>82</v>
      </c>
      <c r="H1797" s="4">
        <v>85</v>
      </c>
      <c r="I1797" s="2">
        <v>0</v>
      </c>
    </row>
    <row r="1798" spans="1:9" hidden="1" x14ac:dyDescent="0.35">
      <c r="A1798" s="52" t="s">
        <v>78</v>
      </c>
      <c r="B1798" s="52" t="s">
        <v>79</v>
      </c>
      <c r="C1798" s="3">
        <v>20</v>
      </c>
      <c r="D1798" s="52" t="s">
        <v>2022</v>
      </c>
      <c r="E1798" s="52" t="s">
        <v>118</v>
      </c>
      <c r="F1798" s="52" t="s">
        <v>119</v>
      </c>
      <c r="G1798" s="52" t="s">
        <v>115</v>
      </c>
      <c r="H1798" s="4">
        <v>1248</v>
      </c>
      <c r="I1798" s="2">
        <v>0</v>
      </c>
    </row>
    <row r="1799" spans="1:9" hidden="1" x14ac:dyDescent="0.35">
      <c r="A1799" s="52" t="s">
        <v>78</v>
      </c>
      <c r="B1799" s="52" t="s">
        <v>79</v>
      </c>
      <c r="C1799" s="3">
        <v>20</v>
      </c>
      <c r="D1799" s="52" t="s">
        <v>2022</v>
      </c>
      <c r="E1799" s="52" t="s">
        <v>106</v>
      </c>
      <c r="F1799" s="52" t="s">
        <v>103</v>
      </c>
      <c r="G1799" s="52" t="s">
        <v>82</v>
      </c>
      <c r="H1799" s="4">
        <v>4</v>
      </c>
      <c r="I1799" s="2">
        <v>0</v>
      </c>
    </row>
    <row r="1800" spans="1:9" hidden="1" x14ac:dyDescent="0.35">
      <c r="A1800" s="52" t="s">
        <v>78</v>
      </c>
      <c r="B1800" s="52" t="s">
        <v>79</v>
      </c>
      <c r="C1800" s="3">
        <v>20</v>
      </c>
      <c r="D1800" s="52" t="s">
        <v>2022</v>
      </c>
      <c r="E1800" s="52" t="s">
        <v>139</v>
      </c>
      <c r="F1800" s="52" t="s">
        <v>140</v>
      </c>
      <c r="G1800" s="52" t="s">
        <v>82</v>
      </c>
      <c r="H1800" s="4">
        <v>184</v>
      </c>
      <c r="I1800" s="2">
        <v>0</v>
      </c>
    </row>
    <row r="1801" spans="1:9" hidden="1" x14ac:dyDescent="0.35">
      <c r="A1801" s="52" t="s">
        <v>78</v>
      </c>
      <c r="B1801" s="52" t="s">
        <v>79</v>
      </c>
      <c r="C1801" s="3">
        <v>211</v>
      </c>
      <c r="D1801" s="52" t="s">
        <v>2022</v>
      </c>
      <c r="E1801" s="52" t="s">
        <v>92</v>
      </c>
      <c r="F1801" s="52" t="s">
        <v>93</v>
      </c>
      <c r="G1801" s="52" t="s">
        <v>82</v>
      </c>
      <c r="H1801" s="4">
        <v>4645</v>
      </c>
      <c r="I1801" s="2">
        <v>39404.04</v>
      </c>
    </row>
    <row r="1802" spans="1:9" hidden="1" x14ac:dyDescent="0.35">
      <c r="A1802" s="52" t="s">
        <v>78</v>
      </c>
      <c r="B1802" s="52" t="s">
        <v>79</v>
      </c>
      <c r="C1802" s="3">
        <v>211</v>
      </c>
      <c r="D1802" s="52" t="s">
        <v>2022</v>
      </c>
      <c r="E1802" s="52" t="s">
        <v>40</v>
      </c>
      <c r="F1802" s="52" t="s">
        <v>96</v>
      </c>
      <c r="G1802" s="52" t="s">
        <v>82</v>
      </c>
      <c r="H1802" s="4">
        <v>45</v>
      </c>
      <c r="I1802" s="2">
        <v>1125</v>
      </c>
    </row>
    <row r="1803" spans="1:9" hidden="1" x14ac:dyDescent="0.35">
      <c r="A1803" s="52" t="s">
        <v>78</v>
      </c>
      <c r="B1803" s="52" t="s">
        <v>79</v>
      </c>
      <c r="C1803" s="3">
        <v>211</v>
      </c>
      <c r="D1803" s="52" t="s">
        <v>2022</v>
      </c>
      <c r="E1803" s="52" t="s">
        <v>36</v>
      </c>
      <c r="F1803" s="52" t="s">
        <v>95</v>
      </c>
      <c r="G1803" s="52" t="s">
        <v>82</v>
      </c>
      <c r="H1803" s="4">
        <v>89</v>
      </c>
      <c r="I1803" s="2">
        <v>418.3</v>
      </c>
    </row>
    <row r="1804" spans="1:9" hidden="1" x14ac:dyDescent="0.35">
      <c r="A1804" s="52" t="s">
        <v>78</v>
      </c>
      <c r="B1804" s="52" t="s">
        <v>79</v>
      </c>
      <c r="C1804" s="3">
        <v>211</v>
      </c>
      <c r="D1804" s="52" t="s">
        <v>2022</v>
      </c>
      <c r="E1804" s="52" t="s">
        <v>26</v>
      </c>
      <c r="F1804" s="52" t="s">
        <v>81</v>
      </c>
      <c r="G1804" s="52" t="s">
        <v>82</v>
      </c>
      <c r="H1804" s="4">
        <v>26</v>
      </c>
      <c r="I1804" s="2">
        <v>380.9</v>
      </c>
    </row>
    <row r="1805" spans="1:9" hidden="1" x14ac:dyDescent="0.35">
      <c r="A1805" s="52" t="s">
        <v>78</v>
      </c>
      <c r="B1805" s="52" t="s">
        <v>79</v>
      </c>
      <c r="C1805" s="3">
        <v>211</v>
      </c>
      <c r="D1805" s="52" t="s">
        <v>2022</v>
      </c>
      <c r="E1805" s="52" t="s">
        <v>38</v>
      </c>
      <c r="F1805" s="52" t="s">
        <v>97</v>
      </c>
      <c r="G1805" s="52" t="s">
        <v>82</v>
      </c>
      <c r="H1805" s="4">
        <v>15</v>
      </c>
      <c r="I1805" s="2">
        <v>95.8</v>
      </c>
    </row>
    <row r="1806" spans="1:9" hidden="1" x14ac:dyDescent="0.35">
      <c r="A1806" s="52" t="s">
        <v>78</v>
      </c>
      <c r="B1806" s="52" t="s">
        <v>79</v>
      </c>
      <c r="C1806" s="3">
        <v>211</v>
      </c>
      <c r="D1806" s="52" t="s">
        <v>2022</v>
      </c>
      <c r="E1806" s="52" t="s">
        <v>90</v>
      </c>
      <c r="F1806" s="52" t="s">
        <v>91</v>
      </c>
      <c r="G1806" s="52" t="s">
        <v>82</v>
      </c>
      <c r="H1806" s="4">
        <v>10</v>
      </c>
      <c r="I1806" s="2">
        <v>70.13</v>
      </c>
    </row>
    <row r="1807" spans="1:9" hidden="1" x14ac:dyDescent="0.35">
      <c r="A1807" s="52" t="s">
        <v>78</v>
      </c>
      <c r="B1807" s="52" t="s">
        <v>79</v>
      </c>
      <c r="C1807" s="3">
        <v>211</v>
      </c>
      <c r="D1807" s="52" t="s">
        <v>2022</v>
      </c>
      <c r="E1807" s="52" t="s">
        <v>914</v>
      </c>
      <c r="F1807" s="52" t="s">
        <v>91</v>
      </c>
      <c r="G1807" s="52" t="s">
        <v>82</v>
      </c>
      <c r="H1807" s="4">
        <v>4</v>
      </c>
      <c r="I1807" s="2">
        <v>1.89</v>
      </c>
    </row>
    <row r="1808" spans="1:9" x14ac:dyDescent="0.35">
      <c r="A1808" s="52" t="s">
        <v>78</v>
      </c>
      <c r="B1808" s="52" t="s">
        <v>79</v>
      </c>
      <c r="C1808" s="3">
        <v>211</v>
      </c>
      <c r="D1808" s="52" t="s">
        <v>2022</v>
      </c>
      <c r="E1808" s="52" t="s">
        <v>111</v>
      </c>
      <c r="F1808" s="52" t="s">
        <v>97</v>
      </c>
      <c r="G1808" s="52" t="s">
        <v>82</v>
      </c>
      <c r="H1808" s="4">
        <v>1</v>
      </c>
      <c r="I1808" s="2">
        <v>0</v>
      </c>
    </row>
    <row r="1809" spans="1:9" hidden="1" x14ac:dyDescent="0.35">
      <c r="A1809" s="52" t="s">
        <v>78</v>
      </c>
      <c r="B1809" s="52" t="s">
        <v>79</v>
      </c>
      <c r="C1809" s="3">
        <v>211</v>
      </c>
      <c r="D1809" s="52" t="s">
        <v>2022</v>
      </c>
      <c r="E1809" s="52" t="s">
        <v>102</v>
      </c>
      <c r="F1809" s="52" t="s">
        <v>107</v>
      </c>
      <c r="G1809" s="52" t="s">
        <v>108</v>
      </c>
      <c r="H1809" s="4">
        <v>49</v>
      </c>
      <c r="I1809" s="2">
        <v>0</v>
      </c>
    </row>
    <row r="1810" spans="1:9" x14ac:dyDescent="0.35">
      <c r="A1810" s="52" t="s">
        <v>78</v>
      </c>
      <c r="B1810" s="52" t="s">
        <v>79</v>
      </c>
      <c r="C1810" s="3">
        <v>211</v>
      </c>
      <c r="D1810" s="52" t="s">
        <v>2022</v>
      </c>
      <c r="E1810" s="52" t="s">
        <v>106</v>
      </c>
      <c r="F1810" s="52" t="s">
        <v>103</v>
      </c>
      <c r="G1810" s="52" t="s">
        <v>82</v>
      </c>
      <c r="H1810" s="4">
        <v>1</v>
      </c>
      <c r="I1810" s="2">
        <v>0</v>
      </c>
    </row>
    <row r="1811" spans="1:9" hidden="1" x14ac:dyDescent="0.35">
      <c r="A1811" s="52" t="s">
        <v>78</v>
      </c>
      <c r="B1811" s="52" t="s">
        <v>79</v>
      </c>
      <c r="C1811" s="3">
        <v>211</v>
      </c>
      <c r="D1811" s="52" t="s">
        <v>2022</v>
      </c>
      <c r="E1811" s="52" t="s">
        <v>102</v>
      </c>
      <c r="F1811" s="52" t="s">
        <v>116</v>
      </c>
      <c r="G1811" s="52" t="s">
        <v>115</v>
      </c>
      <c r="H1811" s="4">
        <v>171</v>
      </c>
      <c r="I1811" s="2">
        <v>0</v>
      </c>
    </row>
    <row r="1812" spans="1:9" hidden="1" x14ac:dyDescent="0.35">
      <c r="A1812" s="52" t="s">
        <v>78</v>
      </c>
      <c r="B1812" s="52" t="s">
        <v>79</v>
      </c>
      <c r="C1812" s="3">
        <v>211</v>
      </c>
      <c r="D1812" s="52" t="s">
        <v>2022</v>
      </c>
      <c r="E1812" s="52" t="s">
        <v>134</v>
      </c>
      <c r="F1812" s="52" t="s">
        <v>123</v>
      </c>
      <c r="G1812" s="52" t="s">
        <v>82</v>
      </c>
      <c r="H1812" s="4">
        <v>19</v>
      </c>
      <c r="I1812" s="2">
        <v>0</v>
      </c>
    </row>
    <row r="1813" spans="1:9" hidden="1" x14ac:dyDescent="0.35">
      <c r="A1813" s="52" t="s">
        <v>78</v>
      </c>
      <c r="B1813" s="52" t="s">
        <v>79</v>
      </c>
      <c r="C1813" s="3">
        <v>211</v>
      </c>
      <c r="D1813" s="52" t="s">
        <v>2022</v>
      </c>
      <c r="E1813" s="52" t="s">
        <v>139</v>
      </c>
      <c r="F1813" s="52" t="s">
        <v>140</v>
      </c>
      <c r="G1813" s="52" t="s">
        <v>82</v>
      </c>
      <c r="H1813" s="4">
        <v>12</v>
      </c>
      <c r="I1813" s="2">
        <v>0</v>
      </c>
    </row>
    <row r="1814" spans="1:9" hidden="1" x14ac:dyDescent="0.35">
      <c r="A1814" s="52" t="s">
        <v>78</v>
      </c>
      <c r="B1814" s="52" t="s">
        <v>79</v>
      </c>
      <c r="C1814" s="3">
        <v>211</v>
      </c>
      <c r="D1814" s="52" t="s">
        <v>2022</v>
      </c>
      <c r="E1814" s="52" t="s">
        <v>121</v>
      </c>
      <c r="F1814" s="52" t="s">
        <v>112</v>
      </c>
      <c r="G1814" s="52" t="s">
        <v>108</v>
      </c>
      <c r="H1814" s="4">
        <v>3</v>
      </c>
      <c r="I1814" s="2">
        <v>0</v>
      </c>
    </row>
    <row r="1815" spans="1:9" hidden="1" x14ac:dyDescent="0.35">
      <c r="A1815" s="52" t="s">
        <v>78</v>
      </c>
      <c r="B1815" s="52" t="s">
        <v>79</v>
      </c>
      <c r="C1815" s="3">
        <v>211</v>
      </c>
      <c r="D1815" s="52" t="s">
        <v>2022</v>
      </c>
      <c r="E1815" s="52" t="s">
        <v>111</v>
      </c>
      <c r="F1815" s="52" t="s">
        <v>103</v>
      </c>
      <c r="G1815" s="52" t="s">
        <v>82</v>
      </c>
      <c r="H1815" s="4">
        <v>4</v>
      </c>
      <c r="I1815" s="2">
        <v>0</v>
      </c>
    </row>
    <row r="1816" spans="1:9" hidden="1" x14ac:dyDescent="0.35">
      <c r="A1816" s="52" t="s">
        <v>78</v>
      </c>
      <c r="B1816" s="52" t="s">
        <v>79</v>
      </c>
      <c r="C1816" s="3">
        <v>211</v>
      </c>
      <c r="D1816" s="52" t="s">
        <v>2022</v>
      </c>
      <c r="E1816" s="52" t="s">
        <v>111</v>
      </c>
      <c r="F1816" s="52" t="s">
        <v>107</v>
      </c>
      <c r="G1816" s="52" t="s">
        <v>108</v>
      </c>
      <c r="H1816" s="4">
        <v>6</v>
      </c>
      <c r="I1816" s="2">
        <v>0</v>
      </c>
    </row>
    <row r="1817" spans="1:9" hidden="1" x14ac:dyDescent="0.35">
      <c r="A1817" s="52" t="s">
        <v>78</v>
      </c>
      <c r="B1817" s="52" t="s">
        <v>79</v>
      </c>
      <c r="C1817" s="3">
        <v>211</v>
      </c>
      <c r="D1817" s="52" t="s">
        <v>2022</v>
      </c>
      <c r="E1817" s="52" t="s">
        <v>113</v>
      </c>
      <c r="F1817" s="52" t="s">
        <v>114</v>
      </c>
      <c r="G1817" s="52" t="s">
        <v>115</v>
      </c>
      <c r="H1817" s="4">
        <v>213</v>
      </c>
      <c r="I1817" s="2">
        <v>0</v>
      </c>
    </row>
    <row r="1818" spans="1:9" x14ac:dyDescent="0.35">
      <c r="A1818" s="52" t="s">
        <v>78</v>
      </c>
      <c r="B1818" s="52" t="s">
        <v>79</v>
      </c>
      <c r="C1818" s="3">
        <v>211</v>
      </c>
      <c r="D1818" s="52" t="s">
        <v>2022</v>
      </c>
      <c r="E1818" s="52" t="s">
        <v>102</v>
      </c>
      <c r="F1818" s="52" t="s">
        <v>125</v>
      </c>
      <c r="G1818" s="52" t="s">
        <v>108</v>
      </c>
      <c r="H1818" s="4">
        <v>1</v>
      </c>
      <c r="I1818" s="2">
        <v>0</v>
      </c>
    </row>
    <row r="1819" spans="1:9" hidden="1" x14ac:dyDescent="0.35">
      <c r="A1819" s="52" t="s">
        <v>78</v>
      </c>
      <c r="B1819" s="52" t="s">
        <v>79</v>
      </c>
      <c r="C1819" s="3">
        <v>211</v>
      </c>
      <c r="D1819" s="52" t="s">
        <v>2022</v>
      </c>
      <c r="E1819" s="52" t="s">
        <v>104</v>
      </c>
      <c r="F1819" s="52" t="s">
        <v>101</v>
      </c>
      <c r="G1819" s="52" t="s">
        <v>82</v>
      </c>
      <c r="H1819" s="4">
        <v>34</v>
      </c>
      <c r="I1819" s="2">
        <v>0</v>
      </c>
    </row>
    <row r="1820" spans="1:9" hidden="1" x14ac:dyDescent="0.35">
      <c r="A1820" s="52" t="s">
        <v>78</v>
      </c>
      <c r="B1820" s="52" t="s">
        <v>79</v>
      </c>
      <c r="C1820" s="3">
        <v>211</v>
      </c>
      <c r="D1820" s="52" t="s">
        <v>2022</v>
      </c>
      <c r="E1820" s="52" t="s">
        <v>126</v>
      </c>
      <c r="F1820" s="52" t="s">
        <v>101</v>
      </c>
      <c r="G1820" s="52" t="s">
        <v>82</v>
      </c>
      <c r="H1820" s="4">
        <v>3</v>
      </c>
      <c r="I1820" s="2">
        <v>0</v>
      </c>
    </row>
    <row r="1821" spans="1:9" hidden="1" x14ac:dyDescent="0.35">
      <c r="A1821" s="52" t="s">
        <v>78</v>
      </c>
      <c r="B1821" s="52" t="s">
        <v>79</v>
      </c>
      <c r="C1821" s="3">
        <v>211</v>
      </c>
      <c r="D1821" s="52" t="s">
        <v>2022</v>
      </c>
      <c r="E1821" s="52" t="s">
        <v>122</v>
      </c>
      <c r="F1821" s="52" t="s">
        <v>123</v>
      </c>
      <c r="G1821" s="52" t="s">
        <v>108</v>
      </c>
      <c r="H1821" s="4">
        <v>5</v>
      </c>
      <c r="I1821" s="2">
        <v>0</v>
      </c>
    </row>
    <row r="1822" spans="1:9" hidden="1" x14ac:dyDescent="0.35">
      <c r="A1822" s="52" t="s">
        <v>78</v>
      </c>
      <c r="B1822" s="52" t="s">
        <v>79</v>
      </c>
      <c r="C1822" s="3">
        <v>211</v>
      </c>
      <c r="D1822" s="52" t="s">
        <v>2022</v>
      </c>
      <c r="E1822" s="52" t="s">
        <v>111</v>
      </c>
      <c r="F1822" s="52" t="s">
        <v>105</v>
      </c>
      <c r="G1822" s="52" t="s">
        <v>82</v>
      </c>
      <c r="H1822" s="4">
        <v>12</v>
      </c>
      <c r="I1822" s="2">
        <v>0</v>
      </c>
    </row>
    <row r="1823" spans="1:9" hidden="1" x14ac:dyDescent="0.35">
      <c r="A1823" s="52" t="s">
        <v>78</v>
      </c>
      <c r="B1823" s="52" t="s">
        <v>79</v>
      </c>
      <c r="C1823" s="3">
        <v>211</v>
      </c>
      <c r="D1823" s="52" t="s">
        <v>2022</v>
      </c>
      <c r="E1823" s="52" t="s">
        <v>118</v>
      </c>
      <c r="F1823" s="52" t="s">
        <v>119</v>
      </c>
      <c r="G1823" s="52" t="s">
        <v>115</v>
      </c>
      <c r="H1823" s="4">
        <v>172</v>
      </c>
      <c r="I1823" s="2">
        <v>0</v>
      </c>
    </row>
    <row r="1824" spans="1:9" hidden="1" x14ac:dyDescent="0.35">
      <c r="A1824" s="52" t="s">
        <v>78</v>
      </c>
      <c r="B1824" s="52" t="s">
        <v>79</v>
      </c>
      <c r="C1824" s="3">
        <v>211</v>
      </c>
      <c r="D1824" s="52" t="s">
        <v>2022</v>
      </c>
      <c r="E1824" s="52" t="s">
        <v>106</v>
      </c>
      <c r="F1824" s="52" t="s">
        <v>107</v>
      </c>
      <c r="G1824" s="52" t="s">
        <v>108</v>
      </c>
      <c r="H1824" s="4">
        <v>4</v>
      </c>
      <c r="I1824" s="2">
        <v>0</v>
      </c>
    </row>
    <row r="1825" spans="1:9" hidden="1" x14ac:dyDescent="0.35">
      <c r="A1825" s="52" t="s">
        <v>78</v>
      </c>
      <c r="B1825" s="52" t="s">
        <v>79</v>
      </c>
      <c r="C1825" s="3">
        <v>211</v>
      </c>
      <c r="D1825" s="52" t="s">
        <v>2022</v>
      </c>
      <c r="E1825" s="52" t="s">
        <v>109</v>
      </c>
      <c r="F1825" s="52" t="s">
        <v>110</v>
      </c>
      <c r="G1825" s="52" t="s">
        <v>108</v>
      </c>
      <c r="H1825" s="4">
        <v>4</v>
      </c>
      <c r="I1825" s="2">
        <v>0</v>
      </c>
    </row>
    <row r="1826" spans="1:9" hidden="1" x14ac:dyDescent="0.35">
      <c r="A1826" s="52" t="s">
        <v>78</v>
      </c>
      <c r="B1826" s="52" t="s">
        <v>79</v>
      </c>
      <c r="C1826" s="3">
        <v>211</v>
      </c>
      <c r="D1826" s="52" t="s">
        <v>2022</v>
      </c>
      <c r="E1826" s="52" t="s">
        <v>117</v>
      </c>
      <c r="F1826" s="52" t="s">
        <v>116</v>
      </c>
      <c r="G1826" s="52" t="s">
        <v>82</v>
      </c>
      <c r="H1826" s="4">
        <v>361</v>
      </c>
      <c r="I1826" s="2">
        <v>0</v>
      </c>
    </row>
    <row r="1827" spans="1:9" hidden="1" x14ac:dyDescent="0.35">
      <c r="A1827" s="52" t="s">
        <v>78</v>
      </c>
      <c r="B1827" s="52" t="s">
        <v>79</v>
      </c>
      <c r="C1827" s="3">
        <v>211</v>
      </c>
      <c r="D1827" s="52" t="s">
        <v>2022</v>
      </c>
      <c r="E1827" s="52" t="s">
        <v>102</v>
      </c>
      <c r="F1827" s="52" t="s">
        <v>103</v>
      </c>
      <c r="G1827" s="52" t="s">
        <v>82</v>
      </c>
      <c r="H1827" s="4">
        <v>142</v>
      </c>
      <c r="I1827" s="2">
        <v>0</v>
      </c>
    </row>
    <row r="1828" spans="1:9" hidden="1" x14ac:dyDescent="0.35">
      <c r="A1828" s="52" t="s">
        <v>78</v>
      </c>
      <c r="B1828" s="52" t="s">
        <v>79</v>
      </c>
      <c r="C1828" s="3">
        <v>211</v>
      </c>
      <c r="D1828" s="52" t="s">
        <v>2022</v>
      </c>
      <c r="E1828" s="52" t="s">
        <v>104</v>
      </c>
      <c r="F1828" s="52" t="s">
        <v>105</v>
      </c>
      <c r="G1828" s="52" t="s">
        <v>82</v>
      </c>
      <c r="H1828" s="4">
        <v>26</v>
      </c>
      <c r="I1828" s="2">
        <v>0</v>
      </c>
    </row>
    <row r="1829" spans="1:9" hidden="1" x14ac:dyDescent="0.35">
      <c r="A1829" s="52" t="s">
        <v>78</v>
      </c>
      <c r="B1829" s="52" t="s">
        <v>79</v>
      </c>
      <c r="C1829" s="3">
        <v>211</v>
      </c>
      <c r="D1829" s="52" t="s">
        <v>2022</v>
      </c>
      <c r="E1829" s="52" t="s">
        <v>111</v>
      </c>
      <c r="F1829" s="52" t="s">
        <v>101</v>
      </c>
      <c r="G1829" s="52" t="s">
        <v>82</v>
      </c>
      <c r="H1829" s="4">
        <v>29</v>
      </c>
      <c r="I1829" s="2">
        <v>0</v>
      </c>
    </row>
    <row r="1830" spans="1:9" hidden="1" x14ac:dyDescent="0.35">
      <c r="A1830" s="52" t="s">
        <v>78</v>
      </c>
      <c r="B1830" s="52" t="s">
        <v>79</v>
      </c>
      <c r="C1830" s="3">
        <v>211</v>
      </c>
      <c r="D1830" s="52" t="s">
        <v>2022</v>
      </c>
      <c r="E1830" s="52" t="s">
        <v>120</v>
      </c>
      <c r="F1830" s="52" t="s">
        <v>116</v>
      </c>
      <c r="G1830" s="52" t="s">
        <v>115</v>
      </c>
      <c r="H1830" s="4">
        <v>172</v>
      </c>
      <c r="I1830" s="2">
        <v>0</v>
      </c>
    </row>
    <row r="1831" spans="1:9" hidden="1" x14ac:dyDescent="0.35">
      <c r="A1831" s="52" t="s">
        <v>78</v>
      </c>
      <c r="B1831" s="52" t="s">
        <v>79</v>
      </c>
      <c r="C1831" s="3">
        <v>211</v>
      </c>
      <c r="D1831" s="52" t="s">
        <v>2022</v>
      </c>
      <c r="E1831" s="52" t="s">
        <v>111</v>
      </c>
      <c r="F1831" s="52" t="s">
        <v>93</v>
      </c>
      <c r="G1831" s="52" t="s">
        <v>82</v>
      </c>
      <c r="H1831" s="4">
        <v>22</v>
      </c>
      <c r="I1831" s="2">
        <v>0</v>
      </c>
    </row>
    <row r="1832" spans="1:9" hidden="1" x14ac:dyDescent="0.35">
      <c r="A1832" s="52" t="s">
        <v>78</v>
      </c>
      <c r="B1832" s="52" t="s">
        <v>79</v>
      </c>
      <c r="C1832" s="3">
        <v>211</v>
      </c>
      <c r="D1832" s="52" t="s">
        <v>2022</v>
      </c>
      <c r="E1832" s="52" t="s">
        <v>135</v>
      </c>
      <c r="F1832" s="52" t="s">
        <v>112</v>
      </c>
      <c r="G1832" s="52" t="s">
        <v>82</v>
      </c>
      <c r="H1832" s="4">
        <v>292</v>
      </c>
      <c r="I1832" s="2">
        <v>0</v>
      </c>
    </row>
    <row r="1833" spans="1:9" hidden="1" x14ac:dyDescent="0.35">
      <c r="A1833" s="52" t="s">
        <v>78</v>
      </c>
      <c r="B1833" s="52" t="s">
        <v>79</v>
      </c>
      <c r="C1833" s="3">
        <v>211</v>
      </c>
      <c r="D1833" s="52" t="s">
        <v>2022</v>
      </c>
      <c r="E1833" s="52" t="s">
        <v>111</v>
      </c>
      <c r="F1833" s="52" t="s">
        <v>95</v>
      </c>
      <c r="G1833" s="52" t="s">
        <v>82</v>
      </c>
      <c r="H1833" s="4">
        <v>4</v>
      </c>
      <c r="I1833" s="2">
        <v>0</v>
      </c>
    </row>
    <row r="1834" spans="1:9" hidden="1" x14ac:dyDescent="0.35">
      <c r="A1834" s="52" t="s">
        <v>78</v>
      </c>
      <c r="B1834" s="52" t="s">
        <v>79</v>
      </c>
      <c r="C1834" s="3">
        <v>212</v>
      </c>
      <c r="D1834" s="52" t="s">
        <v>2022</v>
      </c>
      <c r="E1834" s="52" t="s">
        <v>92</v>
      </c>
      <c r="F1834" s="52" t="s">
        <v>93</v>
      </c>
      <c r="G1834" s="52" t="s">
        <v>82</v>
      </c>
      <c r="H1834" s="4">
        <v>1022</v>
      </c>
      <c r="I1834" s="2">
        <v>23508.03</v>
      </c>
    </row>
    <row r="1835" spans="1:9" hidden="1" x14ac:dyDescent="0.35">
      <c r="A1835" s="52" t="s">
        <v>78</v>
      </c>
      <c r="B1835" s="52" t="s">
        <v>79</v>
      </c>
      <c r="C1835" s="3">
        <v>212</v>
      </c>
      <c r="D1835" s="52" t="s">
        <v>2022</v>
      </c>
      <c r="E1835" s="52" t="s">
        <v>26</v>
      </c>
      <c r="F1835" s="52" t="s">
        <v>81</v>
      </c>
      <c r="G1835" s="52" t="s">
        <v>82</v>
      </c>
      <c r="H1835" s="4">
        <v>8</v>
      </c>
      <c r="I1835" s="2">
        <v>117.2</v>
      </c>
    </row>
    <row r="1836" spans="1:9" hidden="1" x14ac:dyDescent="0.35">
      <c r="A1836" s="52" t="s">
        <v>78</v>
      </c>
      <c r="B1836" s="52" t="s">
        <v>79</v>
      </c>
      <c r="C1836" s="3">
        <v>212</v>
      </c>
      <c r="D1836" s="52" t="s">
        <v>2022</v>
      </c>
      <c r="E1836" s="52" t="s">
        <v>38</v>
      </c>
      <c r="F1836" s="52" t="s">
        <v>97</v>
      </c>
      <c r="G1836" s="52" t="s">
        <v>82</v>
      </c>
      <c r="H1836" s="4">
        <v>3</v>
      </c>
      <c r="I1836" s="2">
        <v>104.4</v>
      </c>
    </row>
    <row r="1837" spans="1:9" hidden="1" x14ac:dyDescent="0.35">
      <c r="A1837" s="52" t="s">
        <v>78</v>
      </c>
      <c r="B1837" s="52" t="s">
        <v>79</v>
      </c>
      <c r="C1837" s="3">
        <v>212</v>
      </c>
      <c r="D1837" s="52" t="s">
        <v>2022</v>
      </c>
      <c r="E1837" s="52" t="s">
        <v>36</v>
      </c>
      <c r="F1837" s="52" t="s">
        <v>95</v>
      </c>
      <c r="G1837" s="52" t="s">
        <v>82</v>
      </c>
      <c r="H1837" s="4">
        <v>18</v>
      </c>
      <c r="I1837" s="2">
        <v>84.6</v>
      </c>
    </row>
    <row r="1838" spans="1:9" hidden="1" x14ac:dyDescent="0.35">
      <c r="A1838" s="52" t="s">
        <v>78</v>
      </c>
      <c r="B1838" s="52" t="s">
        <v>79</v>
      </c>
      <c r="C1838" s="3">
        <v>212</v>
      </c>
      <c r="D1838" s="52" t="s">
        <v>2022</v>
      </c>
      <c r="E1838" s="52" t="s">
        <v>118</v>
      </c>
      <c r="F1838" s="52" t="s">
        <v>119</v>
      </c>
      <c r="G1838" s="52" t="s">
        <v>115</v>
      </c>
      <c r="H1838" s="4">
        <v>41</v>
      </c>
      <c r="I1838" s="2">
        <v>0</v>
      </c>
    </row>
    <row r="1839" spans="1:9" hidden="1" x14ac:dyDescent="0.35">
      <c r="A1839" s="52" t="s">
        <v>78</v>
      </c>
      <c r="B1839" s="52" t="s">
        <v>79</v>
      </c>
      <c r="C1839" s="3">
        <v>212</v>
      </c>
      <c r="D1839" s="52" t="s">
        <v>2022</v>
      </c>
      <c r="E1839" s="52" t="s">
        <v>120</v>
      </c>
      <c r="F1839" s="52" t="s">
        <v>116</v>
      </c>
      <c r="G1839" s="52" t="s">
        <v>115</v>
      </c>
      <c r="H1839" s="4">
        <v>41</v>
      </c>
      <c r="I1839" s="2">
        <v>0</v>
      </c>
    </row>
    <row r="1840" spans="1:9" x14ac:dyDescent="0.35">
      <c r="A1840" s="52" t="s">
        <v>78</v>
      </c>
      <c r="B1840" s="52" t="s">
        <v>79</v>
      </c>
      <c r="C1840" s="3">
        <v>212</v>
      </c>
      <c r="D1840" s="52" t="s">
        <v>2022</v>
      </c>
      <c r="E1840" s="52" t="s">
        <v>126</v>
      </c>
      <c r="F1840" s="52" t="s">
        <v>101</v>
      </c>
      <c r="G1840" s="52" t="s">
        <v>82</v>
      </c>
      <c r="H1840" s="4">
        <v>1</v>
      </c>
      <c r="I1840" s="2">
        <v>0</v>
      </c>
    </row>
    <row r="1841" spans="1:9" hidden="1" x14ac:dyDescent="0.35">
      <c r="A1841" s="52" t="s">
        <v>78</v>
      </c>
      <c r="B1841" s="52" t="s">
        <v>79</v>
      </c>
      <c r="C1841" s="3">
        <v>212</v>
      </c>
      <c r="D1841" s="52" t="s">
        <v>2022</v>
      </c>
      <c r="E1841" s="52" t="s">
        <v>111</v>
      </c>
      <c r="F1841" s="52" t="s">
        <v>95</v>
      </c>
      <c r="G1841" s="52" t="s">
        <v>82</v>
      </c>
      <c r="H1841" s="4">
        <v>2</v>
      </c>
      <c r="I1841" s="2">
        <v>0</v>
      </c>
    </row>
    <row r="1842" spans="1:9" x14ac:dyDescent="0.35">
      <c r="A1842" s="52" t="s">
        <v>78</v>
      </c>
      <c r="B1842" s="52" t="s">
        <v>79</v>
      </c>
      <c r="C1842" s="3">
        <v>212</v>
      </c>
      <c r="D1842" s="52" t="s">
        <v>2022</v>
      </c>
      <c r="E1842" s="52" t="s">
        <v>102</v>
      </c>
      <c r="F1842" s="52" t="s">
        <v>101</v>
      </c>
      <c r="G1842" s="52" t="s">
        <v>108</v>
      </c>
      <c r="H1842" s="4">
        <v>1</v>
      </c>
      <c r="I1842" s="2">
        <v>0</v>
      </c>
    </row>
    <row r="1843" spans="1:9" hidden="1" x14ac:dyDescent="0.35">
      <c r="A1843" s="52" t="s">
        <v>78</v>
      </c>
      <c r="B1843" s="52" t="s">
        <v>79</v>
      </c>
      <c r="C1843" s="3">
        <v>212</v>
      </c>
      <c r="D1843" s="52" t="s">
        <v>2022</v>
      </c>
      <c r="E1843" s="52" t="s">
        <v>113</v>
      </c>
      <c r="F1843" s="52" t="s">
        <v>114</v>
      </c>
      <c r="G1843" s="52" t="s">
        <v>115</v>
      </c>
      <c r="H1843" s="4">
        <v>59</v>
      </c>
      <c r="I1843" s="2">
        <v>0</v>
      </c>
    </row>
    <row r="1844" spans="1:9" hidden="1" x14ac:dyDescent="0.35">
      <c r="A1844" s="52" t="s">
        <v>78</v>
      </c>
      <c r="B1844" s="52" t="s">
        <v>79</v>
      </c>
      <c r="C1844" s="3">
        <v>212</v>
      </c>
      <c r="D1844" s="52" t="s">
        <v>2022</v>
      </c>
      <c r="E1844" s="52" t="s">
        <v>134</v>
      </c>
      <c r="F1844" s="52" t="s">
        <v>123</v>
      </c>
      <c r="G1844" s="52" t="s">
        <v>82</v>
      </c>
      <c r="H1844" s="4">
        <v>2</v>
      </c>
      <c r="I1844" s="2">
        <v>0</v>
      </c>
    </row>
    <row r="1845" spans="1:9" hidden="1" x14ac:dyDescent="0.35">
      <c r="A1845" s="52" t="s">
        <v>78</v>
      </c>
      <c r="B1845" s="52" t="s">
        <v>79</v>
      </c>
      <c r="C1845" s="3">
        <v>212</v>
      </c>
      <c r="D1845" s="52" t="s">
        <v>2022</v>
      </c>
      <c r="E1845" s="52" t="s">
        <v>111</v>
      </c>
      <c r="F1845" s="52" t="s">
        <v>93</v>
      </c>
      <c r="G1845" s="52" t="s">
        <v>82</v>
      </c>
      <c r="H1845" s="4">
        <v>10</v>
      </c>
      <c r="I1845" s="2">
        <v>0</v>
      </c>
    </row>
    <row r="1846" spans="1:9" hidden="1" x14ac:dyDescent="0.35">
      <c r="A1846" s="52" t="s">
        <v>78</v>
      </c>
      <c r="B1846" s="52" t="s">
        <v>79</v>
      </c>
      <c r="C1846" s="3">
        <v>212</v>
      </c>
      <c r="D1846" s="52" t="s">
        <v>2022</v>
      </c>
      <c r="E1846" s="52" t="s">
        <v>102</v>
      </c>
      <c r="F1846" s="52" t="s">
        <v>116</v>
      </c>
      <c r="G1846" s="52" t="s">
        <v>115</v>
      </c>
      <c r="H1846" s="4">
        <v>40</v>
      </c>
      <c r="I1846" s="2">
        <v>0</v>
      </c>
    </row>
    <row r="1847" spans="1:9" hidden="1" x14ac:dyDescent="0.35">
      <c r="A1847" s="52" t="s">
        <v>78</v>
      </c>
      <c r="B1847" s="52" t="s">
        <v>79</v>
      </c>
      <c r="C1847" s="3">
        <v>212</v>
      </c>
      <c r="D1847" s="52" t="s">
        <v>2022</v>
      </c>
      <c r="E1847" s="52" t="s">
        <v>111</v>
      </c>
      <c r="F1847" s="52" t="s">
        <v>107</v>
      </c>
      <c r="G1847" s="52" t="s">
        <v>108</v>
      </c>
      <c r="H1847" s="4">
        <v>4</v>
      </c>
      <c r="I1847" s="2">
        <v>0</v>
      </c>
    </row>
    <row r="1848" spans="1:9" hidden="1" x14ac:dyDescent="0.35">
      <c r="A1848" s="52" t="s">
        <v>78</v>
      </c>
      <c r="B1848" s="52" t="s">
        <v>79</v>
      </c>
      <c r="C1848" s="3">
        <v>212</v>
      </c>
      <c r="D1848" s="52" t="s">
        <v>2022</v>
      </c>
      <c r="E1848" s="52" t="s">
        <v>139</v>
      </c>
      <c r="F1848" s="52" t="s">
        <v>140</v>
      </c>
      <c r="G1848" s="52" t="s">
        <v>82</v>
      </c>
      <c r="H1848" s="4">
        <v>3</v>
      </c>
      <c r="I1848" s="2">
        <v>0</v>
      </c>
    </row>
    <row r="1849" spans="1:9" hidden="1" x14ac:dyDescent="0.35">
      <c r="A1849" s="52" t="s">
        <v>78</v>
      </c>
      <c r="B1849" s="52" t="s">
        <v>79</v>
      </c>
      <c r="C1849" s="3">
        <v>212</v>
      </c>
      <c r="D1849" s="52" t="s">
        <v>2022</v>
      </c>
      <c r="E1849" s="52" t="s">
        <v>117</v>
      </c>
      <c r="F1849" s="52" t="s">
        <v>116</v>
      </c>
      <c r="G1849" s="52" t="s">
        <v>82</v>
      </c>
      <c r="H1849" s="4">
        <v>94</v>
      </c>
      <c r="I1849" s="2">
        <v>0</v>
      </c>
    </row>
    <row r="1850" spans="1:9" hidden="1" x14ac:dyDescent="0.35">
      <c r="A1850" s="52" t="s">
        <v>78</v>
      </c>
      <c r="B1850" s="52" t="s">
        <v>79</v>
      </c>
      <c r="C1850" s="3">
        <v>212</v>
      </c>
      <c r="D1850" s="52" t="s">
        <v>2022</v>
      </c>
      <c r="E1850" s="52" t="s">
        <v>111</v>
      </c>
      <c r="F1850" s="52" t="s">
        <v>105</v>
      </c>
      <c r="G1850" s="52" t="s">
        <v>82</v>
      </c>
      <c r="H1850" s="4">
        <v>3</v>
      </c>
      <c r="I1850" s="2">
        <v>0</v>
      </c>
    </row>
    <row r="1851" spans="1:9" hidden="1" x14ac:dyDescent="0.35">
      <c r="A1851" s="52" t="s">
        <v>78</v>
      </c>
      <c r="B1851" s="52" t="s">
        <v>79</v>
      </c>
      <c r="C1851" s="3">
        <v>212</v>
      </c>
      <c r="D1851" s="52" t="s">
        <v>2022</v>
      </c>
      <c r="E1851" s="52" t="s">
        <v>102</v>
      </c>
      <c r="F1851" s="52" t="s">
        <v>107</v>
      </c>
      <c r="G1851" s="52" t="s">
        <v>108</v>
      </c>
      <c r="H1851" s="4">
        <v>12</v>
      </c>
      <c r="I1851" s="2">
        <v>0</v>
      </c>
    </row>
    <row r="1852" spans="1:9" hidden="1" x14ac:dyDescent="0.35">
      <c r="A1852" s="52" t="s">
        <v>78</v>
      </c>
      <c r="B1852" s="52" t="s">
        <v>79</v>
      </c>
      <c r="C1852" s="3">
        <v>212</v>
      </c>
      <c r="D1852" s="52" t="s">
        <v>2022</v>
      </c>
      <c r="E1852" s="52" t="s">
        <v>111</v>
      </c>
      <c r="F1852" s="52" t="s">
        <v>101</v>
      </c>
      <c r="G1852" s="52" t="s">
        <v>82</v>
      </c>
      <c r="H1852" s="4">
        <v>13</v>
      </c>
      <c r="I1852" s="2">
        <v>0</v>
      </c>
    </row>
    <row r="1853" spans="1:9" hidden="1" x14ac:dyDescent="0.35">
      <c r="A1853" s="52" t="s">
        <v>78</v>
      </c>
      <c r="B1853" s="52" t="s">
        <v>79</v>
      </c>
      <c r="C1853" s="3">
        <v>212</v>
      </c>
      <c r="D1853" s="52" t="s">
        <v>2022</v>
      </c>
      <c r="E1853" s="52" t="s">
        <v>135</v>
      </c>
      <c r="F1853" s="52" t="s">
        <v>112</v>
      </c>
      <c r="G1853" s="52" t="s">
        <v>82</v>
      </c>
      <c r="H1853" s="4">
        <v>79</v>
      </c>
      <c r="I1853" s="2">
        <v>0</v>
      </c>
    </row>
    <row r="1854" spans="1:9" hidden="1" x14ac:dyDescent="0.35">
      <c r="A1854" s="52" t="s">
        <v>78</v>
      </c>
      <c r="B1854" s="52" t="s">
        <v>79</v>
      </c>
      <c r="C1854" s="3">
        <v>212</v>
      </c>
      <c r="D1854" s="52" t="s">
        <v>2022</v>
      </c>
      <c r="E1854" s="52" t="s">
        <v>111</v>
      </c>
      <c r="F1854" s="52" t="s">
        <v>103</v>
      </c>
      <c r="G1854" s="52" t="s">
        <v>82</v>
      </c>
      <c r="H1854" s="4">
        <v>2</v>
      </c>
      <c r="I1854" s="2">
        <v>0</v>
      </c>
    </row>
    <row r="1855" spans="1:9" hidden="1" x14ac:dyDescent="0.35">
      <c r="A1855" s="52" t="s">
        <v>78</v>
      </c>
      <c r="B1855" s="52" t="s">
        <v>79</v>
      </c>
      <c r="C1855" s="3">
        <v>212</v>
      </c>
      <c r="D1855" s="52" t="s">
        <v>2022</v>
      </c>
      <c r="E1855" s="52" t="s">
        <v>102</v>
      </c>
      <c r="F1855" s="52" t="s">
        <v>103</v>
      </c>
      <c r="G1855" s="52" t="s">
        <v>82</v>
      </c>
      <c r="H1855" s="4">
        <v>32</v>
      </c>
      <c r="I1855" s="2">
        <v>0</v>
      </c>
    </row>
    <row r="1856" spans="1:9" x14ac:dyDescent="0.35">
      <c r="A1856" s="52" t="s">
        <v>78</v>
      </c>
      <c r="B1856" s="52" t="s">
        <v>79</v>
      </c>
      <c r="C1856" s="3">
        <v>212</v>
      </c>
      <c r="D1856" s="52" t="s">
        <v>2022</v>
      </c>
      <c r="E1856" s="52" t="s">
        <v>122</v>
      </c>
      <c r="F1856" s="52" t="s">
        <v>123</v>
      </c>
      <c r="G1856" s="52" t="s">
        <v>108</v>
      </c>
      <c r="H1856" s="4">
        <v>1</v>
      </c>
      <c r="I1856" s="2">
        <v>0</v>
      </c>
    </row>
    <row r="1857" spans="1:9" x14ac:dyDescent="0.35">
      <c r="A1857" s="52" t="s">
        <v>78</v>
      </c>
      <c r="B1857" s="52" t="s">
        <v>79</v>
      </c>
      <c r="C1857" s="3">
        <v>212</v>
      </c>
      <c r="D1857" s="52" t="s">
        <v>2022</v>
      </c>
      <c r="E1857" s="52" t="s">
        <v>106</v>
      </c>
      <c r="F1857" s="52" t="s">
        <v>107</v>
      </c>
      <c r="G1857" s="52" t="s">
        <v>108</v>
      </c>
      <c r="H1857" s="4">
        <v>1</v>
      </c>
      <c r="I1857" s="2">
        <v>0</v>
      </c>
    </row>
    <row r="1858" spans="1:9" hidden="1" x14ac:dyDescent="0.35">
      <c r="A1858" s="52" t="s">
        <v>78</v>
      </c>
      <c r="B1858" s="52" t="s">
        <v>79</v>
      </c>
      <c r="C1858" s="3">
        <v>213</v>
      </c>
      <c r="D1858" s="52" t="s">
        <v>2022</v>
      </c>
      <c r="E1858" s="52" t="s">
        <v>102</v>
      </c>
      <c r="F1858" s="52" t="s">
        <v>103</v>
      </c>
      <c r="G1858" s="52" t="s">
        <v>82</v>
      </c>
      <c r="H1858" s="4">
        <v>7</v>
      </c>
      <c r="I1858" s="2">
        <v>0</v>
      </c>
    </row>
    <row r="1859" spans="1:9" hidden="1" x14ac:dyDescent="0.35">
      <c r="A1859" s="52" t="s">
        <v>78</v>
      </c>
      <c r="B1859" s="52" t="s">
        <v>79</v>
      </c>
      <c r="C1859" s="3">
        <v>216</v>
      </c>
      <c r="D1859" s="52" t="s">
        <v>2022</v>
      </c>
      <c r="E1859" s="52" t="s">
        <v>92</v>
      </c>
      <c r="F1859" s="52" t="s">
        <v>93</v>
      </c>
      <c r="G1859" s="52" t="s">
        <v>82</v>
      </c>
      <c r="H1859" s="4">
        <v>48</v>
      </c>
      <c r="I1859" s="2">
        <v>307.58999999999997</v>
      </c>
    </row>
    <row r="1860" spans="1:9" x14ac:dyDescent="0.35">
      <c r="A1860" s="52" t="s">
        <v>78</v>
      </c>
      <c r="B1860" s="52" t="s">
        <v>79</v>
      </c>
      <c r="C1860" s="3">
        <v>216</v>
      </c>
      <c r="D1860" s="52" t="s">
        <v>2022</v>
      </c>
      <c r="E1860" s="52" t="s">
        <v>26</v>
      </c>
      <c r="F1860" s="52" t="s">
        <v>81</v>
      </c>
      <c r="G1860" s="52" t="s">
        <v>82</v>
      </c>
      <c r="H1860" s="4">
        <v>1</v>
      </c>
      <c r="I1860" s="2">
        <v>14.65</v>
      </c>
    </row>
    <row r="1861" spans="1:9" hidden="1" x14ac:dyDescent="0.35">
      <c r="A1861" s="52" t="s">
        <v>78</v>
      </c>
      <c r="B1861" s="52" t="s">
        <v>79</v>
      </c>
      <c r="C1861" s="3">
        <v>216</v>
      </c>
      <c r="D1861" s="52" t="s">
        <v>2022</v>
      </c>
      <c r="E1861" s="52" t="s">
        <v>102</v>
      </c>
      <c r="F1861" s="52" t="s">
        <v>103</v>
      </c>
      <c r="G1861" s="52" t="s">
        <v>82</v>
      </c>
      <c r="H1861" s="4">
        <v>30</v>
      </c>
      <c r="I1861" s="2">
        <v>0</v>
      </c>
    </row>
    <row r="1862" spans="1:9" hidden="1" x14ac:dyDescent="0.35">
      <c r="A1862" s="52" t="s">
        <v>78</v>
      </c>
      <c r="B1862" s="52" t="s">
        <v>79</v>
      </c>
      <c r="C1862" s="3">
        <v>216</v>
      </c>
      <c r="D1862" s="52" t="s">
        <v>2022</v>
      </c>
      <c r="E1862" s="52" t="s">
        <v>113</v>
      </c>
      <c r="F1862" s="52" t="s">
        <v>114</v>
      </c>
      <c r="G1862" s="52" t="s">
        <v>115</v>
      </c>
      <c r="H1862" s="4">
        <v>5</v>
      </c>
      <c r="I1862" s="2">
        <v>0</v>
      </c>
    </row>
    <row r="1863" spans="1:9" x14ac:dyDescent="0.35">
      <c r="A1863" s="52" t="s">
        <v>78</v>
      </c>
      <c r="B1863" s="52" t="s">
        <v>79</v>
      </c>
      <c r="C1863" s="3">
        <v>216</v>
      </c>
      <c r="D1863" s="52" t="s">
        <v>2022</v>
      </c>
      <c r="E1863" s="52" t="s">
        <v>106</v>
      </c>
      <c r="F1863" s="52" t="s">
        <v>107</v>
      </c>
      <c r="G1863" s="52" t="s">
        <v>108</v>
      </c>
      <c r="H1863" s="4">
        <v>1</v>
      </c>
      <c r="I1863" s="2">
        <v>0</v>
      </c>
    </row>
    <row r="1864" spans="1:9" hidden="1" x14ac:dyDescent="0.35">
      <c r="A1864" s="52" t="s">
        <v>78</v>
      </c>
      <c r="B1864" s="52" t="s">
        <v>79</v>
      </c>
      <c r="C1864" s="3">
        <v>216</v>
      </c>
      <c r="D1864" s="52" t="s">
        <v>2022</v>
      </c>
      <c r="E1864" s="52" t="s">
        <v>135</v>
      </c>
      <c r="F1864" s="52" t="s">
        <v>112</v>
      </c>
      <c r="G1864" s="52" t="s">
        <v>82</v>
      </c>
      <c r="H1864" s="4">
        <v>2</v>
      </c>
      <c r="I1864" s="2">
        <v>0</v>
      </c>
    </row>
    <row r="1865" spans="1:9" x14ac:dyDescent="0.35">
      <c r="A1865" s="52" t="s">
        <v>78</v>
      </c>
      <c r="B1865" s="52" t="s">
        <v>79</v>
      </c>
      <c r="C1865" s="3">
        <v>216</v>
      </c>
      <c r="D1865" s="52" t="s">
        <v>2022</v>
      </c>
      <c r="E1865" s="52" t="s">
        <v>134</v>
      </c>
      <c r="F1865" s="52" t="s">
        <v>123</v>
      </c>
      <c r="G1865" s="52" t="s">
        <v>82</v>
      </c>
      <c r="H1865" s="4">
        <v>1</v>
      </c>
      <c r="I1865" s="2">
        <v>0</v>
      </c>
    </row>
    <row r="1866" spans="1:9" hidden="1" x14ac:dyDescent="0.35">
      <c r="A1866" s="52" t="s">
        <v>78</v>
      </c>
      <c r="B1866" s="52" t="s">
        <v>79</v>
      </c>
      <c r="C1866" s="3">
        <v>221</v>
      </c>
      <c r="D1866" s="52" t="s">
        <v>2022</v>
      </c>
      <c r="E1866" s="52" t="s">
        <v>92</v>
      </c>
      <c r="F1866" s="52" t="s">
        <v>93</v>
      </c>
      <c r="G1866" s="52" t="s">
        <v>82</v>
      </c>
      <c r="H1866" s="4">
        <v>75</v>
      </c>
      <c r="I1866" s="2">
        <v>1796.5</v>
      </c>
    </row>
    <row r="1867" spans="1:9" hidden="1" x14ac:dyDescent="0.35">
      <c r="A1867" s="52" t="s">
        <v>78</v>
      </c>
      <c r="B1867" s="52" t="s">
        <v>79</v>
      </c>
      <c r="C1867" s="3">
        <v>221</v>
      </c>
      <c r="D1867" s="52" t="s">
        <v>2022</v>
      </c>
      <c r="E1867" s="52" t="s">
        <v>26</v>
      </c>
      <c r="F1867" s="52" t="s">
        <v>81</v>
      </c>
      <c r="G1867" s="52" t="s">
        <v>82</v>
      </c>
      <c r="H1867" s="4">
        <v>2</v>
      </c>
      <c r="I1867" s="2">
        <v>29.3</v>
      </c>
    </row>
    <row r="1868" spans="1:9" x14ac:dyDescent="0.35">
      <c r="A1868" s="52" t="s">
        <v>78</v>
      </c>
      <c r="B1868" s="52" t="s">
        <v>79</v>
      </c>
      <c r="C1868" s="3">
        <v>221</v>
      </c>
      <c r="D1868" s="52" t="s">
        <v>2022</v>
      </c>
      <c r="E1868" s="52" t="s">
        <v>36</v>
      </c>
      <c r="F1868" s="52" t="s">
        <v>95</v>
      </c>
      <c r="G1868" s="52" t="s">
        <v>82</v>
      </c>
      <c r="H1868" s="4">
        <v>1</v>
      </c>
      <c r="I1868" s="2">
        <v>4.7</v>
      </c>
    </row>
    <row r="1869" spans="1:9" hidden="1" x14ac:dyDescent="0.35">
      <c r="A1869" s="52" t="s">
        <v>78</v>
      </c>
      <c r="B1869" s="52" t="s">
        <v>79</v>
      </c>
      <c r="C1869" s="3">
        <v>221</v>
      </c>
      <c r="D1869" s="52" t="s">
        <v>2022</v>
      </c>
      <c r="E1869" s="52" t="s">
        <v>120</v>
      </c>
      <c r="F1869" s="52" t="s">
        <v>116</v>
      </c>
      <c r="G1869" s="52" t="s">
        <v>115</v>
      </c>
      <c r="H1869" s="4">
        <v>2</v>
      </c>
      <c r="I1869" s="2">
        <v>0</v>
      </c>
    </row>
    <row r="1870" spans="1:9" hidden="1" x14ac:dyDescent="0.35">
      <c r="A1870" s="52" t="s">
        <v>78</v>
      </c>
      <c r="B1870" s="52" t="s">
        <v>79</v>
      </c>
      <c r="C1870" s="3">
        <v>221</v>
      </c>
      <c r="D1870" s="52" t="s">
        <v>2022</v>
      </c>
      <c r="E1870" s="52" t="s">
        <v>118</v>
      </c>
      <c r="F1870" s="52" t="s">
        <v>119</v>
      </c>
      <c r="G1870" s="52" t="s">
        <v>115</v>
      </c>
      <c r="H1870" s="4">
        <v>2</v>
      </c>
      <c r="I1870" s="2">
        <v>0</v>
      </c>
    </row>
    <row r="1871" spans="1:9" hidden="1" x14ac:dyDescent="0.35">
      <c r="A1871" s="52" t="s">
        <v>78</v>
      </c>
      <c r="B1871" s="52" t="s">
        <v>79</v>
      </c>
      <c r="C1871" s="3">
        <v>221</v>
      </c>
      <c r="D1871" s="52" t="s">
        <v>2022</v>
      </c>
      <c r="E1871" s="52" t="s">
        <v>117</v>
      </c>
      <c r="F1871" s="52" t="s">
        <v>116</v>
      </c>
      <c r="G1871" s="52" t="s">
        <v>82</v>
      </c>
      <c r="H1871" s="4">
        <v>4</v>
      </c>
      <c r="I1871" s="2">
        <v>0</v>
      </c>
    </row>
    <row r="1872" spans="1:9" hidden="1" x14ac:dyDescent="0.35">
      <c r="A1872" s="52" t="s">
        <v>78</v>
      </c>
      <c r="B1872" s="52" t="s">
        <v>79</v>
      </c>
      <c r="C1872" s="3">
        <v>221</v>
      </c>
      <c r="D1872" s="52" t="s">
        <v>2022</v>
      </c>
      <c r="E1872" s="52" t="s">
        <v>102</v>
      </c>
      <c r="F1872" s="52" t="s">
        <v>103</v>
      </c>
      <c r="G1872" s="52" t="s">
        <v>82</v>
      </c>
      <c r="H1872" s="4">
        <v>4</v>
      </c>
      <c r="I1872" s="2">
        <v>0</v>
      </c>
    </row>
    <row r="1873" spans="1:9" hidden="1" x14ac:dyDescent="0.35">
      <c r="A1873" s="52" t="s">
        <v>78</v>
      </c>
      <c r="B1873" s="52" t="s">
        <v>79</v>
      </c>
      <c r="C1873" s="3">
        <v>221</v>
      </c>
      <c r="D1873" s="52" t="s">
        <v>2022</v>
      </c>
      <c r="E1873" s="52" t="s">
        <v>102</v>
      </c>
      <c r="F1873" s="52" t="s">
        <v>116</v>
      </c>
      <c r="G1873" s="52" t="s">
        <v>115</v>
      </c>
      <c r="H1873" s="4">
        <v>2</v>
      </c>
      <c r="I1873" s="2">
        <v>0</v>
      </c>
    </row>
    <row r="1874" spans="1:9" x14ac:dyDescent="0.35">
      <c r="A1874" s="52" t="s">
        <v>78</v>
      </c>
      <c r="B1874" s="52" t="s">
        <v>79</v>
      </c>
      <c r="C1874" s="3">
        <v>221</v>
      </c>
      <c r="D1874" s="52" t="s">
        <v>2022</v>
      </c>
      <c r="E1874" s="52" t="s">
        <v>135</v>
      </c>
      <c r="F1874" s="52" t="s">
        <v>112</v>
      </c>
      <c r="G1874" s="52" t="s">
        <v>82</v>
      </c>
      <c r="H1874" s="4">
        <v>1</v>
      </c>
      <c r="I1874" s="2">
        <v>0</v>
      </c>
    </row>
    <row r="1875" spans="1:9" x14ac:dyDescent="0.35">
      <c r="A1875" s="52" t="s">
        <v>78</v>
      </c>
      <c r="B1875" s="52" t="s">
        <v>79</v>
      </c>
      <c r="C1875" s="3">
        <v>221</v>
      </c>
      <c r="D1875" s="52" t="s">
        <v>2022</v>
      </c>
      <c r="E1875" s="52" t="s">
        <v>102</v>
      </c>
      <c r="F1875" s="52" t="s">
        <v>107</v>
      </c>
      <c r="G1875" s="52" t="s">
        <v>108</v>
      </c>
      <c r="H1875" s="4">
        <v>1</v>
      </c>
      <c r="I1875" s="2">
        <v>0</v>
      </c>
    </row>
    <row r="1876" spans="1:9" hidden="1" x14ac:dyDescent="0.35">
      <c r="A1876" s="52" t="s">
        <v>78</v>
      </c>
      <c r="B1876" s="52" t="s">
        <v>79</v>
      </c>
      <c r="C1876" s="3">
        <v>221</v>
      </c>
      <c r="D1876" s="52" t="s">
        <v>2022</v>
      </c>
      <c r="E1876" s="52" t="s">
        <v>113</v>
      </c>
      <c r="F1876" s="52" t="s">
        <v>114</v>
      </c>
      <c r="G1876" s="52" t="s">
        <v>115</v>
      </c>
      <c r="H1876" s="4">
        <v>30</v>
      </c>
      <c r="I1876" s="2">
        <v>0</v>
      </c>
    </row>
    <row r="1877" spans="1:9" hidden="1" x14ac:dyDescent="0.35">
      <c r="A1877" s="52" t="s">
        <v>78</v>
      </c>
      <c r="B1877" s="52" t="s">
        <v>79</v>
      </c>
      <c r="C1877" s="3">
        <v>222</v>
      </c>
      <c r="D1877" s="52" t="s">
        <v>2022</v>
      </c>
      <c r="E1877" s="52" t="s">
        <v>92</v>
      </c>
      <c r="F1877" s="52" t="s">
        <v>93</v>
      </c>
      <c r="G1877" s="52" t="s">
        <v>82</v>
      </c>
      <c r="H1877" s="4">
        <v>9</v>
      </c>
      <c r="I1877" s="2">
        <v>836.8</v>
      </c>
    </row>
    <row r="1878" spans="1:9" x14ac:dyDescent="0.35">
      <c r="A1878" s="52" t="s">
        <v>78</v>
      </c>
      <c r="B1878" s="52" t="s">
        <v>79</v>
      </c>
      <c r="C1878" s="3">
        <v>222</v>
      </c>
      <c r="D1878" s="52" t="s">
        <v>2022</v>
      </c>
      <c r="E1878" s="52" t="s">
        <v>36</v>
      </c>
      <c r="F1878" s="52" t="s">
        <v>95</v>
      </c>
      <c r="G1878" s="52" t="s">
        <v>82</v>
      </c>
      <c r="H1878" s="4">
        <v>1</v>
      </c>
      <c r="I1878" s="2">
        <v>4.7</v>
      </c>
    </row>
    <row r="1879" spans="1:9" x14ac:dyDescent="0.35">
      <c r="A1879" s="52" t="s">
        <v>78</v>
      </c>
      <c r="B1879" s="52" t="s">
        <v>79</v>
      </c>
      <c r="C1879" s="3">
        <v>222</v>
      </c>
      <c r="D1879" s="52" t="s">
        <v>2022</v>
      </c>
      <c r="E1879" s="52" t="s">
        <v>102</v>
      </c>
      <c r="F1879" s="52" t="s">
        <v>103</v>
      </c>
      <c r="G1879" s="52" t="s">
        <v>82</v>
      </c>
      <c r="H1879" s="4">
        <v>1</v>
      </c>
      <c r="I1879" s="2">
        <v>0</v>
      </c>
    </row>
    <row r="1880" spans="1:9" hidden="1" x14ac:dyDescent="0.35">
      <c r="A1880" s="52" t="s">
        <v>78</v>
      </c>
      <c r="B1880" s="52" t="s">
        <v>79</v>
      </c>
      <c r="C1880" s="3">
        <v>230</v>
      </c>
      <c r="D1880" s="52" t="s">
        <v>2022</v>
      </c>
      <c r="E1880" s="52" t="s">
        <v>92</v>
      </c>
      <c r="F1880" s="52" t="s">
        <v>93</v>
      </c>
      <c r="G1880" s="52" t="s">
        <v>82</v>
      </c>
      <c r="H1880" s="4">
        <v>37</v>
      </c>
      <c r="I1880" s="2">
        <v>17122.669999999998</v>
      </c>
    </row>
    <row r="1881" spans="1:9" x14ac:dyDescent="0.35">
      <c r="A1881" s="52" t="s">
        <v>78</v>
      </c>
      <c r="B1881" s="52" t="s">
        <v>79</v>
      </c>
      <c r="C1881" s="3">
        <v>230</v>
      </c>
      <c r="D1881" s="52" t="s">
        <v>2022</v>
      </c>
      <c r="E1881" s="52" t="s">
        <v>26</v>
      </c>
      <c r="F1881" s="52" t="s">
        <v>81</v>
      </c>
      <c r="G1881" s="52" t="s">
        <v>82</v>
      </c>
      <c r="H1881" s="4">
        <v>1</v>
      </c>
      <c r="I1881" s="2">
        <v>14.65</v>
      </c>
    </row>
    <row r="1882" spans="1:9" x14ac:dyDescent="0.35">
      <c r="A1882" s="52" t="s">
        <v>78</v>
      </c>
      <c r="B1882" s="52" t="s">
        <v>79</v>
      </c>
      <c r="C1882" s="3">
        <v>230</v>
      </c>
      <c r="D1882" s="52" t="s">
        <v>2022</v>
      </c>
      <c r="E1882" s="52" t="s">
        <v>120</v>
      </c>
      <c r="F1882" s="52" t="s">
        <v>116</v>
      </c>
      <c r="G1882" s="52" t="s">
        <v>115</v>
      </c>
      <c r="H1882" s="4">
        <v>1</v>
      </c>
      <c r="I1882" s="2">
        <v>0</v>
      </c>
    </row>
    <row r="1883" spans="1:9" hidden="1" x14ac:dyDescent="0.35">
      <c r="A1883" s="52" t="s">
        <v>78</v>
      </c>
      <c r="B1883" s="52" t="s">
        <v>79</v>
      </c>
      <c r="C1883" s="3">
        <v>230</v>
      </c>
      <c r="D1883" s="52" t="s">
        <v>2022</v>
      </c>
      <c r="E1883" s="52" t="s">
        <v>113</v>
      </c>
      <c r="F1883" s="52" t="s">
        <v>114</v>
      </c>
      <c r="G1883" s="52" t="s">
        <v>115</v>
      </c>
      <c r="H1883" s="4">
        <v>12</v>
      </c>
      <c r="I1883" s="2">
        <v>0</v>
      </c>
    </row>
    <row r="1884" spans="1:9" hidden="1" x14ac:dyDescent="0.35">
      <c r="A1884" s="52" t="s">
        <v>78</v>
      </c>
      <c r="B1884" s="52" t="s">
        <v>79</v>
      </c>
      <c r="C1884" s="3">
        <v>230</v>
      </c>
      <c r="D1884" s="52" t="s">
        <v>2022</v>
      </c>
      <c r="E1884" s="52" t="s">
        <v>102</v>
      </c>
      <c r="F1884" s="52" t="s">
        <v>103</v>
      </c>
      <c r="G1884" s="52" t="s">
        <v>82</v>
      </c>
      <c r="H1884" s="4">
        <v>5</v>
      </c>
      <c r="I1884" s="2">
        <v>0</v>
      </c>
    </row>
    <row r="1885" spans="1:9" x14ac:dyDescent="0.35">
      <c r="A1885" s="52" t="s">
        <v>78</v>
      </c>
      <c r="B1885" s="52" t="s">
        <v>79</v>
      </c>
      <c r="C1885" s="3">
        <v>230</v>
      </c>
      <c r="D1885" s="52" t="s">
        <v>2022</v>
      </c>
      <c r="E1885" s="52" t="s">
        <v>102</v>
      </c>
      <c r="F1885" s="52" t="s">
        <v>93</v>
      </c>
      <c r="G1885" s="52" t="s">
        <v>108</v>
      </c>
      <c r="H1885" s="4">
        <v>1</v>
      </c>
      <c r="I1885" s="2">
        <v>0</v>
      </c>
    </row>
    <row r="1886" spans="1:9" x14ac:dyDescent="0.35">
      <c r="A1886" s="52" t="s">
        <v>78</v>
      </c>
      <c r="B1886" s="52" t="s">
        <v>79</v>
      </c>
      <c r="C1886" s="3">
        <v>230</v>
      </c>
      <c r="D1886" s="52" t="s">
        <v>2022</v>
      </c>
      <c r="E1886" s="52" t="s">
        <v>102</v>
      </c>
      <c r="F1886" s="52" t="s">
        <v>107</v>
      </c>
      <c r="G1886" s="52" t="s">
        <v>108</v>
      </c>
      <c r="H1886" s="4">
        <v>1</v>
      </c>
      <c r="I1886" s="2">
        <v>0</v>
      </c>
    </row>
    <row r="1887" spans="1:9" x14ac:dyDescent="0.35">
      <c r="A1887" s="52" t="s">
        <v>78</v>
      </c>
      <c r="B1887" s="52" t="s">
        <v>79</v>
      </c>
      <c r="C1887" s="3">
        <v>230</v>
      </c>
      <c r="D1887" s="52" t="s">
        <v>2022</v>
      </c>
      <c r="E1887" s="52" t="s">
        <v>118</v>
      </c>
      <c r="F1887" s="52" t="s">
        <v>119</v>
      </c>
      <c r="G1887" s="52" t="s">
        <v>115</v>
      </c>
      <c r="H1887" s="4">
        <v>1</v>
      </c>
      <c r="I1887" s="2">
        <v>0</v>
      </c>
    </row>
    <row r="1888" spans="1:9" hidden="1" x14ac:dyDescent="0.35">
      <c r="A1888" s="52" t="s">
        <v>78</v>
      </c>
      <c r="B1888" s="52" t="s">
        <v>79</v>
      </c>
      <c r="C1888" s="3">
        <v>230</v>
      </c>
      <c r="D1888" s="52" t="s">
        <v>2022</v>
      </c>
      <c r="E1888" s="52" t="s">
        <v>117</v>
      </c>
      <c r="F1888" s="52" t="s">
        <v>116</v>
      </c>
      <c r="G1888" s="52" t="s">
        <v>82</v>
      </c>
      <c r="H1888" s="4">
        <v>2</v>
      </c>
      <c r="I1888" s="2">
        <v>0</v>
      </c>
    </row>
    <row r="1889" spans="1:9" x14ac:dyDescent="0.35">
      <c r="A1889" s="52" t="s">
        <v>78</v>
      </c>
      <c r="B1889" s="52" t="s">
        <v>79</v>
      </c>
      <c r="C1889" s="3">
        <v>230</v>
      </c>
      <c r="D1889" s="52" t="s">
        <v>2022</v>
      </c>
      <c r="E1889" s="52" t="s">
        <v>102</v>
      </c>
      <c r="F1889" s="52" t="s">
        <v>101</v>
      </c>
      <c r="G1889" s="52" t="s">
        <v>108</v>
      </c>
      <c r="H1889" s="4">
        <v>1</v>
      </c>
      <c r="I1889" s="2">
        <v>0</v>
      </c>
    </row>
    <row r="1890" spans="1:9" x14ac:dyDescent="0.35">
      <c r="A1890" s="52" t="s">
        <v>78</v>
      </c>
      <c r="B1890" s="52" t="s">
        <v>79</v>
      </c>
      <c r="C1890" s="3">
        <v>230</v>
      </c>
      <c r="D1890" s="52" t="s">
        <v>2022</v>
      </c>
      <c r="E1890" s="52" t="s">
        <v>102</v>
      </c>
      <c r="F1890" s="52" t="s">
        <v>116</v>
      </c>
      <c r="G1890" s="52" t="s">
        <v>115</v>
      </c>
      <c r="H1890" s="4">
        <v>1</v>
      </c>
      <c r="I1890" s="2">
        <v>0</v>
      </c>
    </row>
    <row r="1891" spans="1:9" x14ac:dyDescent="0.35">
      <c r="A1891" s="52" t="s">
        <v>78</v>
      </c>
      <c r="B1891" s="52" t="s">
        <v>79</v>
      </c>
      <c r="C1891" s="3">
        <v>400</v>
      </c>
      <c r="D1891" s="52" t="s">
        <v>2022</v>
      </c>
      <c r="E1891" s="52" t="s">
        <v>92</v>
      </c>
      <c r="F1891" s="52" t="s">
        <v>93</v>
      </c>
      <c r="G1891" s="52" t="s">
        <v>82</v>
      </c>
      <c r="H1891" s="4">
        <v>1</v>
      </c>
      <c r="I1891" s="2">
        <v>1.52</v>
      </c>
    </row>
    <row r="1892" spans="1:9" hidden="1" x14ac:dyDescent="0.35">
      <c r="A1892" s="52" t="s">
        <v>78</v>
      </c>
      <c r="B1892" s="52" t="s">
        <v>79</v>
      </c>
      <c r="C1892" s="3">
        <v>0</v>
      </c>
      <c r="D1892" s="52" t="s">
        <v>2023</v>
      </c>
      <c r="E1892" s="52" t="s">
        <v>92</v>
      </c>
      <c r="F1892" s="52" t="s">
        <v>93</v>
      </c>
      <c r="G1892" s="52" t="s">
        <v>82</v>
      </c>
      <c r="H1892" s="4">
        <v>234</v>
      </c>
      <c r="I1892" s="2">
        <v>17917.939999999999</v>
      </c>
    </row>
    <row r="1893" spans="1:9" hidden="1" x14ac:dyDescent="0.35">
      <c r="A1893" s="52" t="s">
        <v>78</v>
      </c>
      <c r="B1893" s="52" t="s">
        <v>79</v>
      </c>
      <c r="C1893" s="3">
        <v>0</v>
      </c>
      <c r="D1893" s="52" t="s">
        <v>2023</v>
      </c>
      <c r="E1893" s="52" t="s">
        <v>102</v>
      </c>
      <c r="F1893" s="52" t="s">
        <v>103</v>
      </c>
      <c r="G1893" s="52" t="s">
        <v>82</v>
      </c>
      <c r="H1893" s="4">
        <v>3</v>
      </c>
      <c r="I1893" s="2">
        <v>0</v>
      </c>
    </row>
    <row r="1894" spans="1:9" hidden="1" x14ac:dyDescent="0.35">
      <c r="A1894" s="52" t="s">
        <v>78</v>
      </c>
      <c r="B1894" s="52" t="s">
        <v>79</v>
      </c>
      <c r="C1894" s="3">
        <v>0</v>
      </c>
      <c r="D1894" s="52" t="s">
        <v>2023</v>
      </c>
      <c r="E1894" s="52" t="s">
        <v>104</v>
      </c>
      <c r="F1894" s="52" t="s">
        <v>101</v>
      </c>
      <c r="G1894" s="52" t="s">
        <v>82</v>
      </c>
      <c r="H1894" s="4">
        <v>2902</v>
      </c>
      <c r="I1894" s="2">
        <v>0</v>
      </c>
    </row>
    <row r="1895" spans="1:9" hidden="1" x14ac:dyDescent="0.35">
      <c r="A1895" s="52" t="s">
        <v>78</v>
      </c>
      <c r="B1895" s="52" t="s">
        <v>79</v>
      </c>
      <c r="C1895" s="3">
        <v>0</v>
      </c>
      <c r="D1895" s="52" t="s">
        <v>2023</v>
      </c>
      <c r="E1895" s="52" t="s">
        <v>104</v>
      </c>
      <c r="F1895" s="52" t="s">
        <v>112</v>
      </c>
      <c r="G1895" s="52" t="s">
        <v>82</v>
      </c>
      <c r="H1895" s="4">
        <v>18</v>
      </c>
      <c r="I1895" s="2">
        <v>0</v>
      </c>
    </row>
    <row r="1896" spans="1:9" hidden="1" x14ac:dyDescent="0.35">
      <c r="A1896" s="52" t="s">
        <v>78</v>
      </c>
      <c r="B1896" s="52" t="s">
        <v>79</v>
      </c>
      <c r="C1896" s="3">
        <v>0</v>
      </c>
      <c r="D1896" s="52" t="s">
        <v>2023</v>
      </c>
      <c r="E1896" s="52" t="s">
        <v>104</v>
      </c>
      <c r="F1896" s="52" t="s">
        <v>105</v>
      </c>
      <c r="G1896" s="52" t="s">
        <v>82</v>
      </c>
      <c r="H1896" s="4">
        <v>958</v>
      </c>
      <c r="I1896" s="2">
        <v>0</v>
      </c>
    </row>
    <row r="1897" spans="1:9" hidden="1" x14ac:dyDescent="0.35">
      <c r="A1897" s="52" t="s">
        <v>78</v>
      </c>
      <c r="B1897" s="52" t="s">
        <v>79</v>
      </c>
      <c r="C1897" s="3">
        <v>10</v>
      </c>
      <c r="D1897" s="52" t="s">
        <v>2023</v>
      </c>
      <c r="E1897" s="52" t="s">
        <v>90</v>
      </c>
      <c r="F1897" s="52" t="s">
        <v>91</v>
      </c>
      <c r="G1897" s="52" t="s">
        <v>82</v>
      </c>
      <c r="H1897" s="4">
        <v>4345</v>
      </c>
      <c r="I1897" s="2">
        <v>52472.9</v>
      </c>
    </row>
    <row r="1898" spans="1:9" hidden="1" x14ac:dyDescent="0.35">
      <c r="A1898" s="52" t="s">
        <v>78</v>
      </c>
      <c r="B1898" s="52" t="s">
        <v>79</v>
      </c>
      <c r="C1898" s="3">
        <v>10</v>
      </c>
      <c r="D1898" s="52" t="s">
        <v>2023</v>
      </c>
      <c r="E1898" s="52" t="s">
        <v>26</v>
      </c>
      <c r="F1898" s="52" t="s">
        <v>81</v>
      </c>
      <c r="G1898" s="52" t="s">
        <v>82</v>
      </c>
      <c r="H1898" s="4">
        <v>113</v>
      </c>
      <c r="I1898" s="2">
        <v>1655.45</v>
      </c>
    </row>
    <row r="1899" spans="1:9" hidden="1" x14ac:dyDescent="0.35">
      <c r="A1899" s="52" t="s">
        <v>78</v>
      </c>
      <c r="B1899" s="52" t="s">
        <v>79</v>
      </c>
      <c r="C1899" s="3">
        <v>10</v>
      </c>
      <c r="D1899" s="52" t="s">
        <v>2023</v>
      </c>
      <c r="E1899" s="52" t="s">
        <v>29</v>
      </c>
      <c r="F1899" s="52" t="s">
        <v>94</v>
      </c>
      <c r="G1899" s="52" t="s">
        <v>82</v>
      </c>
      <c r="H1899" s="4">
        <v>6</v>
      </c>
      <c r="I1899" s="2">
        <v>1298.49</v>
      </c>
    </row>
    <row r="1900" spans="1:9" hidden="1" x14ac:dyDescent="0.35">
      <c r="A1900" s="52" t="s">
        <v>78</v>
      </c>
      <c r="B1900" s="52" t="s">
        <v>79</v>
      </c>
      <c r="C1900" s="3">
        <v>10</v>
      </c>
      <c r="D1900" s="52" t="s">
        <v>2023</v>
      </c>
      <c r="E1900" s="52" t="s">
        <v>36</v>
      </c>
      <c r="F1900" s="52" t="s">
        <v>95</v>
      </c>
      <c r="G1900" s="52" t="s">
        <v>82</v>
      </c>
      <c r="H1900" s="4">
        <v>257</v>
      </c>
      <c r="I1900" s="2">
        <v>1207.9000000000001</v>
      </c>
    </row>
    <row r="1901" spans="1:9" hidden="1" x14ac:dyDescent="0.35">
      <c r="A1901" s="52" t="s">
        <v>78</v>
      </c>
      <c r="B1901" s="52" t="s">
        <v>79</v>
      </c>
      <c r="C1901" s="3">
        <v>10</v>
      </c>
      <c r="D1901" s="52" t="s">
        <v>2023</v>
      </c>
      <c r="E1901" s="52" t="s">
        <v>914</v>
      </c>
      <c r="F1901" s="52" t="s">
        <v>91</v>
      </c>
      <c r="G1901" s="52" t="s">
        <v>82</v>
      </c>
      <c r="H1901" s="4">
        <v>1300</v>
      </c>
      <c r="I1901" s="2">
        <v>908.91</v>
      </c>
    </row>
    <row r="1902" spans="1:9" hidden="1" x14ac:dyDescent="0.35">
      <c r="A1902" s="52" t="s">
        <v>78</v>
      </c>
      <c r="B1902" s="52" t="s">
        <v>79</v>
      </c>
      <c r="C1902" s="3">
        <v>10</v>
      </c>
      <c r="D1902" s="52" t="s">
        <v>2023</v>
      </c>
      <c r="E1902" s="52" t="s">
        <v>38</v>
      </c>
      <c r="F1902" s="52" t="s">
        <v>97</v>
      </c>
      <c r="G1902" s="52" t="s">
        <v>82</v>
      </c>
      <c r="H1902" s="4">
        <v>78</v>
      </c>
      <c r="I1902" s="2">
        <v>814.6</v>
      </c>
    </row>
    <row r="1903" spans="1:9" hidden="1" x14ac:dyDescent="0.35">
      <c r="A1903" s="52" t="s">
        <v>78</v>
      </c>
      <c r="B1903" s="52" t="s">
        <v>79</v>
      </c>
      <c r="C1903" s="3">
        <v>10</v>
      </c>
      <c r="D1903" s="52" t="s">
        <v>2023</v>
      </c>
      <c r="E1903" s="52" t="s">
        <v>40</v>
      </c>
      <c r="F1903" s="52" t="s">
        <v>96</v>
      </c>
      <c r="G1903" s="52" t="s">
        <v>82</v>
      </c>
      <c r="H1903" s="4">
        <v>2</v>
      </c>
      <c r="I1903" s="2">
        <v>50</v>
      </c>
    </row>
    <row r="1904" spans="1:9" hidden="1" x14ac:dyDescent="0.35">
      <c r="A1904" s="52" t="s">
        <v>78</v>
      </c>
      <c r="B1904" s="52" t="s">
        <v>79</v>
      </c>
      <c r="C1904" s="3">
        <v>10</v>
      </c>
      <c r="D1904" s="52" t="s">
        <v>2023</v>
      </c>
      <c r="E1904" s="52" t="s">
        <v>92</v>
      </c>
      <c r="F1904" s="52" t="s">
        <v>93</v>
      </c>
      <c r="G1904" s="52" t="s">
        <v>82</v>
      </c>
      <c r="H1904" s="4">
        <v>6</v>
      </c>
      <c r="I1904" s="2">
        <v>22.18</v>
      </c>
    </row>
    <row r="1905" spans="1:9" x14ac:dyDescent="0.35">
      <c r="A1905" s="52" t="s">
        <v>78</v>
      </c>
      <c r="B1905" s="52" t="s">
        <v>79</v>
      </c>
      <c r="C1905" s="3">
        <v>10</v>
      </c>
      <c r="D1905" s="52" t="s">
        <v>2023</v>
      </c>
      <c r="E1905" s="52" t="s">
        <v>111</v>
      </c>
      <c r="F1905" s="52" t="s">
        <v>96</v>
      </c>
      <c r="G1905" s="52" t="s">
        <v>82</v>
      </c>
      <c r="H1905" s="4">
        <v>1</v>
      </c>
      <c r="I1905" s="2">
        <v>0</v>
      </c>
    </row>
    <row r="1906" spans="1:9" hidden="1" x14ac:dyDescent="0.35">
      <c r="A1906" s="52" t="s">
        <v>78</v>
      </c>
      <c r="B1906" s="52" t="s">
        <v>79</v>
      </c>
      <c r="C1906" s="3">
        <v>10</v>
      </c>
      <c r="D1906" s="52" t="s">
        <v>2023</v>
      </c>
      <c r="E1906" s="52" t="s">
        <v>111</v>
      </c>
      <c r="F1906" s="52" t="s">
        <v>107</v>
      </c>
      <c r="G1906" s="52" t="s">
        <v>108</v>
      </c>
      <c r="H1906" s="4">
        <v>41</v>
      </c>
      <c r="I1906" s="2">
        <v>0</v>
      </c>
    </row>
    <row r="1907" spans="1:9" hidden="1" x14ac:dyDescent="0.35">
      <c r="A1907" s="52" t="s">
        <v>78</v>
      </c>
      <c r="B1907" s="52" t="s">
        <v>79</v>
      </c>
      <c r="C1907" s="3">
        <v>10</v>
      </c>
      <c r="D1907" s="52" t="s">
        <v>2023</v>
      </c>
      <c r="E1907" s="52" t="s">
        <v>111</v>
      </c>
      <c r="F1907" s="52" t="s">
        <v>95</v>
      </c>
      <c r="G1907" s="52" t="s">
        <v>82</v>
      </c>
      <c r="H1907" s="4">
        <v>32</v>
      </c>
      <c r="I1907" s="2">
        <v>0</v>
      </c>
    </row>
    <row r="1908" spans="1:9" hidden="1" x14ac:dyDescent="0.35">
      <c r="A1908" s="52" t="s">
        <v>78</v>
      </c>
      <c r="B1908" s="52" t="s">
        <v>79</v>
      </c>
      <c r="C1908" s="3">
        <v>10</v>
      </c>
      <c r="D1908" s="52" t="s">
        <v>2023</v>
      </c>
      <c r="E1908" s="52" t="s">
        <v>106</v>
      </c>
      <c r="F1908" s="52" t="s">
        <v>107</v>
      </c>
      <c r="G1908" s="52" t="s">
        <v>108</v>
      </c>
      <c r="H1908" s="4">
        <v>5</v>
      </c>
      <c r="I1908" s="2">
        <v>0</v>
      </c>
    </row>
    <row r="1909" spans="1:9" hidden="1" x14ac:dyDescent="0.35">
      <c r="A1909" s="52" t="s">
        <v>78</v>
      </c>
      <c r="B1909" s="52" t="s">
        <v>79</v>
      </c>
      <c r="C1909" s="3">
        <v>10</v>
      </c>
      <c r="D1909" s="52" t="s">
        <v>2023</v>
      </c>
      <c r="E1909" s="52" t="s">
        <v>111</v>
      </c>
      <c r="F1909" s="52" t="s">
        <v>94</v>
      </c>
      <c r="G1909" s="52" t="s">
        <v>82</v>
      </c>
      <c r="H1909" s="4">
        <v>2</v>
      </c>
      <c r="I1909" s="2">
        <v>0</v>
      </c>
    </row>
    <row r="1910" spans="1:9" hidden="1" x14ac:dyDescent="0.35">
      <c r="A1910" s="52" t="s">
        <v>78</v>
      </c>
      <c r="B1910" s="52" t="s">
        <v>79</v>
      </c>
      <c r="C1910" s="3">
        <v>10</v>
      </c>
      <c r="D1910" s="52" t="s">
        <v>2023</v>
      </c>
      <c r="E1910" s="52" t="s">
        <v>111</v>
      </c>
      <c r="F1910" s="52" t="s">
        <v>93</v>
      </c>
      <c r="G1910" s="52" t="s">
        <v>82</v>
      </c>
      <c r="H1910" s="4">
        <v>7</v>
      </c>
      <c r="I1910" s="2">
        <v>0</v>
      </c>
    </row>
    <row r="1911" spans="1:9" hidden="1" x14ac:dyDescent="0.35">
      <c r="A1911" s="52" t="s">
        <v>78</v>
      </c>
      <c r="B1911" s="52" t="s">
        <v>79</v>
      </c>
      <c r="C1911" s="3">
        <v>10</v>
      </c>
      <c r="D1911" s="52" t="s">
        <v>2023</v>
      </c>
      <c r="E1911" s="52" t="s">
        <v>111</v>
      </c>
      <c r="F1911" s="52" t="s">
        <v>101</v>
      </c>
      <c r="G1911" s="52" t="s">
        <v>82</v>
      </c>
      <c r="H1911" s="4">
        <v>334</v>
      </c>
      <c r="I1911" s="2">
        <v>0</v>
      </c>
    </row>
    <row r="1912" spans="1:9" hidden="1" x14ac:dyDescent="0.35">
      <c r="A1912" s="52" t="s">
        <v>78</v>
      </c>
      <c r="B1912" s="52" t="s">
        <v>79</v>
      </c>
      <c r="C1912" s="3">
        <v>10</v>
      </c>
      <c r="D1912" s="52" t="s">
        <v>2023</v>
      </c>
      <c r="E1912" s="52" t="s">
        <v>102</v>
      </c>
      <c r="F1912" s="52" t="s">
        <v>101</v>
      </c>
      <c r="G1912" s="52" t="s">
        <v>108</v>
      </c>
      <c r="H1912" s="4">
        <v>10</v>
      </c>
      <c r="I1912" s="2">
        <v>0</v>
      </c>
    </row>
    <row r="1913" spans="1:9" hidden="1" x14ac:dyDescent="0.35">
      <c r="A1913" s="52" t="s">
        <v>78</v>
      </c>
      <c r="B1913" s="52" t="s">
        <v>79</v>
      </c>
      <c r="C1913" s="3">
        <v>10</v>
      </c>
      <c r="D1913" s="52" t="s">
        <v>2023</v>
      </c>
      <c r="E1913" s="52" t="s">
        <v>135</v>
      </c>
      <c r="F1913" s="52" t="s">
        <v>112</v>
      </c>
      <c r="G1913" s="52" t="s">
        <v>82</v>
      </c>
      <c r="H1913" s="4">
        <v>7629</v>
      </c>
      <c r="I1913" s="2">
        <v>0</v>
      </c>
    </row>
    <row r="1914" spans="1:9" hidden="1" x14ac:dyDescent="0.35">
      <c r="A1914" s="52" t="s">
        <v>78</v>
      </c>
      <c r="B1914" s="52" t="s">
        <v>79</v>
      </c>
      <c r="C1914" s="3">
        <v>10</v>
      </c>
      <c r="D1914" s="52" t="s">
        <v>2023</v>
      </c>
      <c r="E1914" s="52" t="s">
        <v>126</v>
      </c>
      <c r="F1914" s="52" t="s">
        <v>103</v>
      </c>
      <c r="G1914" s="52" t="s">
        <v>82</v>
      </c>
      <c r="H1914" s="4">
        <v>4</v>
      </c>
      <c r="I1914" s="2">
        <v>0</v>
      </c>
    </row>
    <row r="1915" spans="1:9" hidden="1" x14ac:dyDescent="0.35">
      <c r="A1915" s="52" t="s">
        <v>78</v>
      </c>
      <c r="B1915" s="52" t="s">
        <v>79</v>
      </c>
      <c r="C1915" s="3">
        <v>10</v>
      </c>
      <c r="D1915" s="52" t="s">
        <v>2023</v>
      </c>
      <c r="E1915" s="52" t="s">
        <v>109</v>
      </c>
      <c r="F1915" s="52" t="s">
        <v>110</v>
      </c>
      <c r="G1915" s="52" t="s">
        <v>108</v>
      </c>
      <c r="H1915" s="4">
        <v>80</v>
      </c>
      <c r="I1915" s="2">
        <v>0</v>
      </c>
    </row>
    <row r="1916" spans="1:9" hidden="1" x14ac:dyDescent="0.35">
      <c r="A1916" s="52" t="s">
        <v>78</v>
      </c>
      <c r="B1916" s="52" t="s">
        <v>79</v>
      </c>
      <c r="C1916" s="3">
        <v>10</v>
      </c>
      <c r="D1916" s="52" t="s">
        <v>2023</v>
      </c>
      <c r="E1916" s="52" t="s">
        <v>102</v>
      </c>
      <c r="F1916" s="52" t="s">
        <v>103</v>
      </c>
      <c r="G1916" s="52" t="s">
        <v>82</v>
      </c>
      <c r="H1916" s="4">
        <v>209</v>
      </c>
      <c r="I1916" s="2">
        <v>0</v>
      </c>
    </row>
    <row r="1917" spans="1:9" hidden="1" x14ac:dyDescent="0.35">
      <c r="A1917" s="52" t="s">
        <v>78</v>
      </c>
      <c r="B1917" s="52" t="s">
        <v>79</v>
      </c>
      <c r="C1917" s="3">
        <v>10</v>
      </c>
      <c r="D1917" s="52" t="s">
        <v>2023</v>
      </c>
      <c r="E1917" s="52" t="s">
        <v>122</v>
      </c>
      <c r="F1917" s="52" t="s">
        <v>123</v>
      </c>
      <c r="G1917" s="52" t="s">
        <v>108</v>
      </c>
      <c r="H1917" s="4">
        <v>516</v>
      </c>
      <c r="I1917" s="2">
        <v>0</v>
      </c>
    </row>
    <row r="1918" spans="1:9" hidden="1" x14ac:dyDescent="0.35">
      <c r="A1918" s="52" t="s">
        <v>78</v>
      </c>
      <c r="B1918" s="52" t="s">
        <v>79</v>
      </c>
      <c r="C1918" s="3">
        <v>10</v>
      </c>
      <c r="D1918" s="52" t="s">
        <v>2023</v>
      </c>
      <c r="E1918" s="52" t="s">
        <v>111</v>
      </c>
      <c r="F1918" s="52" t="s">
        <v>105</v>
      </c>
      <c r="G1918" s="52" t="s">
        <v>82</v>
      </c>
      <c r="H1918" s="4">
        <v>78</v>
      </c>
      <c r="I1918" s="2">
        <v>0</v>
      </c>
    </row>
    <row r="1919" spans="1:9" hidden="1" x14ac:dyDescent="0.35">
      <c r="A1919" s="52" t="s">
        <v>78</v>
      </c>
      <c r="B1919" s="52" t="s">
        <v>79</v>
      </c>
      <c r="C1919" s="3">
        <v>10</v>
      </c>
      <c r="D1919" s="52" t="s">
        <v>2023</v>
      </c>
      <c r="E1919" s="52" t="s">
        <v>126</v>
      </c>
      <c r="F1919" s="52" t="s">
        <v>101</v>
      </c>
      <c r="G1919" s="52" t="s">
        <v>82</v>
      </c>
      <c r="H1919" s="4">
        <v>79</v>
      </c>
      <c r="I1919" s="2">
        <v>0</v>
      </c>
    </row>
    <row r="1920" spans="1:9" hidden="1" x14ac:dyDescent="0.35">
      <c r="A1920" s="52" t="s">
        <v>78</v>
      </c>
      <c r="B1920" s="52" t="s">
        <v>79</v>
      </c>
      <c r="C1920" s="3">
        <v>10</v>
      </c>
      <c r="D1920" s="52" t="s">
        <v>2023</v>
      </c>
      <c r="E1920" s="52" t="s">
        <v>118</v>
      </c>
      <c r="F1920" s="52" t="s">
        <v>119</v>
      </c>
      <c r="G1920" s="52" t="s">
        <v>115</v>
      </c>
      <c r="H1920" s="4">
        <v>591</v>
      </c>
      <c r="I1920" s="2">
        <v>0</v>
      </c>
    </row>
    <row r="1921" spans="1:9" hidden="1" x14ac:dyDescent="0.35">
      <c r="A1921" s="52" t="s">
        <v>78</v>
      </c>
      <c r="B1921" s="52" t="s">
        <v>79</v>
      </c>
      <c r="C1921" s="3">
        <v>10</v>
      </c>
      <c r="D1921" s="52" t="s">
        <v>2023</v>
      </c>
      <c r="E1921" s="52" t="s">
        <v>117</v>
      </c>
      <c r="F1921" s="52" t="s">
        <v>116</v>
      </c>
      <c r="G1921" s="52" t="s">
        <v>82</v>
      </c>
      <c r="H1921" s="4">
        <v>1330</v>
      </c>
      <c r="I1921" s="2">
        <v>0</v>
      </c>
    </row>
    <row r="1922" spans="1:9" hidden="1" x14ac:dyDescent="0.35">
      <c r="A1922" s="52" t="s">
        <v>78</v>
      </c>
      <c r="B1922" s="52" t="s">
        <v>79</v>
      </c>
      <c r="C1922" s="3">
        <v>10</v>
      </c>
      <c r="D1922" s="52" t="s">
        <v>2023</v>
      </c>
      <c r="E1922" s="52" t="s">
        <v>102</v>
      </c>
      <c r="F1922" s="52" t="s">
        <v>124</v>
      </c>
      <c r="G1922" s="52" t="s">
        <v>108</v>
      </c>
      <c r="H1922" s="4">
        <v>170</v>
      </c>
      <c r="I1922" s="2">
        <v>0</v>
      </c>
    </row>
    <row r="1923" spans="1:9" hidden="1" x14ac:dyDescent="0.35">
      <c r="A1923" s="52" t="s">
        <v>78</v>
      </c>
      <c r="B1923" s="52" t="s">
        <v>79</v>
      </c>
      <c r="C1923" s="3">
        <v>10</v>
      </c>
      <c r="D1923" s="52" t="s">
        <v>2023</v>
      </c>
      <c r="E1923" s="52" t="s">
        <v>134</v>
      </c>
      <c r="F1923" s="52" t="s">
        <v>123</v>
      </c>
      <c r="G1923" s="52" t="s">
        <v>82</v>
      </c>
      <c r="H1923" s="4">
        <v>1728</v>
      </c>
      <c r="I1923" s="2">
        <v>0</v>
      </c>
    </row>
    <row r="1924" spans="1:9" hidden="1" x14ac:dyDescent="0.35">
      <c r="A1924" s="52" t="s">
        <v>78</v>
      </c>
      <c r="B1924" s="52" t="s">
        <v>79</v>
      </c>
      <c r="C1924" s="3">
        <v>10</v>
      </c>
      <c r="D1924" s="52" t="s">
        <v>2023</v>
      </c>
      <c r="E1924" s="52" t="s">
        <v>106</v>
      </c>
      <c r="F1924" s="52" t="s">
        <v>101</v>
      </c>
      <c r="G1924" s="52" t="s">
        <v>108</v>
      </c>
      <c r="H1924" s="4">
        <v>4</v>
      </c>
      <c r="I1924" s="2">
        <v>0</v>
      </c>
    </row>
    <row r="1925" spans="1:9" hidden="1" x14ac:dyDescent="0.35">
      <c r="A1925" s="52" t="s">
        <v>78</v>
      </c>
      <c r="B1925" s="52" t="s">
        <v>79</v>
      </c>
      <c r="C1925" s="3">
        <v>10</v>
      </c>
      <c r="D1925" s="52" t="s">
        <v>2023</v>
      </c>
      <c r="E1925" s="52" t="s">
        <v>139</v>
      </c>
      <c r="F1925" s="52" t="s">
        <v>140</v>
      </c>
      <c r="G1925" s="52" t="s">
        <v>82</v>
      </c>
      <c r="H1925" s="4">
        <v>132</v>
      </c>
      <c r="I1925" s="2">
        <v>0</v>
      </c>
    </row>
    <row r="1926" spans="1:9" hidden="1" x14ac:dyDescent="0.35">
      <c r="A1926" s="52" t="s">
        <v>78</v>
      </c>
      <c r="B1926" s="52" t="s">
        <v>79</v>
      </c>
      <c r="C1926" s="3">
        <v>10</v>
      </c>
      <c r="D1926" s="52" t="s">
        <v>2023</v>
      </c>
      <c r="E1926" s="52" t="s">
        <v>102</v>
      </c>
      <c r="F1926" s="52" t="s">
        <v>130</v>
      </c>
      <c r="G1926" s="52" t="s">
        <v>108</v>
      </c>
      <c r="H1926" s="4">
        <v>204</v>
      </c>
      <c r="I1926" s="2">
        <v>0</v>
      </c>
    </row>
    <row r="1927" spans="1:9" hidden="1" x14ac:dyDescent="0.35">
      <c r="A1927" s="52" t="s">
        <v>78</v>
      </c>
      <c r="B1927" s="52" t="s">
        <v>79</v>
      </c>
      <c r="C1927" s="3">
        <v>10</v>
      </c>
      <c r="D1927" s="52" t="s">
        <v>2023</v>
      </c>
      <c r="E1927" s="52" t="s">
        <v>111</v>
      </c>
      <c r="F1927" s="52" t="s">
        <v>103</v>
      </c>
      <c r="G1927" s="52" t="s">
        <v>82</v>
      </c>
      <c r="H1927" s="4">
        <v>17</v>
      </c>
      <c r="I1927" s="2">
        <v>0</v>
      </c>
    </row>
    <row r="1928" spans="1:9" x14ac:dyDescent="0.35">
      <c r="A1928" s="52" t="s">
        <v>78</v>
      </c>
      <c r="B1928" s="52" t="s">
        <v>79</v>
      </c>
      <c r="C1928" s="3">
        <v>10</v>
      </c>
      <c r="D1928" s="52" t="s">
        <v>2023</v>
      </c>
      <c r="E1928" s="52" t="s">
        <v>128</v>
      </c>
      <c r="F1928" s="52" t="s">
        <v>129</v>
      </c>
      <c r="G1928" s="52" t="s">
        <v>82</v>
      </c>
      <c r="H1928" s="4">
        <v>1</v>
      </c>
      <c r="I1928" s="2">
        <v>0</v>
      </c>
    </row>
    <row r="1929" spans="1:9" hidden="1" x14ac:dyDescent="0.35">
      <c r="A1929" s="52" t="s">
        <v>78</v>
      </c>
      <c r="B1929" s="52" t="s">
        <v>79</v>
      </c>
      <c r="C1929" s="3">
        <v>10</v>
      </c>
      <c r="D1929" s="52" t="s">
        <v>2023</v>
      </c>
      <c r="E1929" s="52" t="s">
        <v>102</v>
      </c>
      <c r="F1929" s="52" t="s">
        <v>125</v>
      </c>
      <c r="G1929" s="52" t="s">
        <v>108</v>
      </c>
      <c r="H1929" s="4">
        <v>2</v>
      </c>
      <c r="I1929" s="2">
        <v>0</v>
      </c>
    </row>
    <row r="1930" spans="1:9" hidden="1" x14ac:dyDescent="0.35">
      <c r="A1930" s="52" t="s">
        <v>78</v>
      </c>
      <c r="B1930" s="52" t="s">
        <v>79</v>
      </c>
      <c r="C1930" s="3">
        <v>10</v>
      </c>
      <c r="D1930" s="52" t="s">
        <v>2023</v>
      </c>
      <c r="E1930" s="52" t="s">
        <v>120</v>
      </c>
      <c r="F1930" s="52" t="s">
        <v>116</v>
      </c>
      <c r="G1930" s="52" t="s">
        <v>115</v>
      </c>
      <c r="H1930" s="4">
        <v>591</v>
      </c>
      <c r="I1930" s="2">
        <v>0</v>
      </c>
    </row>
    <row r="1931" spans="1:9" hidden="1" x14ac:dyDescent="0.35">
      <c r="A1931" s="52" t="s">
        <v>78</v>
      </c>
      <c r="B1931" s="52" t="s">
        <v>79</v>
      </c>
      <c r="C1931" s="3">
        <v>10</v>
      </c>
      <c r="D1931" s="52" t="s">
        <v>2023</v>
      </c>
      <c r="E1931" s="52" t="s">
        <v>102</v>
      </c>
      <c r="F1931" s="52" t="s">
        <v>107</v>
      </c>
      <c r="G1931" s="52" t="s">
        <v>108</v>
      </c>
      <c r="H1931" s="4">
        <v>61</v>
      </c>
      <c r="I1931" s="2">
        <v>0</v>
      </c>
    </row>
    <row r="1932" spans="1:9" hidden="1" x14ac:dyDescent="0.35">
      <c r="A1932" s="52" t="s">
        <v>78</v>
      </c>
      <c r="B1932" s="52" t="s">
        <v>79</v>
      </c>
      <c r="C1932" s="3">
        <v>10</v>
      </c>
      <c r="D1932" s="52" t="s">
        <v>2023</v>
      </c>
      <c r="E1932" s="52" t="s">
        <v>132</v>
      </c>
      <c r="F1932" s="52" t="s">
        <v>133</v>
      </c>
      <c r="G1932" s="52" t="s">
        <v>108</v>
      </c>
      <c r="H1932" s="4">
        <v>4</v>
      </c>
      <c r="I1932" s="2">
        <v>0</v>
      </c>
    </row>
    <row r="1933" spans="1:9" hidden="1" x14ac:dyDescent="0.35">
      <c r="A1933" s="52" t="s">
        <v>78</v>
      </c>
      <c r="B1933" s="52" t="s">
        <v>79</v>
      </c>
      <c r="C1933" s="3">
        <v>10</v>
      </c>
      <c r="D1933" s="52" t="s">
        <v>2023</v>
      </c>
      <c r="E1933" s="52" t="s">
        <v>113</v>
      </c>
      <c r="F1933" s="52" t="s">
        <v>114</v>
      </c>
      <c r="G1933" s="52" t="s">
        <v>115</v>
      </c>
      <c r="H1933" s="4">
        <v>1110</v>
      </c>
      <c r="I1933" s="2">
        <v>0</v>
      </c>
    </row>
    <row r="1934" spans="1:9" hidden="1" x14ac:dyDescent="0.35">
      <c r="A1934" s="52" t="s">
        <v>78</v>
      </c>
      <c r="B1934" s="52" t="s">
        <v>79</v>
      </c>
      <c r="C1934" s="3">
        <v>10</v>
      </c>
      <c r="D1934" s="52" t="s">
        <v>2023</v>
      </c>
      <c r="E1934" s="52" t="s">
        <v>121</v>
      </c>
      <c r="F1934" s="52" t="s">
        <v>112</v>
      </c>
      <c r="G1934" s="52" t="s">
        <v>108</v>
      </c>
      <c r="H1934" s="4">
        <v>79</v>
      </c>
      <c r="I1934" s="2">
        <v>0</v>
      </c>
    </row>
    <row r="1935" spans="1:9" hidden="1" x14ac:dyDescent="0.35">
      <c r="A1935" s="52" t="s">
        <v>78</v>
      </c>
      <c r="B1935" s="52" t="s">
        <v>79</v>
      </c>
      <c r="C1935" s="3">
        <v>10</v>
      </c>
      <c r="D1935" s="52" t="s">
        <v>2023</v>
      </c>
      <c r="E1935" s="52" t="s">
        <v>102</v>
      </c>
      <c r="F1935" s="52" t="s">
        <v>116</v>
      </c>
      <c r="G1935" s="52" t="s">
        <v>115</v>
      </c>
      <c r="H1935" s="4">
        <v>537</v>
      </c>
      <c r="I1935" s="2">
        <v>0</v>
      </c>
    </row>
    <row r="1936" spans="1:9" hidden="1" x14ac:dyDescent="0.35">
      <c r="A1936" s="52" t="s">
        <v>78</v>
      </c>
      <c r="B1936" s="52" t="s">
        <v>79</v>
      </c>
      <c r="C1936" s="3">
        <v>10</v>
      </c>
      <c r="D1936" s="52" t="s">
        <v>2023</v>
      </c>
      <c r="E1936" s="52" t="s">
        <v>106</v>
      </c>
      <c r="F1936" s="52" t="s">
        <v>103</v>
      </c>
      <c r="G1936" s="52" t="s">
        <v>82</v>
      </c>
      <c r="H1936" s="4">
        <v>3</v>
      </c>
      <c r="I1936" s="2">
        <v>0</v>
      </c>
    </row>
    <row r="1937" spans="1:9" hidden="1" x14ac:dyDescent="0.35">
      <c r="A1937" s="52" t="s">
        <v>78</v>
      </c>
      <c r="B1937" s="52" t="s">
        <v>79</v>
      </c>
      <c r="C1937" s="3">
        <v>10</v>
      </c>
      <c r="D1937" s="52" t="s">
        <v>2023</v>
      </c>
      <c r="E1937" s="52" t="s">
        <v>106</v>
      </c>
      <c r="F1937" s="52" t="s">
        <v>124</v>
      </c>
      <c r="G1937" s="52" t="s">
        <v>108</v>
      </c>
      <c r="H1937" s="4">
        <v>2</v>
      </c>
      <c r="I1937" s="2">
        <v>0</v>
      </c>
    </row>
    <row r="1938" spans="1:9" hidden="1" x14ac:dyDescent="0.35">
      <c r="A1938" s="52" t="s">
        <v>78</v>
      </c>
      <c r="B1938" s="52" t="s">
        <v>79</v>
      </c>
      <c r="C1938" s="3">
        <v>10</v>
      </c>
      <c r="D1938" s="52" t="s">
        <v>2023</v>
      </c>
      <c r="E1938" s="52" t="s">
        <v>111</v>
      </c>
      <c r="F1938" s="52" t="s">
        <v>81</v>
      </c>
      <c r="G1938" s="52" t="s">
        <v>82</v>
      </c>
      <c r="H1938" s="4">
        <v>7</v>
      </c>
      <c r="I1938" s="2">
        <v>0</v>
      </c>
    </row>
    <row r="1939" spans="1:9" hidden="1" x14ac:dyDescent="0.35">
      <c r="A1939" s="52" t="s">
        <v>78</v>
      </c>
      <c r="B1939" s="52" t="s">
        <v>79</v>
      </c>
      <c r="C1939" s="3">
        <v>20</v>
      </c>
      <c r="D1939" s="52" t="s">
        <v>2023</v>
      </c>
      <c r="E1939" s="52" t="s">
        <v>90</v>
      </c>
      <c r="F1939" s="52" t="s">
        <v>91</v>
      </c>
      <c r="G1939" s="52" t="s">
        <v>82</v>
      </c>
      <c r="H1939" s="4">
        <v>7171</v>
      </c>
      <c r="I1939" s="2">
        <v>84930.47</v>
      </c>
    </row>
    <row r="1940" spans="1:9" hidden="1" x14ac:dyDescent="0.35">
      <c r="A1940" s="52" t="s">
        <v>78</v>
      </c>
      <c r="B1940" s="52" t="s">
        <v>79</v>
      </c>
      <c r="C1940" s="3">
        <v>20</v>
      </c>
      <c r="D1940" s="52" t="s">
        <v>2023</v>
      </c>
      <c r="E1940" s="52" t="s">
        <v>29</v>
      </c>
      <c r="F1940" s="52" t="s">
        <v>94</v>
      </c>
      <c r="G1940" s="52" t="s">
        <v>82</v>
      </c>
      <c r="H1940" s="4">
        <v>16</v>
      </c>
      <c r="I1940" s="2">
        <v>3215.28</v>
      </c>
    </row>
    <row r="1941" spans="1:9" hidden="1" x14ac:dyDescent="0.35">
      <c r="A1941" s="52" t="s">
        <v>78</v>
      </c>
      <c r="B1941" s="52" t="s">
        <v>79</v>
      </c>
      <c r="C1941" s="3">
        <v>20</v>
      </c>
      <c r="D1941" s="52" t="s">
        <v>2023</v>
      </c>
      <c r="E1941" s="52" t="s">
        <v>26</v>
      </c>
      <c r="F1941" s="52" t="s">
        <v>81</v>
      </c>
      <c r="G1941" s="52" t="s">
        <v>82</v>
      </c>
      <c r="H1941" s="4">
        <v>190</v>
      </c>
      <c r="I1941" s="2">
        <v>2783.5</v>
      </c>
    </row>
    <row r="1942" spans="1:9" hidden="1" x14ac:dyDescent="0.35">
      <c r="A1942" s="52" t="s">
        <v>78</v>
      </c>
      <c r="B1942" s="52" t="s">
        <v>79</v>
      </c>
      <c r="C1942" s="3">
        <v>20</v>
      </c>
      <c r="D1942" s="52" t="s">
        <v>2023</v>
      </c>
      <c r="E1942" s="52" t="s">
        <v>36</v>
      </c>
      <c r="F1942" s="52" t="s">
        <v>95</v>
      </c>
      <c r="G1942" s="52" t="s">
        <v>82</v>
      </c>
      <c r="H1942" s="4">
        <v>396</v>
      </c>
      <c r="I1942" s="2">
        <v>1861.2</v>
      </c>
    </row>
    <row r="1943" spans="1:9" hidden="1" x14ac:dyDescent="0.35">
      <c r="A1943" s="52" t="s">
        <v>78</v>
      </c>
      <c r="B1943" s="52" t="s">
        <v>79</v>
      </c>
      <c r="C1943" s="3">
        <v>20</v>
      </c>
      <c r="D1943" s="52" t="s">
        <v>2023</v>
      </c>
      <c r="E1943" s="52" t="s">
        <v>914</v>
      </c>
      <c r="F1943" s="52" t="s">
        <v>91</v>
      </c>
      <c r="G1943" s="52" t="s">
        <v>82</v>
      </c>
      <c r="H1943" s="4">
        <v>2131</v>
      </c>
      <c r="I1943" s="2">
        <v>1477.72</v>
      </c>
    </row>
    <row r="1944" spans="1:9" hidden="1" x14ac:dyDescent="0.35">
      <c r="A1944" s="52" t="s">
        <v>78</v>
      </c>
      <c r="B1944" s="52" t="s">
        <v>79</v>
      </c>
      <c r="C1944" s="3">
        <v>20</v>
      </c>
      <c r="D1944" s="52" t="s">
        <v>2023</v>
      </c>
      <c r="E1944" s="52" t="s">
        <v>38</v>
      </c>
      <c r="F1944" s="52" t="s">
        <v>97</v>
      </c>
      <c r="G1944" s="52" t="s">
        <v>82</v>
      </c>
      <c r="H1944" s="4">
        <v>90</v>
      </c>
      <c r="I1944" s="2">
        <v>1066</v>
      </c>
    </row>
    <row r="1945" spans="1:9" hidden="1" x14ac:dyDescent="0.35">
      <c r="A1945" s="52" t="s">
        <v>78</v>
      </c>
      <c r="B1945" s="52" t="s">
        <v>79</v>
      </c>
      <c r="C1945" s="3">
        <v>20</v>
      </c>
      <c r="D1945" s="52" t="s">
        <v>2023</v>
      </c>
      <c r="E1945" s="52" t="s">
        <v>92</v>
      </c>
      <c r="F1945" s="52" t="s">
        <v>93</v>
      </c>
      <c r="G1945" s="52" t="s">
        <v>82</v>
      </c>
      <c r="H1945" s="4">
        <v>7</v>
      </c>
      <c r="I1945" s="2">
        <v>37.74</v>
      </c>
    </row>
    <row r="1946" spans="1:9" x14ac:dyDescent="0.35">
      <c r="A1946" s="52" t="s">
        <v>78</v>
      </c>
      <c r="B1946" s="52" t="s">
        <v>79</v>
      </c>
      <c r="C1946" s="3">
        <v>20</v>
      </c>
      <c r="D1946" s="52" t="s">
        <v>2023</v>
      </c>
      <c r="E1946" s="52" t="s">
        <v>40</v>
      </c>
      <c r="F1946" s="52" t="s">
        <v>96</v>
      </c>
      <c r="G1946" s="52" t="s">
        <v>82</v>
      </c>
      <c r="H1946" s="4">
        <v>1</v>
      </c>
      <c r="I1946" s="2">
        <v>25</v>
      </c>
    </row>
    <row r="1947" spans="1:9" hidden="1" x14ac:dyDescent="0.35">
      <c r="A1947" s="52" t="s">
        <v>78</v>
      </c>
      <c r="B1947" s="52" t="s">
        <v>79</v>
      </c>
      <c r="C1947" s="3">
        <v>20</v>
      </c>
      <c r="D1947" s="52" t="s">
        <v>2023</v>
      </c>
      <c r="E1947" s="52" t="s">
        <v>132</v>
      </c>
      <c r="F1947" s="52" t="s">
        <v>133</v>
      </c>
      <c r="G1947" s="52" t="s">
        <v>108</v>
      </c>
      <c r="H1947" s="4">
        <v>2</v>
      </c>
      <c r="I1947" s="2">
        <v>0</v>
      </c>
    </row>
    <row r="1948" spans="1:9" hidden="1" x14ac:dyDescent="0.35">
      <c r="A1948" s="52" t="s">
        <v>78</v>
      </c>
      <c r="B1948" s="52" t="s">
        <v>79</v>
      </c>
      <c r="C1948" s="3">
        <v>20</v>
      </c>
      <c r="D1948" s="52" t="s">
        <v>2023</v>
      </c>
      <c r="E1948" s="52" t="s">
        <v>126</v>
      </c>
      <c r="F1948" s="52" t="s">
        <v>101</v>
      </c>
      <c r="G1948" s="52" t="s">
        <v>82</v>
      </c>
      <c r="H1948" s="4">
        <v>112</v>
      </c>
      <c r="I1948" s="2">
        <v>0</v>
      </c>
    </row>
    <row r="1949" spans="1:9" hidden="1" x14ac:dyDescent="0.35">
      <c r="A1949" s="52" t="s">
        <v>78</v>
      </c>
      <c r="B1949" s="52" t="s">
        <v>79</v>
      </c>
      <c r="C1949" s="3">
        <v>20</v>
      </c>
      <c r="D1949" s="52" t="s">
        <v>2023</v>
      </c>
      <c r="E1949" s="52" t="s">
        <v>102</v>
      </c>
      <c r="F1949" s="52" t="s">
        <v>101</v>
      </c>
      <c r="G1949" s="52" t="s">
        <v>108</v>
      </c>
      <c r="H1949" s="4">
        <v>18</v>
      </c>
      <c r="I1949" s="2">
        <v>0</v>
      </c>
    </row>
    <row r="1950" spans="1:9" hidden="1" x14ac:dyDescent="0.35">
      <c r="A1950" s="52" t="s">
        <v>78</v>
      </c>
      <c r="B1950" s="52" t="s">
        <v>79</v>
      </c>
      <c r="C1950" s="3">
        <v>20</v>
      </c>
      <c r="D1950" s="52" t="s">
        <v>2023</v>
      </c>
      <c r="E1950" s="52" t="s">
        <v>111</v>
      </c>
      <c r="F1950" s="52" t="s">
        <v>93</v>
      </c>
      <c r="G1950" s="52" t="s">
        <v>82</v>
      </c>
      <c r="H1950" s="4">
        <v>47</v>
      </c>
      <c r="I1950" s="2">
        <v>0</v>
      </c>
    </row>
    <row r="1951" spans="1:9" x14ac:dyDescent="0.35">
      <c r="A1951" s="52" t="s">
        <v>78</v>
      </c>
      <c r="B1951" s="52" t="s">
        <v>79</v>
      </c>
      <c r="C1951" s="3">
        <v>20</v>
      </c>
      <c r="D1951" s="52" t="s">
        <v>2023</v>
      </c>
      <c r="E1951" s="52" t="s">
        <v>102</v>
      </c>
      <c r="F1951" s="52" t="s">
        <v>105</v>
      </c>
      <c r="G1951" s="52" t="s">
        <v>108</v>
      </c>
      <c r="H1951" s="4">
        <v>1</v>
      </c>
      <c r="I1951" s="2">
        <v>0</v>
      </c>
    </row>
    <row r="1952" spans="1:9" hidden="1" x14ac:dyDescent="0.35">
      <c r="A1952" s="52" t="s">
        <v>78</v>
      </c>
      <c r="B1952" s="52" t="s">
        <v>79</v>
      </c>
      <c r="C1952" s="3">
        <v>20</v>
      </c>
      <c r="D1952" s="52" t="s">
        <v>2023</v>
      </c>
      <c r="E1952" s="52" t="s">
        <v>111</v>
      </c>
      <c r="F1952" s="52" t="s">
        <v>94</v>
      </c>
      <c r="G1952" s="52" t="s">
        <v>82</v>
      </c>
      <c r="H1952" s="4">
        <v>7</v>
      </c>
      <c r="I1952" s="2">
        <v>0</v>
      </c>
    </row>
    <row r="1953" spans="1:9" hidden="1" x14ac:dyDescent="0.35">
      <c r="A1953" s="52" t="s">
        <v>78</v>
      </c>
      <c r="B1953" s="52" t="s">
        <v>79</v>
      </c>
      <c r="C1953" s="3">
        <v>20</v>
      </c>
      <c r="D1953" s="52" t="s">
        <v>2023</v>
      </c>
      <c r="E1953" s="52" t="s">
        <v>111</v>
      </c>
      <c r="F1953" s="52" t="s">
        <v>103</v>
      </c>
      <c r="G1953" s="52" t="s">
        <v>82</v>
      </c>
      <c r="H1953" s="4">
        <v>13</v>
      </c>
      <c r="I1953" s="2">
        <v>0</v>
      </c>
    </row>
    <row r="1954" spans="1:9" hidden="1" x14ac:dyDescent="0.35">
      <c r="A1954" s="52" t="s">
        <v>78</v>
      </c>
      <c r="B1954" s="52" t="s">
        <v>79</v>
      </c>
      <c r="C1954" s="3">
        <v>20</v>
      </c>
      <c r="D1954" s="52" t="s">
        <v>2023</v>
      </c>
      <c r="E1954" s="52" t="s">
        <v>106</v>
      </c>
      <c r="F1954" s="52" t="s">
        <v>124</v>
      </c>
      <c r="G1954" s="52" t="s">
        <v>108</v>
      </c>
      <c r="H1954" s="4">
        <v>6</v>
      </c>
      <c r="I1954" s="2">
        <v>0</v>
      </c>
    </row>
    <row r="1955" spans="1:9" hidden="1" x14ac:dyDescent="0.35">
      <c r="A1955" s="52" t="s">
        <v>78</v>
      </c>
      <c r="B1955" s="52" t="s">
        <v>79</v>
      </c>
      <c r="C1955" s="3">
        <v>20</v>
      </c>
      <c r="D1955" s="52" t="s">
        <v>2023</v>
      </c>
      <c r="E1955" s="52" t="s">
        <v>120</v>
      </c>
      <c r="F1955" s="52" t="s">
        <v>116</v>
      </c>
      <c r="G1955" s="52" t="s">
        <v>115</v>
      </c>
      <c r="H1955" s="4">
        <v>969</v>
      </c>
      <c r="I1955" s="2">
        <v>0</v>
      </c>
    </row>
    <row r="1956" spans="1:9" hidden="1" x14ac:dyDescent="0.35">
      <c r="A1956" s="52" t="s">
        <v>78</v>
      </c>
      <c r="B1956" s="52" t="s">
        <v>79</v>
      </c>
      <c r="C1956" s="3">
        <v>20</v>
      </c>
      <c r="D1956" s="52" t="s">
        <v>2023</v>
      </c>
      <c r="E1956" s="52" t="s">
        <v>106</v>
      </c>
      <c r="F1956" s="52" t="s">
        <v>107</v>
      </c>
      <c r="G1956" s="52" t="s">
        <v>108</v>
      </c>
      <c r="H1956" s="4">
        <v>11</v>
      </c>
      <c r="I1956" s="2">
        <v>0</v>
      </c>
    </row>
    <row r="1957" spans="1:9" hidden="1" x14ac:dyDescent="0.35">
      <c r="A1957" s="52" t="s">
        <v>78</v>
      </c>
      <c r="B1957" s="52" t="s">
        <v>79</v>
      </c>
      <c r="C1957" s="3">
        <v>20</v>
      </c>
      <c r="D1957" s="52" t="s">
        <v>2023</v>
      </c>
      <c r="E1957" s="52" t="s">
        <v>117</v>
      </c>
      <c r="F1957" s="52" t="s">
        <v>116</v>
      </c>
      <c r="G1957" s="52" t="s">
        <v>82</v>
      </c>
      <c r="H1957" s="4">
        <v>2171</v>
      </c>
      <c r="I1957" s="2">
        <v>0</v>
      </c>
    </row>
    <row r="1958" spans="1:9" hidden="1" x14ac:dyDescent="0.35">
      <c r="A1958" s="52" t="s">
        <v>78</v>
      </c>
      <c r="B1958" s="52" t="s">
        <v>79</v>
      </c>
      <c r="C1958" s="3">
        <v>20</v>
      </c>
      <c r="D1958" s="52" t="s">
        <v>2023</v>
      </c>
      <c r="E1958" s="52" t="s">
        <v>111</v>
      </c>
      <c r="F1958" s="52" t="s">
        <v>81</v>
      </c>
      <c r="G1958" s="52" t="s">
        <v>82</v>
      </c>
      <c r="H1958" s="4">
        <v>24</v>
      </c>
      <c r="I1958" s="2">
        <v>0</v>
      </c>
    </row>
    <row r="1959" spans="1:9" hidden="1" x14ac:dyDescent="0.35">
      <c r="A1959" s="52" t="s">
        <v>78</v>
      </c>
      <c r="B1959" s="52" t="s">
        <v>79</v>
      </c>
      <c r="C1959" s="3">
        <v>20</v>
      </c>
      <c r="D1959" s="52" t="s">
        <v>2023</v>
      </c>
      <c r="E1959" s="52" t="s">
        <v>113</v>
      </c>
      <c r="F1959" s="52" t="s">
        <v>114</v>
      </c>
      <c r="G1959" s="52" t="s">
        <v>115</v>
      </c>
      <c r="H1959" s="4">
        <v>1946</v>
      </c>
      <c r="I1959" s="2">
        <v>0</v>
      </c>
    </row>
    <row r="1960" spans="1:9" hidden="1" x14ac:dyDescent="0.35">
      <c r="A1960" s="52" t="s">
        <v>78</v>
      </c>
      <c r="B1960" s="52" t="s">
        <v>79</v>
      </c>
      <c r="C1960" s="3">
        <v>20</v>
      </c>
      <c r="D1960" s="52" t="s">
        <v>2023</v>
      </c>
      <c r="E1960" s="52" t="s">
        <v>111</v>
      </c>
      <c r="F1960" s="52" t="s">
        <v>105</v>
      </c>
      <c r="G1960" s="52" t="s">
        <v>82</v>
      </c>
      <c r="H1960" s="4">
        <v>122</v>
      </c>
      <c r="I1960" s="2">
        <v>0</v>
      </c>
    </row>
    <row r="1961" spans="1:9" hidden="1" x14ac:dyDescent="0.35">
      <c r="A1961" s="52" t="s">
        <v>78</v>
      </c>
      <c r="B1961" s="52" t="s">
        <v>79</v>
      </c>
      <c r="C1961" s="3">
        <v>20</v>
      </c>
      <c r="D1961" s="52" t="s">
        <v>2023</v>
      </c>
      <c r="E1961" s="52" t="s">
        <v>118</v>
      </c>
      <c r="F1961" s="52" t="s">
        <v>119</v>
      </c>
      <c r="G1961" s="52" t="s">
        <v>115</v>
      </c>
      <c r="H1961" s="4">
        <v>969</v>
      </c>
      <c r="I1961" s="2">
        <v>0</v>
      </c>
    </row>
    <row r="1962" spans="1:9" hidden="1" x14ac:dyDescent="0.35">
      <c r="A1962" s="52" t="s">
        <v>78</v>
      </c>
      <c r="B1962" s="52" t="s">
        <v>79</v>
      </c>
      <c r="C1962" s="3">
        <v>20</v>
      </c>
      <c r="D1962" s="52" t="s">
        <v>2023</v>
      </c>
      <c r="E1962" s="52" t="s">
        <v>134</v>
      </c>
      <c r="F1962" s="52" t="s">
        <v>123</v>
      </c>
      <c r="G1962" s="52" t="s">
        <v>82</v>
      </c>
      <c r="H1962" s="4">
        <v>3095</v>
      </c>
      <c r="I1962" s="2">
        <v>0</v>
      </c>
    </row>
    <row r="1963" spans="1:9" hidden="1" x14ac:dyDescent="0.35">
      <c r="A1963" s="52" t="s">
        <v>78</v>
      </c>
      <c r="B1963" s="52" t="s">
        <v>79</v>
      </c>
      <c r="C1963" s="3">
        <v>20</v>
      </c>
      <c r="D1963" s="52" t="s">
        <v>2023</v>
      </c>
      <c r="E1963" s="52" t="s">
        <v>111</v>
      </c>
      <c r="F1963" s="52" t="s">
        <v>101</v>
      </c>
      <c r="G1963" s="52" t="s">
        <v>82</v>
      </c>
      <c r="H1963" s="4">
        <v>577</v>
      </c>
      <c r="I1963" s="2">
        <v>0</v>
      </c>
    </row>
    <row r="1964" spans="1:9" hidden="1" x14ac:dyDescent="0.35">
      <c r="A1964" s="52" t="s">
        <v>78</v>
      </c>
      <c r="B1964" s="52" t="s">
        <v>79</v>
      </c>
      <c r="C1964" s="3">
        <v>20</v>
      </c>
      <c r="D1964" s="52" t="s">
        <v>2023</v>
      </c>
      <c r="E1964" s="52" t="s">
        <v>102</v>
      </c>
      <c r="F1964" s="52" t="s">
        <v>107</v>
      </c>
      <c r="G1964" s="52" t="s">
        <v>108</v>
      </c>
      <c r="H1964" s="4">
        <v>130</v>
      </c>
      <c r="I1964" s="2">
        <v>0</v>
      </c>
    </row>
    <row r="1965" spans="1:9" hidden="1" x14ac:dyDescent="0.35">
      <c r="A1965" s="52" t="s">
        <v>78</v>
      </c>
      <c r="B1965" s="52" t="s">
        <v>79</v>
      </c>
      <c r="C1965" s="3">
        <v>20</v>
      </c>
      <c r="D1965" s="52" t="s">
        <v>2023</v>
      </c>
      <c r="E1965" s="52" t="s">
        <v>102</v>
      </c>
      <c r="F1965" s="52" t="s">
        <v>130</v>
      </c>
      <c r="G1965" s="52" t="s">
        <v>108</v>
      </c>
      <c r="H1965" s="4">
        <v>433</v>
      </c>
      <c r="I1965" s="2">
        <v>0</v>
      </c>
    </row>
    <row r="1966" spans="1:9" hidden="1" x14ac:dyDescent="0.35">
      <c r="A1966" s="52" t="s">
        <v>78</v>
      </c>
      <c r="B1966" s="52" t="s">
        <v>79</v>
      </c>
      <c r="C1966" s="3">
        <v>20</v>
      </c>
      <c r="D1966" s="52" t="s">
        <v>2023</v>
      </c>
      <c r="E1966" s="52" t="s">
        <v>121</v>
      </c>
      <c r="F1966" s="52" t="s">
        <v>112</v>
      </c>
      <c r="G1966" s="52" t="s">
        <v>108</v>
      </c>
      <c r="H1966" s="4">
        <v>118</v>
      </c>
      <c r="I1966" s="2">
        <v>0</v>
      </c>
    </row>
    <row r="1967" spans="1:9" hidden="1" x14ac:dyDescent="0.35">
      <c r="A1967" s="52" t="s">
        <v>78</v>
      </c>
      <c r="B1967" s="52" t="s">
        <v>79</v>
      </c>
      <c r="C1967" s="3">
        <v>20</v>
      </c>
      <c r="D1967" s="52" t="s">
        <v>2023</v>
      </c>
      <c r="E1967" s="52" t="s">
        <v>111</v>
      </c>
      <c r="F1967" s="52" t="s">
        <v>97</v>
      </c>
      <c r="G1967" s="52" t="s">
        <v>82</v>
      </c>
      <c r="H1967" s="4">
        <v>3</v>
      </c>
      <c r="I1967" s="2">
        <v>0</v>
      </c>
    </row>
    <row r="1968" spans="1:9" hidden="1" x14ac:dyDescent="0.35">
      <c r="A1968" s="52" t="s">
        <v>78</v>
      </c>
      <c r="B1968" s="52" t="s">
        <v>79</v>
      </c>
      <c r="C1968" s="3">
        <v>20</v>
      </c>
      <c r="D1968" s="52" t="s">
        <v>2023</v>
      </c>
      <c r="E1968" s="52" t="s">
        <v>111</v>
      </c>
      <c r="F1968" s="52" t="s">
        <v>107</v>
      </c>
      <c r="G1968" s="52" t="s">
        <v>108</v>
      </c>
      <c r="H1968" s="4">
        <v>51</v>
      </c>
      <c r="I1968" s="2">
        <v>0</v>
      </c>
    </row>
    <row r="1969" spans="1:9" hidden="1" x14ac:dyDescent="0.35">
      <c r="A1969" s="52" t="s">
        <v>78</v>
      </c>
      <c r="B1969" s="52" t="s">
        <v>79</v>
      </c>
      <c r="C1969" s="3">
        <v>20</v>
      </c>
      <c r="D1969" s="52" t="s">
        <v>2023</v>
      </c>
      <c r="E1969" s="52" t="s">
        <v>128</v>
      </c>
      <c r="F1969" s="52" t="s">
        <v>129</v>
      </c>
      <c r="G1969" s="52" t="s">
        <v>82</v>
      </c>
      <c r="H1969" s="4">
        <v>3</v>
      </c>
      <c r="I1969" s="2">
        <v>0</v>
      </c>
    </row>
    <row r="1970" spans="1:9" hidden="1" x14ac:dyDescent="0.35">
      <c r="A1970" s="52" t="s">
        <v>78</v>
      </c>
      <c r="B1970" s="52" t="s">
        <v>79</v>
      </c>
      <c r="C1970" s="3">
        <v>20</v>
      </c>
      <c r="D1970" s="52" t="s">
        <v>2023</v>
      </c>
      <c r="E1970" s="52" t="s">
        <v>106</v>
      </c>
      <c r="F1970" s="52" t="s">
        <v>103</v>
      </c>
      <c r="G1970" s="52" t="s">
        <v>82</v>
      </c>
      <c r="H1970" s="4">
        <v>2</v>
      </c>
      <c r="I1970" s="2">
        <v>0</v>
      </c>
    </row>
    <row r="1971" spans="1:9" hidden="1" x14ac:dyDescent="0.35">
      <c r="A1971" s="52" t="s">
        <v>78</v>
      </c>
      <c r="B1971" s="52" t="s">
        <v>79</v>
      </c>
      <c r="C1971" s="3">
        <v>20</v>
      </c>
      <c r="D1971" s="52" t="s">
        <v>2023</v>
      </c>
      <c r="E1971" s="52" t="s">
        <v>111</v>
      </c>
      <c r="F1971" s="52" t="s">
        <v>95</v>
      </c>
      <c r="G1971" s="52" t="s">
        <v>82</v>
      </c>
      <c r="H1971" s="4">
        <v>88</v>
      </c>
      <c r="I1971" s="2">
        <v>0</v>
      </c>
    </row>
    <row r="1972" spans="1:9" hidden="1" x14ac:dyDescent="0.35">
      <c r="A1972" s="52" t="s">
        <v>78</v>
      </c>
      <c r="B1972" s="52" t="s">
        <v>79</v>
      </c>
      <c r="C1972" s="3">
        <v>20</v>
      </c>
      <c r="D1972" s="52" t="s">
        <v>2023</v>
      </c>
      <c r="E1972" s="52" t="s">
        <v>139</v>
      </c>
      <c r="F1972" s="52" t="s">
        <v>140</v>
      </c>
      <c r="G1972" s="52" t="s">
        <v>82</v>
      </c>
      <c r="H1972" s="4">
        <v>170</v>
      </c>
      <c r="I1972" s="2">
        <v>0</v>
      </c>
    </row>
    <row r="1973" spans="1:9" hidden="1" x14ac:dyDescent="0.35">
      <c r="A1973" s="52" t="s">
        <v>78</v>
      </c>
      <c r="B1973" s="52" t="s">
        <v>79</v>
      </c>
      <c r="C1973" s="3">
        <v>20</v>
      </c>
      <c r="D1973" s="52" t="s">
        <v>2023</v>
      </c>
      <c r="E1973" s="52" t="s">
        <v>102</v>
      </c>
      <c r="F1973" s="52" t="s">
        <v>125</v>
      </c>
      <c r="G1973" s="52" t="s">
        <v>108</v>
      </c>
      <c r="H1973" s="4">
        <v>4</v>
      </c>
      <c r="I1973" s="2">
        <v>0</v>
      </c>
    </row>
    <row r="1974" spans="1:9" hidden="1" x14ac:dyDescent="0.35">
      <c r="A1974" s="52" t="s">
        <v>78</v>
      </c>
      <c r="B1974" s="52" t="s">
        <v>79</v>
      </c>
      <c r="C1974" s="3">
        <v>20</v>
      </c>
      <c r="D1974" s="52" t="s">
        <v>2023</v>
      </c>
      <c r="E1974" s="52" t="s">
        <v>122</v>
      </c>
      <c r="F1974" s="52" t="s">
        <v>123</v>
      </c>
      <c r="G1974" s="52" t="s">
        <v>108</v>
      </c>
      <c r="H1974" s="4">
        <v>900</v>
      </c>
      <c r="I1974" s="2">
        <v>0</v>
      </c>
    </row>
    <row r="1975" spans="1:9" hidden="1" x14ac:dyDescent="0.35">
      <c r="A1975" s="52" t="s">
        <v>78</v>
      </c>
      <c r="B1975" s="52" t="s">
        <v>79</v>
      </c>
      <c r="C1975" s="3">
        <v>20</v>
      </c>
      <c r="D1975" s="52" t="s">
        <v>2023</v>
      </c>
      <c r="E1975" s="52" t="s">
        <v>126</v>
      </c>
      <c r="F1975" s="52" t="s">
        <v>103</v>
      </c>
      <c r="G1975" s="52" t="s">
        <v>82</v>
      </c>
      <c r="H1975" s="4">
        <v>17</v>
      </c>
      <c r="I1975" s="2">
        <v>0</v>
      </c>
    </row>
    <row r="1976" spans="1:9" hidden="1" x14ac:dyDescent="0.35">
      <c r="A1976" s="52" t="s">
        <v>78</v>
      </c>
      <c r="B1976" s="52" t="s">
        <v>79</v>
      </c>
      <c r="C1976" s="3">
        <v>20</v>
      </c>
      <c r="D1976" s="52" t="s">
        <v>2023</v>
      </c>
      <c r="E1976" s="52" t="s">
        <v>106</v>
      </c>
      <c r="F1976" s="52" t="s">
        <v>101</v>
      </c>
      <c r="G1976" s="52" t="s">
        <v>108</v>
      </c>
      <c r="H1976" s="4">
        <v>4</v>
      </c>
      <c r="I1976" s="2">
        <v>0</v>
      </c>
    </row>
    <row r="1977" spans="1:9" hidden="1" x14ac:dyDescent="0.35">
      <c r="A1977" s="52" t="s">
        <v>78</v>
      </c>
      <c r="B1977" s="52" t="s">
        <v>79</v>
      </c>
      <c r="C1977" s="3">
        <v>20</v>
      </c>
      <c r="D1977" s="52" t="s">
        <v>2023</v>
      </c>
      <c r="E1977" s="52" t="s">
        <v>135</v>
      </c>
      <c r="F1977" s="52" t="s">
        <v>112</v>
      </c>
      <c r="G1977" s="52" t="s">
        <v>82</v>
      </c>
      <c r="H1977" s="4">
        <v>15298</v>
      </c>
      <c r="I1977" s="2">
        <v>0</v>
      </c>
    </row>
    <row r="1978" spans="1:9" x14ac:dyDescent="0.35">
      <c r="A1978" s="52" t="s">
        <v>78</v>
      </c>
      <c r="B1978" s="52" t="s">
        <v>79</v>
      </c>
      <c r="C1978" s="3">
        <v>20</v>
      </c>
      <c r="D1978" s="52" t="s">
        <v>2023</v>
      </c>
      <c r="E1978" s="52" t="s">
        <v>1501</v>
      </c>
      <c r="F1978" s="52" t="s">
        <v>103</v>
      </c>
      <c r="G1978" s="52" t="s">
        <v>82</v>
      </c>
      <c r="H1978" s="4">
        <v>1</v>
      </c>
      <c r="I1978" s="2">
        <v>0</v>
      </c>
    </row>
    <row r="1979" spans="1:9" x14ac:dyDescent="0.35">
      <c r="A1979" s="52" t="s">
        <v>78</v>
      </c>
      <c r="B1979" s="52" t="s">
        <v>79</v>
      </c>
      <c r="C1979" s="3">
        <v>20</v>
      </c>
      <c r="D1979" s="52" t="s">
        <v>2023</v>
      </c>
      <c r="E1979" s="52" t="s">
        <v>106</v>
      </c>
      <c r="F1979" s="52" t="s">
        <v>130</v>
      </c>
      <c r="G1979" s="52" t="s">
        <v>108</v>
      </c>
      <c r="H1979" s="4">
        <v>1</v>
      </c>
      <c r="I1979" s="2">
        <v>0</v>
      </c>
    </row>
    <row r="1980" spans="1:9" hidden="1" x14ac:dyDescent="0.35">
      <c r="A1980" s="52" t="s">
        <v>78</v>
      </c>
      <c r="B1980" s="52" t="s">
        <v>79</v>
      </c>
      <c r="C1980" s="3">
        <v>20</v>
      </c>
      <c r="D1980" s="52" t="s">
        <v>2023</v>
      </c>
      <c r="E1980" s="52" t="s">
        <v>102</v>
      </c>
      <c r="F1980" s="52" t="s">
        <v>124</v>
      </c>
      <c r="G1980" s="52" t="s">
        <v>108</v>
      </c>
      <c r="H1980" s="4">
        <v>283</v>
      </c>
      <c r="I1980" s="2">
        <v>0</v>
      </c>
    </row>
    <row r="1981" spans="1:9" hidden="1" x14ac:dyDescent="0.35">
      <c r="A1981" s="52" t="s">
        <v>78</v>
      </c>
      <c r="B1981" s="52" t="s">
        <v>79</v>
      </c>
      <c r="C1981" s="3">
        <v>20</v>
      </c>
      <c r="D1981" s="52" t="s">
        <v>2023</v>
      </c>
      <c r="E1981" s="52" t="s">
        <v>102</v>
      </c>
      <c r="F1981" s="52" t="s">
        <v>103</v>
      </c>
      <c r="G1981" s="52" t="s">
        <v>82</v>
      </c>
      <c r="H1981" s="4">
        <v>373</v>
      </c>
      <c r="I1981" s="2">
        <v>0</v>
      </c>
    </row>
    <row r="1982" spans="1:9" hidden="1" x14ac:dyDescent="0.35">
      <c r="A1982" s="52" t="s">
        <v>78</v>
      </c>
      <c r="B1982" s="52" t="s">
        <v>79</v>
      </c>
      <c r="C1982" s="3">
        <v>20</v>
      </c>
      <c r="D1982" s="52" t="s">
        <v>2023</v>
      </c>
      <c r="E1982" s="52" t="s">
        <v>109</v>
      </c>
      <c r="F1982" s="52" t="s">
        <v>110</v>
      </c>
      <c r="G1982" s="52" t="s">
        <v>108</v>
      </c>
      <c r="H1982" s="4">
        <v>239</v>
      </c>
      <c r="I1982" s="2">
        <v>0</v>
      </c>
    </row>
    <row r="1983" spans="1:9" hidden="1" x14ac:dyDescent="0.35">
      <c r="A1983" s="52" t="s">
        <v>78</v>
      </c>
      <c r="B1983" s="52" t="s">
        <v>79</v>
      </c>
      <c r="C1983" s="3">
        <v>20</v>
      </c>
      <c r="D1983" s="52" t="s">
        <v>2023</v>
      </c>
      <c r="E1983" s="52" t="s">
        <v>102</v>
      </c>
      <c r="F1983" s="52" t="s">
        <v>116</v>
      </c>
      <c r="G1983" s="52" t="s">
        <v>115</v>
      </c>
      <c r="H1983" s="4">
        <v>880</v>
      </c>
      <c r="I1983" s="2">
        <v>0</v>
      </c>
    </row>
    <row r="1984" spans="1:9" hidden="1" x14ac:dyDescent="0.35">
      <c r="A1984" s="52" t="s">
        <v>78</v>
      </c>
      <c r="B1984" s="52" t="s">
        <v>79</v>
      </c>
      <c r="C1984" s="3">
        <v>211</v>
      </c>
      <c r="D1984" s="52" t="s">
        <v>2023</v>
      </c>
      <c r="E1984" s="52" t="s">
        <v>92</v>
      </c>
      <c r="F1984" s="52" t="s">
        <v>93</v>
      </c>
      <c r="G1984" s="52" t="s">
        <v>82</v>
      </c>
      <c r="H1984" s="4">
        <v>3740</v>
      </c>
      <c r="I1984" s="2">
        <v>50139.93</v>
      </c>
    </row>
    <row r="1985" spans="1:9" hidden="1" x14ac:dyDescent="0.35">
      <c r="A1985" s="52" t="s">
        <v>78</v>
      </c>
      <c r="B1985" s="52" t="s">
        <v>79</v>
      </c>
      <c r="C1985" s="3">
        <v>211</v>
      </c>
      <c r="D1985" s="52" t="s">
        <v>2023</v>
      </c>
      <c r="E1985" s="52" t="s">
        <v>40</v>
      </c>
      <c r="F1985" s="52" t="s">
        <v>96</v>
      </c>
      <c r="G1985" s="52" t="s">
        <v>82</v>
      </c>
      <c r="H1985" s="4">
        <v>22</v>
      </c>
      <c r="I1985" s="2">
        <v>550</v>
      </c>
    </row>
    <row r="1986" spans="1:9" hidden="1" x14ac:dyDescent="0.35">
      <c r="A1986" s="52" t="s">
        <v>78</v>
      </c>
      <c r="B1986" s="52" t="s">
        <v>79</v>
      </c>
      <c r="C1986" s="3">
        <v>211</v>
      </c>
      <c r="D1986" s="52" t="s">
        <v>2023</v>
      </c>
      <c r="E1986" s="52" t="s">
        <v>26</v>
      </c>
      <c r="F1986" s="52" t="s">
        <v>81</v>
      </c>
      <c r="G1986" s="52" t="s">
        <v>82</v>
      </c>
      <c r="H1986" s="4">
        <v>28</v>
      </c>
      <c r="I1986" s="2">
        <v>410.2</v>
      </c>
    </row>
    <row r="1987" spans="1:9" hidden="1" x14ac:dyDescent="0.35">
      <c r="A1987" s="52" t="s">
        <v>78</v>
      </c>
      <c r="B1987" s="52" t="s">
        <v>79</v>
      </c>
      <c r="C1987" s="3">
        <v>211</v>
      </c>
      <c r="D1987" s="52" t="s">
        <v>2023</v>
      </c>
      <c r="E1987" s="52" t="s">
        <v>36</v>
      </c>
      <c r="F1987" s="52" t="s">
        <v>95</v>
      </c>
      <c r="G1987" s="52" t="s">
        <v>82</v>
      </c>
      <c r="H1987" s="4">
        <v>41</v>
      </c>
      <c r="I1987" s="2">
        <v>192.7</v>
      </c>
    </row>
    <row r="1988" spans="1:9" hidden="1" x14ac:dyDescent="0.35">
      <c r="A1988" s="52" t="s">
        <v>78</v>
      </c>
      <c r="B1988" s="52" t="s">
        <v>79</v>
      </c>
      <c r="C1988" s="3">
        <v>211</v>
      </c>
      <c r="D1988" s="52" t="s">
        <v>2023</v>
      </c>
      <c r="E1988" s="52" t="s">
        <v>38</v>
      </c>
      <c r="F1988" s="52" t="s">
        <v>97</v>
      </c>
      <c r="G1988" s="52" t="s">
        <v>82</v>
      </c>
      <c r="H1988" s="4">
        <v>14</v>
      </c>
      <c r="I1988" s="2">
        <v>156.1</v>
      </c>
    </row>
    <row r="1989" spans="1:9" hidden="1" x14ac:dyDescent="0.35">
      <c r="A1989" s="52" t="s">
        <v>78</v>
      </c>
      <c r="B1989" s="52" t="s">
        <v>79</v>
      </c>
      <c r="C1989" s="3">
        <v>211</v>
      </c>
      <c r="D1989" s="52" t="s">
        <v>2023</v>
      </c>
      <c r="E1989" s="52" t="s">
        <v>90</v>
      </c>
      <c r="F1989" s="52" t="s">
        <v>91</v>
      </c>
      <c r="G1989" s="52" t="s">
        <v>82</v>
      </c>
      <c r="H1989" s="4">
        <v>10</v>
      </c>
      <c r="I1989" s="2">
        <v>70.13</v>
      </c>
    </row>
    <row r="1990" spans="1:9" hidden="1" x14ac:dyDescent="0.35">
      <c r="A1990" s="52" t="s">
        <v>78</v>
      </c>
      <c r="B1990" s="52" t="s">
        <v>79</v>
      </c>
      <c r="C1990" s="3">
        <v>211</v>
      </c>
      <c r="D1990" s="52" t="s">
        <v>2023</v>
      </c>
      <c r="E1990" s="52" t="s">
        <v>914</v>
      </c>
      <c r="F1990" s="52" t="s">
        <v>91</v>
      </c>
      <c r="G1990" s="52" t="s">
        <v>82</v>
      </c>
      <c r="H1990" s="4">
        <v>4</v>
      </c>
      <c r="I1990" s="2">
        <v>1.89</v>
      </c>
    </row>
    <row r="1991" spans="1:9" hidden="1" x14ac:dyDescent="0.35">
      <c r="A1991" s="52" t="s">
        <v>78</v>
      </c>
      <c r="B1991" s="52" t="s">
        <v>79</v>
      </c>
      <c r="C1991" s="3">
        <v>211</v>
      </c>
      <c r="D1991" s="52" t="s">
        <v>2023</v>
      </c>
      <c r="E1991" s="52" t="s">
        <v>111</v>
      </c>
      <c r="F1991" s="52" t="s">
        <v>93</v>
      </c>
      <c r="G1991" s="52" t="s">
        <v>82</v>
      </c>
      <c r="H1991" s="4">
        <v>32</v>
      </c>
      <c r="I1991" s="2">
        <v>0</v>
      </c>
    </row>
    <row r="1992" spans="1:9" hidden="1" x14ac:dyDescent="0.35">
      <c r="A1992" s="52" t="s">
        <v>78</v>
      </c>
      <c r="B1992" s="52" t="s">
        <v>79</v>
      </c>
      <c r="C1992" s="3">
        <v>211</v>
      </c>
      <c r="D1992" s="52" t="s">
        <v>2023</v>
      </c>
      <c r="E1992" s="52" t="s">
        <v>139</v>
      </c>
      <c r="F1992" s="52" t="s">
        <v>140</v>
      </c>
      <c r="G1992" s="52" t="s">
        <v>82</v>
      </c>
      <c r="H1992" s="4">
        <v>21</v>
      </c>
      <c r="I1992" s="2">
        <v>0</v>
      </c>
    </row>
    <row r="1993" spans="1:9" hidden="1" x14ac:dyDescent="0.35">
      <c r="A1993" s="52" t="s">
        <v>78</v>
      </c>
      <c r="B1993" s="52" t="s">
        <v>79</v>
      </c>
      <c r="C1993" s="3">
        <v>211</v>
      </c>
      <c r="D1993" s="52" t="s">
        <v>2023</v>
      </c>
      <c r="E1993" s="52" t="s">
        <v>102</v>
      </c>
      <c r="F1993" s="52" t="s">
        <v>107</v>
      </c>
      <c r="G1993" s="52" t="s">
        <v>108</v>
      </c>
      <c r="H1993" s="4">
        <v>37</v>
      </c>
      <c r="I1993" s="2">
        <v>0</v>
      </c>
    </row>
    <row r="1994" spans="1:9" hidden="1" x14ac:dyDescent="0.35">
      <c r="A1994" s="52" t="s">
        <v>78</v>
      </c>
      <c r="B1994" s="52" t="s">
        <v>79</v>
      </c>
      <c r="C1994" s="3">
        <v>211</v>
      </c>
      <c r="D1994" s="52" t="s">
        <v>2023</v>
      </c>
      <c r="E1994" s="52" t="s">
        <v>106</v>
      </c>
      <c r="F1994" s="52" t="s">
        <v>107</v>
      </c>
      <c r="G1994" s="52" t="s">
        <v>108</v>
      </c>
      <c r="H1994" s="4">
        <v>2</v>
      </c>
      <c r="I1994" s="2">
        <v>0</v>
      </c>
    </row>
    <row r="1995" spans="1:9" hidden="1" x14ac:dyDescent="0.35">
      <c r="A1995" s="52" t="s">
        <v>78</v>
      </c>
      <c r="B1995" s="52" t="s">
        <v>79</v>
      </c>
      <c r="C1995" s="3">
        <v>211</v>
      </c>
      <c r="D1995" s="52" t="s">
        <v>2023</v>
      </c>
      <c r="E1995" s="52" t="s">
        <v>122</v>
      </c>
      <c r="F1995" s="52" t="s">
        <v>123</v>
      </c>
      <c r="G1995" s="52" t="s">
        <v>108</v>
      </c>
      <c r="H1995" s="4">
        <v>11</v>
      </c>
      <c r="I1995" s="2">
        <v>0</v>
      </c>
    </row>
    <row r="1996" spans="1:9" hidden="1" x14ac:dyDescent="0.35">
      <c r="A1996" s="52" t="s">
        <v>78</v>
      </c>
      <c r="B1996" s="52" t="s">
        <v>79</v>
      </c>
      <c r="C1996" s="3">
        <v>211</v>
      </c>
      <c r="D1996" s="52" t="s">
        <v>2023</v>
      </c>
      <c r="E1996" s="52" t="s">
        <v>102</v>
      </c>
      <c r="F1996" s="52" t="s">
        <v>103</v>
      </c>
      <c r="G1996" s="52" t="s">
        <v>82</v>
      </c>
      <c r="H1996" s="4">
        <v>89</v>
      </c>
      <c r="I1996" s="2">
        <v>0</v>
      </c>
    </row>
    <row r="1997" spans="1:9" hidden="1" x14ac:dyDescent="0.35">
      <c r="A1997" s="52" t="s">
        <v>78</v>
      </c>
      <c r="B1997" s="52" t="s">
        <v>79</v>
      </c>
      <c r="C1997" s="3">
        <v>211</v>
      </c>
      <c r="D1997" s="52" t="s">
        <v>2023</v>
      </c>
      <c r="E1997" s="52" t="s">
        <v>111</v>
      </c>
      <c r="F1997" s="52" t="s">
        <v>105</v>
      </c>
      <c r="G1997" s="52" t="s">
        <v>82</v>
      </c>
      <c r="H1997" s="4">
        <v>25</v>
      </c>
      <c r="I1997" s="2">
        <v>0</v>
      </c>
    </row>
    <row r="1998" spans="1:9" hidden="1" x14ac:dyDescent="0.35">
      <c r="A1998" s="52" t="s">
        <v>78</v>
      </c>
      <c r="B1998" s="52" t="s">
        <v>79</v>
      </c>
      <c r="C1998" s="3">
        <v>211</v>
      </c>
      <c r="D1998" s="52" t="s">
        <v>2023</v>
      </c>
      <c r="E1998" s="52" t="s">
        <v>135</v>
      </c>
      <c r="F1998" s="52" t="s">
        <v>112</v>
      </c>
      <c r="G1998" s="52" t="s">
        <v>82</v>
      </c>
      <c r="H1998" s="4">
        <v>319</v>
      </c>
      <c r="I1998" s="2">
        <v>0</v>
      </c>
    </row>
    <row r="1999" spans="1:9" hidden="1" x14ac:dyDescent="0.35">
      <c r="A1999" s="52" t="s">
        <v>78</v>
      </c>
      <c r="B1999" s="52" t="s">
        <v>79</v>
      </c>
      <c r="C1999" s="3">
        <v>211</v>
      </c>
      <c r="D1999" s="52" t="s">
        <v>2023</v>
      </c>
      <c r="E1999" s="52" t="s">
        <v>104</v>
      </c>
      <c r="F1999" s="52" t="s">
        <v>105</v>
      </c>
      <c r="G1999" s="52" t="s">
        <v>82</v>
      </c>
      <c r="H1999" s="4">
        <v>26</v>
      </c>
      <c r="I1999" s="2">
        <v>0</v>
      </c>
    </row>
    <row r="2000" spans="1:9" hidden="1" x14ac:dyDescent="0.35">
      <c r="A2000" s="52" t="s">
        <v>78</v>
      </c>
      <c r="B2000" s="52" t="s">
        <v>79</v>
      </c>
      <c r="C2000" s="3">
        <v>211</v>
      </c>
      <c r="D2000" s="52" t="s">
        <v>2023</v>
      </c>
      <c r="E2000" s="52" t="s">
        <v>118</v>
      </c>
      <c r="F2000" s="52" t="s">
        <v>119</v>
      </c>
      <c r="G2000" s="52" t="s">
        <v>115</v>
      </c>
      <c r="H2000" s="4">
        <v>137</v>
      </c>
      <c r="I2000" s="2">
        <v>0</v>
      </c>
    </row>
    <row r="2001" spans="1:9" hidden="1" x14ac:dyDescent="0.35">
      <c r="A2001" s="52" t="s">
        <v>78</v>
      </c>
      <c r="B2001" s="52" t="s">
        <v>79</v>
      </c>
      <c r="C2001" s="3">
        <v>211</v>
      </c>
      <c r="D2001" s="52" t="s">
        <v>2023</v>
      </c>
      <c r="E2001" s="52" t="s">
        <v>109</v>
      </c>
      <c r="F2001" s="52" t="s">
        <v>110</v>
      </c>
      <c r="G2001" s="52" t="s">
        <v>108</v>
      </c>
      <c r="H2001" s="4">
        <v>7</v>
      </c>
      <c r="I2001" s="2">
        <v>0</v>
      </c>
    </row>
    <row r="2002" spans="1:9" x14ac:dyDescent="0.35">
      <c r="A2002" s="52" t="s">
        <v>78</v>
      </c>
      <c r="B2002" s="52" t="s">
        <v>79</v>
      </c>
      <c r="C2002" s="3">
        <v>211</v>
      </c>
      <c r="D2002" s="52" t="s">
        <v>2023</v>
      </c>
      <c r="E2002" s="52" t="s">
        <v>126</v>
      </c>
      <c r="F2002" s="52" t="s">
        <v>101</v>
      </c>
      <c r="G2002" s="52" t="s">
        <v>82</v>
      </c>
      <c r="H2002" s="4">
        <v>1</v>
      </c>
      <c r="I2002" s="2">
        <v>0</v>
      </c>
    </row>
    <row r="2003" spans="1:9" hidden="1" x14ac:dyDescent="0.35">
      <c r="A2003" s="52" t="s">
        <v>78</v>
      </c>
      <c r="B2003" s="52" t="s">
        <v>79</v>
      </c>
      <c r="C2003" s="3">
        <v>211</v>
      </c>
      <c r="D2003" s="52" t="s">
        <v>2023</v>
      </c>
      <c r="E2003" s="52" t="s">
        <v>111</v>
      </c>
      <c r="F2003" s="52" t="s">
        <v>95</v>
      </c>
      <c r="G2003" s="52" t="s">
        <v>82</v>
      </c>
      <c r="H2003" s="4">
        <v>9</v>
      </c>
      <c r="I2003" s="2">
        <v>0</v>
      </c>
    </row>
    <row r="2004" spans="1:9" hidden="1" x14ac:dyDescent="0.35">
      <c r="A2004" s="52" t="s">
        <v>78</v>
      </c>
      <c r="B2004" s="52" t="s">
        <v>79</v>
      </c>
      <c r="C2004" s="3">
        <v>211</v>
      </c>
      <c r="D2004" s="52" t="s">
        <v>2023</v>
      </c>
      <c r="E2004" s="52" t="s">
        <v>121</v>
      </c>
      <c r="F2004" s="52" t="s">
        <v>112</v>
      </c>
      <c r="G2004" s="52" t="s">
        <v>108</v>
      </c>
      <c r="H2004" s="4">
        <v>26</v>
      </c>
      <c r="I2004" s="2">
        <v>0</v>
      </c>
    </row>
    <row r="2005" spans="1:9" hidden="1" x14ac:dyDescent="0.35">
      <c r="A2005" s="52" t="s">
        <v>78</v>
      </c>
      <c r="B2005" s="52" t="s">
        <v>79</v>
      </c>
      <c r="C2005" s="3">
        <v>211</v>
      </c>
      <c r="D2005" s="52" t="s">
        <v>2023</v>
      </c>
      <c r="E2005" s="52" t="s">
        <v>117</v>
      </c>
      <c r="F2005" s="52" t="s">
        <v>116</v>
      </c>
      <c r="G2005" s="52" t="s">
        <v>82</v>
      </c>
      <c r="H2005" s="4">
        <v>266</v>
      </c>
      <c r="I2005" s="2">
        <v>0</v>
      </c>
    </row>
    <row r="2006" spans="1:9" hidden="1" x14ac:dyDescent="0.35">
      <c r="A2006" s="52" t="s">
        <v>78</v>
      </c>
      <c r="B2006" s="52" t="s">
        <v>79</v>
      </c>
      <c r="C2006" s="3">
        <v>211</v>
      </c>
      <c r="D2006" s="52" t="s">
        <v>2023</v>
      </c>
      <c r="E2006" s="52" t="s">
        <v>102</v>
      </c>
      <c r="F2006" s="52" t="s">
        <v>124</v>
      </c>
      <c r="G2006" s="52" t="s">
        <v>108</v>
      </c>
      <c r="H2006" s="4">
        <v>6</v>
      </c>
      <c r="I2006" s="2">
        <v>0</v>
      </c>
    </row>
    <row r="2007" spans="1:9" hidden="1" x14ac:dyDescent="0.35">
      <c r="A2007" s="52" t="s">
        <v>78</v>
      </c>
      <c r="B2007" s="52" t="s">
        <v>79</v>
      </c>
      <c r="C2007" s="3">
        <v>211</v>
      </c>
      <c r="D2007" s="52" t="s">
        <v>2023</v>
      </c>
      <c r="E2007" s="52" t="s">
        <v>102</v>
      </c>
      <c r="F2007" s="52" t="s">
        <v>101</v>
      </c>
      <c r="G2007" s="52" t="s">
        <v>108</v>
      </c>
      <c r="H2007" s="4">
        <v>2</v>
      </c>
      <c r="I2007" s="2">
        <v>0</v>
      </c>
    </row>
    <row r="2008" spans="1:9" hidden="1" x14ac:dyDescent="0.35">
      <c r="A2008" s="52" t="s">
        <v>78</v>
      </c>
      <c r="B2008" s="52" t="s">
        <v>79</v>
      </c>
      <c r="C2008" s="3">
        <v>211</v>
      </c>
      <c r="D2008" s="52" t="s">
        <v>2023</v>
      </c>
      <c r="E2008" s="52" t="s">
        <v>102</v>
      </c>
      <c r="F2008" s="52" t="s">
        <v>130</v>
      </c>
      <c r="G2008" s="52" t="s">
        <v>108</v>
      </c>
      <c r="H2008" s="4">
        <v>9</v>
      </c>
      <c r="I2008" s="2">
        <v>0</v>
      </c>
    </row>
    <row r="2009" spans="1:9" hidden="1" x14ac:dyDescent="0.35">
      <c r="A2009" s="52" t="s">
        <v>78</v>
      </c>
      <c r="B2009" s="52" t="s">
        <v>79</v>
      </c>
      <c r="C2009" s="3">
        <v>211</v>
      </c>
      <c r="D2009" s="52" t="s">
        <v>2023</v>
      </c>
      <c r="E2009" s="52" t="s">
        <v>111</v>
      </c>
      <c r="F2009" s="52" t="s">
        <v>101</v>
      </c>
      <c r="G2009" s="52" t="s">
        <v>82</v>
      </c>
      <c r="H2009" s="4">
        <v>34</v>
      </c>
      <c r="I2009" s="2">
        <v>0</v>
      </c>
    </row>
    <row r="2010" spans="1:9" x14ac:dyDescent="0.35">
      <c r="A2010" s="52" t="s">
        <v>78</v>
      </c>
      <c r="B2010" s="52" t="s">
        <v>79</v>
      </c>
      <c r="C2010" s="3">
        <v>211</v>
      </c>
      <c r="D2010" s="52" t="s">
        <v>2023</v>
      </c>
      <c r="E2010" s="52" t="s">
        <v>106</v>
      </c>
      <c r="F2010" s="52" t="s">
        <v>101</v>
      </c>
      <c r="G2010" s="52" t="s">
        <v>108</v>
      </c>
      <c r="H2010" s="4">
        <v>1</v>
      </c>
      <c r="I2010" s="2">
        <v>0</v>
      </c>
    </row>
    <row r="2011" spans="1:9" hidden="1" x14ac:dyDescent="0.35">
      <c r="A2011" s="52" t="s">
        <v>78</v>
      </c>
      <c r="B2011" s="52" t="s">
        <v>79</v>
      </c>
      <c r="C2011" s="3">
        <v>211</v>
      </c>
      <c r="D2011" s="52" t="s">
        <v>2023</v>
      </c>
      <c r="E2011" s="52" t="s">
        <v>102</v>
      </c>
      <c r="F2011" s="52" t="s">
        <v>116</v>
      </c>
      <c r="G2011" s="52" t="s">
        <v>115</v>
      </c>
      <c r="H2011" s="4">
        <v>129</v>
      </c>
      <c r="I2011" s="2">
        <v>0</v>
      </c>
    </row>
    <row r="2012" spans="1:9" x14ac:dyDescent="0.35">
      <c r="A2012" s="52" t="s">
        <v>78</v>
      </c>
      <c r="B2012" s="52" t="s">
        <v>79</v>
      </c>
      <c r="C2012" s="3">
        <v>211</v>
      </c>
      <c r="D2012" s="52" t="s">
        <v>2023</v>
      </c>
      <c r="E2012" s="52" t="s">
        <v>106</v>
      </c>
      <c r="F2012" s="52" t="s">
        <v>103</v>
      </c>
      <c r="G2012" s="52" t="s">
        <v>82</v>
      </c>
      <c r="H2012" s="4">
        <v>1</v>
      </c>
      <c r="I2012" s="2">
        <v>0</v>
      </c>
    </row>
    <row r="2013" spans="1:9" hidden="1" x14ac:dyDescent="0.35">
      <c r="A2013" s="52" t="s">
        <v>78</v>
      </c>
      <c r="B2013" s="52" t="s">
        <v>79</v>
      </c>
      <c r="C2013" s="3">
        <v>211</v>
      </c>
      <c r="D2013" s="52" t="s">
        <v>2023</v>
      </c>
      <c r="E2013" s="52" t="s">
        <v>120</v>
      </c>
      <c r="F2013" s="52" t="s">
        <v>116</v>
      </c>
      <c r="G2013" s="52" t="s">
        <v>115</v>
      </c>
      <c r="H2013" s="4">
        <v>137</v>
      </c>
      <c r="I2013" s="2">
        <v>0</v>
      </c>
    </row>
    <row r="2014" spans="1:9" hidden="1" x14ac:dyDescent="0.35">
      <c r="A2014" s="52" t="s">
        <v>78</v>
      </c>
      <c r="B2014" s="52" t="s">
        <v>79</v>
      </c>
      <c r="C2014" s="3">
        <v>211</v>
      </c>
      <c r="D2014" s="52" t="s">
        <v>2023</v>
      </c>
      <c r="E2014" s="52" t="s">
        <v>104</v>
      </c>
      <c r="F2014" s="52" t="s">
        <v>101</v>
      </c>
      <c r="G2014" s="52" t="s">
        <v>82</v>
      </c>
      <c r="H2014" s="4">
        <v>34</v>
      </c>
      <c r="I2014" s="2">
        <v>0</v>
      </c>
    </row>
    <row r="2015" spans="1:9" hidden="1" x14ac:dyDescent="0.35">
      <c r="A2015" s="52" t="s">
        <v>78</v>
      </c>
      <c r="B2015" s="52" t="s">
        <v>79</v>
      </c>
      <c r="C2015" s="3">
        <v>211</v>
      </c>
      <c r="D2015" s="52" t="s">
        <v>2023</v>
      </c>
      <c r="E2015" s="52" t="s">
        <v>113</v>
      </c>
      <c r="F2015" s="52" t="s">
        <v>114</v>
      </c>
      <c r="G2015" s="52" t="s">
        <v>115</v>
      </c>
      <c r="H2015" s="4">
        <v>190</v>
      </c>
      <c r="I2015" s="2">
        <v>0</v>
      </c>
    </row>
    <row r="2016" spans="1:9" hidden="1" x14ac:dyDescent="0.35">
      <c r="A2016" s="52" t="s">
        <v>78</v>
      </c>
      <c r="B2016" s="52" t="s">
        <v>79</v>
      </c>
      <c r="C2016" s="3">
        <v>211</v>
      </c>
      <c r="D2016" s="52" t="s">
        <v>2023</v>
      </c>
      <c r="E2016" s="52" t="s">
        <v>134</v>
      </c>
      <c r="F2016" s="52" t="s">
        <v>123</v>
      </c>
      <c r="G2016" s="52" t="s">
        <v>82</v>
      </c>
      <c r="H2016" s="4">
        <v>27</v>
      </c>
      <c r="I2016" s="2">
        <v>0</v>
      </c>
    </row>
    <row r="2017" spans="1:9" hidden="1" x14ac:dyDescent="0.35">
      <c r="A2017" s="52" t="s">
        <v>78</v>
      </c>
      <c r="B2017" s="52" t="s">
        <v>79</v>
      </c>
      <c r="C2017" s="3">
        <v>211</v>
      </c>
      <c r="D2017" s="52" t="s">
        <v>2023</v>
      </c>
      <c r="E2017" s="52" t="s">
        <v>111</v>
      </c>
      <c r="F2017" s="52" t="s">
        <v>103</v>
      </c>
      <c r="G2017" s="52" t="s">
        <v>82</v>
      </c>
      <c r="H2017" s="4">
        <v>2</v>
      </c>
      <c r="I2017" s="2">
        <v>0</v>
      </c>
    </row>
    <row r="2018" spans="1:9" hidden="1" x14ac:dyDescent="0.35">
      <c r="A2018" s="52" t="s">
        <v>78</v>
      </c>
      <c r="B2018" s="52" t="s">
        <v>79</v>
      </c>
      <c r="C2018" s="3">
        <v>212</v>
      </c>
      <c r="D2018" s="52" t="s">
        <v>2023</v>
      </c>
      <c r="E2018" s="52" t="s">
        <v>92</v>
      </c>
      <c r="F2018" s="52" t="s">
        <v>93</v>
      </c>
      <c r="G2018" s="52" t="s">
        <v>82</v>
      </c>
      <c r="H2018" s="4">
        <v>806</v>
      </c>
      <c r="I2018" s="2">
        <v>14152.29</v>
      </c>
    </row>
    <row r="2019" spans="1:9" hidden="1" x14ac:dyDescent="0.35">
      <c r="A2019" s="52" t="s">
        <v>78</v>
      </c>
      <c r="B2019" s="52" t="s">
        <v>79</v>
      </c>
      <c r="C2019" s="3">
        <v>212</v>
      </c>
      <c r="D2019" s="52" t="s">
        <v>2023</v>
      </c>
      <c r="E2019" s="52" t="s">
        <v>26</v>
      </c>
      <c r="F2019" s="52" t="s">
        <v>81</v>
      </c>
      <c r="G2019" s="52" t="s">
        <v>82</v>
      </c>
      <c r="H2019" s="4">
        <v>8</v>
      </c>
      <c r="I2019" s="2">
        <v>117.2</v>
      </c>
    </row>
    <row r="2020" spans="1:9" hidden="1" x14ac:dyDescent="0.35">
      <c r="A2020" s="52" t="s">
        <v>78</v>
      </c>
      <c r="B2020" s="52" t="s">
        <v>79</v>
      </c>
      <c r="C2020" s="3">
        <v>212</v>
      </c>
      <c r="D2020" s="52" t="s">
        <v>2023</v>
      </c>
      <c r="E2020" s="52" t="s">
        <v>36</v>
      </c>
      <c r="F2020" s="52" t="s">
        <v>95</v>
      </c>
      <c r="G2020" s="52" t="s">
        <v>82</v>
      </c>
      <c r="H2020" s="4">
        <v>12</v>
      </c>
      <c r="I2020" s="2">
        <v>56.4</v>
      </c>
    </row>
    <row r="2021" spans="1:9" x14ac:dyDescent="0.35">
      <c r="A2021" s="52" t="s">
        <v>78</v>
      </c>
      <c r="B2021" s="52" t="s">
        <v>79</v>
      </c>
      <c r="C2021" s="3">
        <v>212</v>
      </c>
      <c r="D2021" s="52" t="s">
        <v>2023</v>
      </c>
      <c r="E2021" s="52" t="s">
        <v>38</v>
      </c>
      <c r="F2021" s="52" t="s">
        <v>97</v>
      </c>
      <c r="G2021" s="52" t="s">
        <v>82</v>
      </c>
      <c r="H2021" s="4">
        <v>1</v>
      </c>
      <c r="I2021" s="2">
        <v>4.7</v>
      </c>
    </row>
    <row r="2022" spans="1:9" x14ac:dyDescent="0.35">
      <c r="A2022" s="52" t="s">
        <v>78</v>
      </c>
      <c r="B2022" s="52" t="s">
        <v>79</v>
      </c>
      <c r="C2022" s="3">
        <v>212</v>
      </c>
      <c r="D2022" s="52" t="s">
        <v>2023</v>
      </c>
      <c r="E2022" s="52" t="s">
        <v>106</v>
      </c>
      <c r="F2022" s="52" t="s">
        <v>107</v>
      </c>
      <c r="G2022" s="52" t="s">
        <v>108</v>
      </c>
      <c r="H2022" s="4">
        <v>1</v>
      </c>
      <c r="I2022" s="2">
        <v>0</v>
      </c>
    </row>
    <row r="2023" spans="1:9" hidden="1" x14ac:dyDescent="0.35">
      <c r="A2023" s="52" t="s">
        <v>78</v>
      </c>
      <c r="B2023" s="52" t="s">
        <v>79</v>
      </c>
      <c r="C2023" s="3">
        <v>212</v>
      </c>
      <c r="D2023" s="52" t="s">
        <v>2023</v>
      </c>
      <c r="E2023" s="52" t="s">
        <v>102</v>
      </c>
      <c r="F2023" s="52" t="s">
        <v>107</v>
      </c>
      <c r="G2023" s="52" t="s">
        <v>108</v>
      </c>
      <c r="H2023" s="4">
        <v>8</v>
      </c>
      <c r="I2023" s="2">
        <v>0</v>
      </c>
    </row>
    <row r="2024" spans="1:9" hidden="1" x14ac:dyDescent="0.35">
      <c r="A2024" s="52" t="s">
        <v>78</v>
      </c>
      <c r="B2024" s="52" t="s">
        <v>79</v>
      </c>
      <c r="C2024" s="3">
        <v>212</v>
      </c>
      <c r="D2024" s="52" t="s">
        <v>2023</v>
      </c>
      <c r="E2024" s="52" t="s">
        <v>111</v>
      </c>
      <c r="F2024" s="52" t="s">
        <v>95</v>
      </c>
      <c r="G2024" s="52" t="s">
        <v>82</v>
      </c>
      <c r="H2024" s="4">
        <v>2</v>
      </c>
      <c r="I2024" s="2">
        <v>0</v>
      </c>
    </row>
    <row r="2025" spans="1:9" x14ac:dyDescent="0.35">
      <c r="A2025" s="52" t="s">
        <v>78</v>
      </c>
      <c r="B2025" s="52" t="s">
        <v>79</v>
      </c>
      <c r="C2025" s="3">
        <v>212</v>
      </c>
      <c r="D2025" s="52" t="s">
        <v>2023</v>
      </c>
      <c r="E2025" s="52" t="s">
        <v>134</v>
      </c>
      <c r="F2025" s="52" t="s">
        <v>123</v>
      </c>
      <c r="G2025" s="52" t="s">
        <v>82</v>
      </c>
      <c r="H2025" s="4">
        <v>1</v>
      </c>
      <c r="I2025" s="2">
        <v>0</v>
      </c>
    </row>
    <row r="2026" spans="1:9" hidden="1" x14ac:dyDescent="0.35">
      <c r="A2026" s="52" t="s">
        <v>78</v>
      </c>
      <c r="B2026" s="52" t="s">
        <v>79</v>
      </c>
      <c r="C2026" s="3">
        <v>212</v>
      </c>
      <c r="D2026" s="52" t="s">
        <v>2023</v>
      </c>
      <c r="E2026" s="52" t="s">
        <v>118</v>
      </c>
      <c r="F2026" s="52" t="s">
        <v>119</v>
      </c>
      <c r="G2026" s="52" t="s">
        <v>115</v>
      </c>
      <c r="H2026" s="4">
        <v>31</v>
      </c>
      <c r="I2026" s="2">
        <v>0</v>
      </c>
    </row>
    <row r="2027" spans="1:9" hidden="1" x14ac:dyDescent="0.35">
      <c r="A2027" s="52" t="s">
        <v>78</v>
      </c>
      <c r="B2027" s="52" t="s">
        <v>79</v>
      </c>
      <c r="C2027" s="3">
        <v>212</v>
      </c>
      <c r="D2027" s="52" t="s">
        <v>2023</v>
      </c>
      <c r="E2027" s="52" t="s">
        <v>111</v>
      </c>
      <c r="F2027" s="52" t="s">
        <v>101</v>
      </c>
      <c r="G2027" s="52" t="s">
        <v>82</v>
      </c>
      <c r="H2027" s="4">
        <v>10</v>
      </c>
      <c r="I2027" s="2">
        <v>0</v>
      </c>
    </row>
    <row r="2028" spans="1:9" hidden="1" x14ac:dyDescent="0.35">
      <c r="A2028" s="52" t="s">
        <v>78</v>
      </c>
      <c r="B2028" s="52" t="s">
        <v>79</v>
      </c>
      <c r="C2028" s="3">
        <v>212</v>
      </c>
      <c r="D2028" s="52" t="s">
        <v>2023</v>
      </c>
      <c r="E2028" s="52" t="s">
        <v>113</v>
      </c>
      <c r="F2028" s="52" t="s">
        <v>114</v>
      </c>
      <c r="G2028" s="52" t="s">
        <v>115</v>
      </c>
      <c r="H2028" s="4">
        <v>50</v>
      </c>
      <c r="I2028" s="2">
        <v>0</v>
      </c>
    </row>
    <row r="2029" spans="1:9" hidden="1" x14ac:dyDescent="0.35">
      <c r="A2029" s="52" t="s">
        <v>78</v>
      </c>
      <c r="B2029" s="52" t="s">
        <v>79</v>
      </c>
      <c r="C2029" s="3">
        <v>212</v>
      </c>
      <c r="D2029" s="52" t="s">
        <v>2023</v>
      </c>
      <c r="E2029" s="52" t="s">
        <v>111</v>
      </c>
      <c r="F2029" s="52" t="s">
        <v>105</v>
      </c>
      <c r="G2029" s="52" t="s">
        <v>82</v>
      </c>
      <c r="H2029" s="4">
        <v>8</v>
      </c>
      <c r="I2029" s="2">
        <v>0</v>
      </c>
    </row>
    <row r="2030" spans="1:9" hidden="1" x14ac:dyDescent="0.35">
      <c r="A2030" s="52" t="s">
        <v>78</v>
      </c>
      <c r="B2030" s="52" t="s">
        <v>79</v>
      </c>
      <c r="C2030" s="3">
        <v>212</v>
      </c>
      <c r="D2030" s="52" t="s">
        <v>2023</v>
      </c>
      <c r="E2030" s="52" t="s">
        <v>102</v>
      </c>
      <c r="F2030" s="52" t="s">
        <v>116</v>
      </c>
      <c r="G2030" s="52" t="s">
        <v>115</v>
      </c>
      <c r="H2030" s="4">
        <v>30</v>
      </c>
      <c r="I2030" s="2">
        <v>0</v>
      </c>
    </row>
    <row r="2031" spans="1:9" hidden="1" x14ac:dyDescent="0.35">
      <c r="A2031" s="52" t="s">
        <v>78</v>
      </c>
      <c r="B2031" s="52" t="s">
        <v>79</v>
      </c>
      <c r="C2031" s="3">
        <v>212</v>
      </c>
      <c r="D2031" s="52" t="s">
        <v>2023</v>
      </c>
      <c r="E2031" s="52" t="s">
        <v>139</v>
      </c>
      <c r="F2031" s="52" t="s">
        <v>140</v>
      </c>
      <c r="G2031" s="52" t="s">
        <v>82</v>
      </c>
      <c r="H2031" s="4">
        <v>4</v>
      </c>
      <c r="I2031" s="2">
        <v>0</v>
      </c>
    </row>
    <row r="2032" spans="1:9" hidden="1" x14ac:dyDescent="0.35">
      <c r="A2032" s="52" t="s">
        <v>78</v>
      </c>
      <c r="B2032" s="52" t="s">
        <v>79</v>
      </c>
      <c r="C2032" s="3">
        <v>212</v>
      </c>
      <c r="D2032" s="52" t="s">
        <v>2023</v>
      </c>
      <c r="E2032" s="52" t="s">
        <v>135</v>
      </c>
      <c r="F2032" s="52" t="s">
        <v>112</v>
      </c>
      <c r="G2032" s="52" t="s">
        <v>82</v>
      </c>
      <c r="H2032" s="4">
        <v>99</v>
      </c>
      <c r="I2032" s="2">
        <v>0</v>
      </c>
    </row>
    <row r="2033" spans="1:9" hidden="1" x14ac:dyDescent="0.35">
      <c r="A2033" s="52" t="s">
        <v>78</v>
      </c>
      <c r="B2033" s="52" t="s">
        <v>79</v>
      </c>
      <c r="C2033" s="3">
        <v>212</v>
      </c>
      <c r="D2033" s="52" t="s">
        <v>2023</v>
      </c>
      <c r="E2033" s="52" t="s">
        <v>120</v>
      </c>
      <c r="F2033" s="52" t="s">
        <v>116</v>
      </c>
      <c r="G2033" s="52" t="s">
        <v>115</v>
      </c>
      <c r="H2033" s="4">
        <v>31</v>
      </c>
      <c r="I2033" s="2">
        <v>0</v>
      </c>
    </row>
    <row r="2034" spans="1:9" hidden="1" x14ac:dyDescent="0.35">
      <c r="A2034" s="52" t="s">
        <v>78</v>
      </c>
      <c r="B2034" s="52" t="s">
        <v>79</v>
      </c>
      <c r="C2034" s="3">
        <v>212</v>
      </c>
      <c r="D2034" s="52" t="s">
        <v>2023</v>
      </c>
      <c r="E2034" s="52" t="s">
        <v>121</v>
      </c>
      <c r="F2034" s="52" t="s">
        <v>112</v>
      </c>
      <c r="G2034" s="52" t="s">
        <v>108</v>
      </c>
      <c r="H2034" s="4">
        <v>19</v>
      </c>
      <c r="I2034" s="2">
        <v>0</v>
      </c>
    </row>
    <row r="2035" spans="1:9" hidden="1" x14ac:dyDescent="0.35">
      <c r="A2035" s="52" t="s">
        <v>78</v>
      </c>
      <c r="B2035" s="52" t="s">
        <v>79</v>
      </c>
      <c r="C2035" s="3">
        <v>212</v>
      </c>
      <c r="D2035" s="52" t="s">
        <v>2023</v>
      </c>
      <c r="E2035" s="52" t="s">
        <v>117</v>
      </c>
      <c r="F2035" s="52" t="s">
        <v>116</v>
      </c>
      <c r="G2035" s="52" t="s">
        <v>82</v>
      </c>
      <c r="H2035" s="4">
        <v>69</v>
      </c>
      <c r="I2035" s="2">
        <v>0</v>
      </c>
    </row>
    <row r="2036" spans="1:9" hidden="1" x14ac:dyDescent="0.35">
      <c r="A2036" s="52" t="s">
        <v>78</v>
      </c>
      <c r="B2036" s="52" t="s">
        <v>79</v>
      </c>
      <c r="C2036" s="3">
        <v>212</v>
      </c>
      <c r="D2036" s="52" t="s">
        <v>2023</v>
      </c>
      <c r="E2036" s="52" t="s">
        <v>102</v>
      </c>
      <c r="F2036" s="52" t="s">
        <v>103</v>
      </c>
      <c r="G2036" s="52" t="s">
        <v>82</v>
      </c>
      <c r="H2036" s="4">
        <v>22</v>
      </c>
      <c r="I2036" s="2">
        <v>0</v>
      </c>
    </row>
    <row r="2037" spans="1:9" hidden="1" x14ac:dyDescent="0.35">
      <c r="A2037" s="52" t="s">
        <v>78</v>
      </c>
      <c r="B2037" s="52" t="s">
        <v>79</v>
      </c>
      <c r="C2037" s="3">
        <v>212</v>
      </c>
      <c r="D2037" s="52" t="s">
        <v>2023</v>
      </c>
      <c r="E2037" s="52" t="s">
        <v>111</v>
      </c>
      <c r="F2037" s="52" t="s">
        <v>93</v>
      </c>
      <c r="G2037" s="52" t="s">
        <v>82</v>
      </c>
      <c r="H2037" s="4">
        <v>12</v>
      </c>
      <c r="I2037" s="2">
        <v>0</v>
      </c>
    </row>
    <row r="2038" spans="1:9" x14ac:dyDescent="0.35">
      <c r="A2038" s="52" t="s">
        <v>78</v>
      </c>
      <c r="B2038" s="52" t="s">
        <v>79</v>
      </c>
      <c r="C2038" s="3">
        <v>213</v>
      </c>
      <c r="D2038" s="52" t="s">
        <v>2023</v>
      </c>
      <c r="E2038" s="52" t="s">
        <v>92</v>
      </c>
      <c r="F2038" s="52" t="s">
        <v>93</v>
      </c>
      <c r="G2038" s="52" t="s">
        <v>82</v>
      </c>
      <c r="H2038" s="4">
        <v>1</v>
      </c>
      <c r="I2038" s="2">
        <v>1.96</v>
      </c>
    </row>
    <row r="2039" spans="1:9" x14ac:dyDescent="0.35">
      <c r="A2039" s="52" t="s">
        <v>78</v>
      </c>
      <c r="B2039" s="52" t="s">
        <v>79</v>
      </c>
      <c r="C2039" s="3">
        <v>213</v>
      </c>
      <c r="D2039" s="52" t="s">
        <v>2023</v>
      </c>
      <c r="E2039" s="52" t="s">
        <v>102</v>
      </c>
      <c r="F2039" s="52" t="s">
        <v>107</v>
      </c>
      <c r="G2039" s="52" t="s">
        <v>108</v>
      </c>
      <c r="H2039" s="4">
        <v>1</v>
      </c>
      <c r="I2039" s="2">
        <v>0</v>
      </c>
    </row>
    <row r="2040" spans="1:9" hidden="1" x14ac:dyDescent="0.35">
      <c r="A2040" s="52" t="s">
        <v>78</v>
      </c>
      <c r="B2040" s="52" t="s">
        <v>79</v>
      </c>
      <c r="C2040" s="3">
        <v>213</v>
      </c>
      <c r="D2040" s="52" t="s">
        <v>2023</v>
      </c>
      <c r="E2040" s="52" t="s">
        <v>102</v>
      </c>
      <c r="F2040" s="52" t="s">
        <v>103</v>
      </c>
      <c r="G2040" s="52" t="s">
        <v>82</v>
      </c>
      <c r="H2040" s="4">
        <v>6</v>
      </c>
      <c r="I2040" s="2">
        <v>0</v>
      </c>
    </row>
    <row r="2041" spans="1:9" hidden="1" x14ac:dyDescent="0.35">
      <c r="A2041" s="52" t="s">
        <v>78</v>
      </c>
      <c r="B2041" s="52" t="s">
        <v>79</v>
      </c>
      <c r="C2041" s="3">
        <v>213</v>
      </c>
      <c r="D2041" s="52" t="s">
        <v>2023</v>
      </c>
      <c r="E2041" s="52" t="s">
        <v>113</v>
      </c>
      <c r="F2041" s="52" t="s">
        <v>114</v>
      </c>
      <c r="G2041" s="52" t="s">
        <v>115</v>
      </c>
      <c r="H2041" s="4">
        <v>4</v>
      </c>
      <c r="I2041" s="2">
        <v>0</v>
      </c>
    </row>
    <row r="2042" spans="1:9" hidden="1" x14ac:dyDescent="0.35">
      <c r="A2042" s="52" t="s">
        <v>78</v>
      </c>
      <c r="B2042" s="52" t="s">
        <v>79</v>
      </c>
      <c r="C2042" s="3">
        <v>216</v>
      </c>
      <c r="D2042" s="52" t="s">
        <v>2023</v>
      </c>
      <c r="E2042" s="52" t="s">
        <v>92</v>
      </c>
      <c r="F2042" s="52" t="s">
        <v>93</v>
      </c>
      <c r="G2042" s="52" t="s">
        <v>82</v>
      </c>
      <c r="H2042" s="4">
        <v>71</v>
      </c>
      <c r="I2042" s="2">
        <v>856.38</v>
      </c>
    </row>
    <row r="2043" spans="1:9" x14ac:dyDescent="0.35">
      <c r="A2043" s="52" t="s">
        <v>78</v>
      </c>
      <c r="B2043" s="52" t="s">
        <v>79</v>
      </c>
      <c r="C2043" s="3">
        <v>216</v>
      </c>
      <c r="D2043" s="52" t="s">
        <v>2023</v>
      </c>
      <c r="E2043" s="52" t="s">
        <v>134</v>
      </c>
      <c r="F2043" s="52" t="s">
        <v>123</v>
      </c>
      <c r="G2043" s="52" t="s">
        <v>82</v>
      </c>
      <c r="H2043" s="4">
        <v>1</v>
      </c>
      <c r="I2043" s="2">
        <v>0</v>
      </c>
    </row>
    <row r="2044" spans="1:9" x14ac:dyDescent="0.35">
      <c r="A2044" s="52" t="s">
        <v>78</v>
      </c>
      <c r="B2044" s="52" t="s">
        <v>79</v>
      </c>
      <c r="C2044" s="3">
        <v>216</v>
      </c>
      <c r="D2044" s="52" t="s">
        <v>2023</v>
      </c>
      <c r="E2044" s="52" t="s">
        <v>106</v>
      </c>
      <c r="F2044" s="52" t="s">
        <v>107</v>
      </c>
      <c r="G2044" s="52" t="s">
        <v>108</v>
      </c>
      <c r="H2044" s="4">
        <v>1</v>
      </c>
      <c r="I2044" s="2">
        <v>0</v>
      </c>
    </row>
    <row r="2045" spans="1:9" hidden="1" x14ac:dyDescent="0.35">
      <c r="A2045" s="52" t="s">
        <v>78</v>
      </c>
      <c r="B2045" s="52" t="s">
        <v>79</v>
      </c>
      <c r="C2045" s="3">
        <v>216</v>
      </c>
      <c r="D2045" s="52" t="s">
        <v>2023</v>
      </c>
      <c r="E2045" s="52" t="s">
        <v>109</v>
      </c>
      <c r="F2045" s="52" t="s">
        <v>110</v>
      </c>
      <c r="G2045" s="52" t="s">
        <v>108</v>
      </c>
      <c r="H2045" s="4">
        <v>2</v>
      </c>
      <c r="I2045" s="2">
        <v>0</v>
      </c>
    </row>
    <row r="2046" spans="1:9" hidden="1" x14ac:dyDescent="0.35">
      <c r="A2046" s="52" t="s">
        <v>78</v>
      </c>
      <c r="B2046" s="52" t="s">
        <v>79</v>
      </c>
      <c r="C2046" s="3">
        <v>216</v>
      </c>
      <c r="D2046" s="52" t="s">
        <v>2023</v>
      </c>
      <c r="E2046" s="52" t="s">
        <v>102</v>
      </c>
      <c r="F2046" s="52" t="s">
        <v>107</v>
      </c>
      <c r="G2046" s="52" t="s">
        <v>108</v>
      </c>
      <c r="H2046" s="4">
        <v>4</v>
      </c>
      <c r="I2046" s="2">
        <v>0</v>
      </c>
    </row>
    <row r="2047" spans="1:9" hidden="1" x14ac:dyDescent="0.35">
      <c r="A2047" s="52" t="s">
        <v>78</v>
      </c>
      <c r="B2047" s="52" t="s">
        <v>79</v>
      </c>
      <c r="C2047" s="3">
        <v>216</v>
      </c>
      <c r="D2047" s="52" t="s">
        <v>2023</v>
      </c>
      <c r="E2047" s="52" t="s">
        <v>139</v>
      </c>
      <c r="F2047" s="52" t="s">
        <v>140</v>
      </c>
      <c r="G2047" s="52" t="s">
        <v>82</v>
      </c>
      <c r="H2047" s="4">
        <v>2</v>
      </c>
      <c r="I2047" s="2">
        <v>0</v>
      </c>
    </row>
    <row r="2048" spans="1:9" hidden="1" x14ac:dyDescent="0.35">
      <c r="A2048" s="52" t="s">
        <v>78</v>
      </c>
      <c r="B2048" s="52" t="s">
        <v>79</v>
      </c>
      <c r="C2048" s="3">
        <v>216</v>
      </c>
      <c r="D2048" s="52" t="s">
        <v>2023</v>
      </c>
      <c r="E2048" s="52" t="s">
        <v>135</v>
      </c>
      <c r="F2048" s="52" t="s">
        <v>112</v>
      </c>
      <c r="G2048" s="52" t="s">
        <v>82</v>
      </c>
      <c r="H2048" s="4">
        <v>2</v>
      </c>
      <c r="I2048" s="2">
        <v>0</v>
      </c>
    </row>
    <row r="2049" spans="1:9" hidden="1" x14ac:dyDescent="0.35">
      <c r="A2049" s="52" t="s">
        <v>78</v>
      </c>
      <c r="B2049" s="52" t="s">
        <v>79</v>
      </c>
      <c r="C2049" s="3">
        <v>216</v>
      </c>
      <c r="D2049" s="52" t="s">
        <v>2023</v>
      </c>
      <c r="E2049" s="52" t="s">
        <v>102</v>
      </c>
      <c r="F2049" s="52" t="s">
        <v>103</v>
      </c>
      <c r="G2049" s="52" t="s">
        <v>82</v>
      </c>
      <c r="H2049" s="4">
        <v>16</v>
      </c>
      <c r="I2049" s="2">
        <v>0</v>
      </c>
    </row>
    <row r="2050" spans="1:9" hidden="1" x14ac:dyDescent="0.35">
      <c r="A2050" s="52" t="s">
        <v>78</v>
      </c>
      <c r="B2050" s="52" t="s">
        <v>79</v>
      </c>
      <c r="C2050" s="3">
        <v>221</v>
      </c>
      <c r="D2050" s="52" t="s">
        <v>2023</v>
      </c>
      <c r="E2050" s="52" t="s">
        <v>92</v>
      </c>
      <c r="F2050" s="52" t="s">
        <v>93</v>
      </c>
      <c r="G2050" s="52" t="s">
        <v>82</v>
      </c>
      <c r="H2050" s="4">
        <v>57</v>
      </c>
      <c r="I2050" s="2">
        <v>1471.85</v>
      </c>
    </row>
    <row r="2051" spans="1:9" hidden="1" x14ac:dyDescent="0.35">
      <c r="A2051" s="52" t="s">
        <v>78</v>
      </c>
      <c r="B2051" s="52" t="s">
        <v>79</v>
      </c>
      <c r="C2051" s="3">
        <v>221</v>
      </c>
      <c r="D2051" s="52" t="s">
        <v>2023</v>
      </c>
      <c r="E2051" s="52" t="s">
        <v>36</v>
      </c>
      <c r="F2051" s="52" t="s">
        <v>95</v>
      </c>
      <c r="G2051" s="52" t="s">
        <v>82</v>
      </c>
      <c r="H2051" s="4">
        <v>2</v>
      </c>
      <c r="I2051" s="2">
        <v>9.4</v>
      </c>
    </row>
    <row r="2052" spans="1:9" hidden="1" x14ac:dyDescent="0.35">
      <c r="A2052" s="52" t="s">
        <v>78</v>
      </c>
      <c r="B2052" s="52" t="s">
        <v>79</v>
      </c>
      <c r="C2052" s="3">
        <v>221</v>
      </c>
      <c r="D2052" s="52" t="s">
        <v>2023</v>
      </c>
      <c r="E2052" s="52" t="s">
        <v>113</v>
      </c>
      <c r="F2052" s="52" t="s">
        <v>114</v>
      </c>
      <c r="G2052" s="52" t="s">
        <v>115</v>
      </c>
      <c r="H2052" s="4">
        <v>15</v>
      </c>
      <c r="I2052" s="2">
        <v>0</v>
      </c>
    </row>
    <row r="2053" spans="1:9" hidden="1" x14ac:dyDescent="0.35">
      <c r="A2053" s="52" t="s">
        <v>78</v>
      </c>
      <c r="B2053" s="52" t="s">
        <v>79</v>
      </c>
      <c r="C2053" s="3">
        <v>221</v>
      </c>
      <c r="D2053" s="52" t="s">
        <v>2023</v>
      </c>
      <c r="E2053" s="52" t="s">
        <v>102</v>
      </c>
      <c r="F2053" s="52" t="s">
        <v>107</v>
      </c>
      <c r="G2053" s="52" t="s">
        <v>108</v>
      </c>
      <c r="H2053" s="4">
        <v>3</v>
      </c>
      <c r="I2053" s="2">
        <v>0</v>
      </c>
    </row>
    <row r="2054" spans="1:9" x14ac:dyDescent="0.35">
      <c r="A2054" s="52" t="s">
        <v>78</v>
      </c>
      <c r="B2054" s="52" t="s">
        <v>79</v>
      </c>
      <c r="C2054" s="3">
        <v>221</v>
      </c>
      <c r="D2054" s="52" t="s">
        <v>2023</v>
      </c>
      <c r="E2054" s="52" t="s">
        <v>135</v>
      </c>
      <c r="F2054" s="52" t="s">
        <v>112</v>
      </c>
      <c r="G2054" s="52" t="s">
        <v>82</v>
      </c>
      <c r="H2054" s="4">
        <v>1</v>
      </c>
      <c r="I2054" s="2">
        <v>0</v>
      </c>
    </row>
    <row r="2055" spans="1:9" hidden="1" x14ac:dyDescent="0.35">
      <c r="A2055" s="52" t="s">
        <v>78</v>
      </c>
      <c r="B2055" s="52" t="s">
        <v>79</v>
      </c>
      <c r="C2055" s="3">
        <v>221</v>
      </c>
      <c r="D2055" s="52" t="s">
        <v>2023</v>
      </c>
      <c r="E2055" s="52" t="s">
        <v>117</v>
      </c>
      <c r="F2055" s="52" t="s">
        <v>116</v>
      </c>
      <c r="G2055" s="52" t="s">
        <v>82</v>
      </c>
      <c r="H2055" s="4">
        <v>2</v>
      </c>
      <c r="I2055" s="2">
        <v>0</v>
      </c>
    </row>
    <row r="2056" spans="1:9" x14ac:dyDescent="0.35">
      <c r="A2056" s="52" t="s">
        <v>78</v>
      </c>
      <c r="B2056" s="52" t="s">
        <v>79</v>
      </c>
      <c r="C2056" s="3">
        <v>221</v>
      </c>
      <c r="D2056" s="52" t="s">
        <v>2023</v>
      </c>
      <c r="E2056" s="52" t="s">
        <v>139</v>
      </c>
      <c r="F2056" s="52" t="s">
        <v>140</v>
      </c>
      <c r="G2056" s="52" t="s">
        <v>82</v>
      </c>
      <c r="H2056" s="4">
        <v>1</v>
      </c>
      <c r="I2056" s="2">
        <v>0</v>
      </c>
    </row>
    <row r="2057" spans="1:9" hidden="1" x14ac:dyDescent="0.35">
      <c r="A2057" s="52" t="s">
        <v>78</v>
      </c>
      <c r="B2057" s="52" t="s">
        <v>79</v>
      </c>
      <c r="C2057" s="3">
        <v>221</v>
      </c>
      <c r="D2057" s="52" t="s">
        <v>2023</v>
      </c>
      <c r="E2057" s="52" t="s">
        <v>102</v>
      </c>
      <c r="F2057" s="52" t="s">
        <v>103</v>
      </c>
      <c r="G2057" s="52" t="s">
        <v>82</v>
      </c>
      <c r="H2057" s="4">
        <v>6</v>
      </c>
      <c r="I2057" s="2">
        <v>0</v>
      </c>
    </row>
    <row r="2058" spans="1:9" hidden="1" x14ac:dyDescent="0.35">
      <c r="A2058" s="52" t="s">
        <v>78</v>
      </c>
      <c r="B2058" s="52" t="s">
        <v>79</v>
      </c>
      <c r="C2058" s="3">
        <v>222</v>
      </c>
      <c r="D2058" s="52" t="s">
        <v>2023</v>
      </c>
      <c r="E2058" s="52" t="s">
        <v>92</v>
      </c>
      <c r="F2058" s="52" t="s">
        <v>93</v>
      </c>
      <c r="G2058" s="52" t="s">
        <v>82</v>
      </c>
      <c r="H2058" s="4">
        <v>5</v>
      </c>
      <c r="I2058" s="2">
        <v>124.11</v>
      </c>
    </row>
    <row r="2059" spans="1:9" x14ac:dyDescent="0.35">
      <c r="A2059" s="52" t="s">
        <v>78</v>
      </c>
      <c r="B2059" s="52" t="s">
        <v>79</v>
      </c>
      <c r="C2059" s="3">
        <v>222</v>
      </c>
      <c r="D2059" s="52" t="s">
        <v>2023</v>
      </c>
      <c r="E2059" s="52" t="s">
        <v>36</v>
      </c>
      <c r="F2059" s="52" t="s">
        <v>95</v>
      </c>
      <c r="G2059" s="52" t="s">
        <v>82</v>
      </c>
      <c r="H2059" s="4">
        <v>1</v>
      </c>
      <c r="I2059" s="2">
        <v>4.7</v>
      </c>
    </row>
    <row r="2060" spans="1:9" x14ac:dyDescent="0.35">
      <c r="A2060" s="52" t="s">
        <v>78</v>
      </c>
      <c r="B2060" s="52" t="s">
        <v>79</v>
      </c>
      <c r="C2060" s="3">
        <v>222</v>
      </c>
      <c r="D2060" s="52" t="s">
        <v>2023</v>
      </c>
      <c r="E2060" s="52" t="s">
        <v>102</v>
      </c>
      <c r="F2060" s="52" t="s">
        <v>116</v>
      </c>
      <c r="G2060" s="52" t="s">
        <v>115</v>
      </c>
      <c r="H2060" s="4">
        <v>1</v>
      </c>
      <c r="I2060" s="2">
        <v>0</v>
      </c>
    </row>
    <row r="2061" spans="1:9" x14ac:dyDescent="0.35">
      <c r="A2061" s="52" t="s">
        <v>78</v>
      </c>
      <c r="B2061" s="52" t="s">
        <v>79</v>
      </c>
      <c r="C2061" s="3">
        <v>222</v>
      </c>
      <c r="D2061" s="52" t="s">
        <v>2023</v>
      </c>
      <c r="E2061" s="52" t="s">
        <v>120</v>
      </c>
      <c r="F2061" s="52" t="s">
        <v>116</v>
      </c>
      <c r="G2061" s="52" t="s">
        <v>115</v>
      </c>
      <c r="H2061" s="4">
        <v>1</v>
      </c>
      <c r="I2061" s="2">
        <v>0</v>
      </c>
    </row>
    <row r="2062" spans="1:9" x14ac:dyDescent="0.35">
      <c r="A2062" s="52" t="s">
        <v>78</v>
      </c>
      <c r="B2062" s="52" t="s">
        <v>79</v>
      </c>
      <c r="C2062" s="3">
        <v>222</v>
      </c>
      <c r="D2062" s="52" t="s">
        <v>2023</v>
      </c>
      <c r="E2062" s="52" t="s">
        <v>117</v>
      </c>
      <c r="F2062" s="52" t="s">
        <v>116</v>
      </c>
      <c r="G2062" s="52" t="s">
        <v>82</v>
      </c>
      <c r="H2062" s="4">
        <v>1</v>
      </c>
      <c r="I2062" s="2">
        <v>0</v>
      </c>
    </row>
    <row r="2063" spans="1:9" x14ac:dyDescent="0.35">
      <c r="A2063" s="52" t="s">
        <v>78</v>
      </c>
      <c r="B2063" s="52" t="s">
        <v>79</v>
      </c>
      <c r="C2063" s="3">
        <v>222</v>
      </c>
      <c r="D2063" s="52" t="s">
        <v>2023</v>
      </c>
      <c r="E2063" s="52" t="s">
        <v>118</v>
      </c>
      <c r="F2063" s="52" t="s">
        <v>119</v>
      </c>
      <c r="G2063" s="52" t="s">
        <v>115</v>
      </c>
      <c r="H2063" s="4">
        <v>1</v>
      </c>
      <c r="I2063" s="2">
        <v>0</v>
      </c>
    </row>
    <row r="2064" spans="1:9" hidden="1" x14ac:dyDescent="0.35">
      <c r="A2064" s="52" t="s">
        <v>78</v>
      </c>
      <c r="B2064" s="52" t="s">
        <v>79</v>
      </c>
      <c r="C2064" s="3">
        <v>230</v>
      </c>
      <c r="D2064" s="52" t="s">
        <v>2023</v>
      </c>
      <c r="E2064" s="52" t="s">
        <v>92</v>
      </c>
      <c r="F2064" s="52" t="s">
        <v>93</v>
      </c>
      <c r="G2064" s="52" t="s">
        <v>82</v>
      </c>
      <c r="H2064" s="4">
        <v>20</v>
      </c>
      <c r="I2064" s="2">
        <v>7394.75</v>
      </c>
    </row>
    <row r="2065" spans="1:9" x14ac:dyDescent="0.35">
      <c r="A2065" s="52" t="s">
        <v>78</v>
      </c>
      <c r="B2065" s="52" t="s">
        <v>79</v>
      </c>
      <c r="C2065" s="3">
        <v>230</v>
      </c>
      <c r="D2065" s="52" t="s">
        <v>2023</v>
      </c>
      <c r="E2065" s="52" t="s">
        <v>26</v>
      </c>
      <c r="F2065" s="52" t="s">
        <v>81</v>
      </c>
      <c r="G2065" s="52" t="s">
        <v>82</v>
      </c>
      <c r="H2065" s="4">
        <v>1</v>
      </c>
      <c r="I2065" s="2">
        <v>14.65</v>
      </c>
    </row>
    <row r="2066" spans="1:9" x14ac:dyDescent="0.35">
      <c r="A2066" s="52" t="s">
        <v>78</v>
      </c>
      <c r="B2066" s="52" t="s">
        <v>79</v>
      </c>
      <c r="C2066" s="3">
        <v>230</v>
      </c>
      <c r="D2066" s="52" t="s">
        <v>2023</v>
      </c>
      <c r="E2066" s="52" t="s">
        <v>139</v>
      </c>
      <c r="F2066" s="52" t="s">
        <v>140</v>
      </c>
      <c r="G2066" s="52" t="s">
        <v>82</v>
      </c>
      <c r="H2066" s="4">
        <v>1</v>
      </c>
      <c r="I2066" s="2">
        <v>0</v>
      </c>
    </row>
    <row r="2067" spans="1:9" x14ac:dyDescent="0.35">
      <c r="A2067" s="52" t="s">
        <v>78</v>
      </c>
      <c r="B2067" s="52" t="s">
        <v>79</v>
      </c>
      <c r="C2067" s="3">
        <v>230</v>
      </c>
      <c r="D2067" s="52" t="s">
        <v>2023</v>
      </c>
      <c r="E2067" s="52" t="s">
        <v>102</v>
      </c>
      <c r="F2067" s="52" t="s">
        <v>103</v>
      </c>
      <c r="G2067" s="52" t="s">
        <v>82</v>
      </c>
      <c r="H2067" s="4">
        <v>1</v>
      </c>
      <c r="I2067" s="2">
        <v>0</v>
      </c>
    </row>
    <row r="2068" spans="1:9" hidden="1" x14ac:dyDescent="0.35">
      <c r="A2068" s="52" t="s">
        <v>78</v>
      </c>
      <c r="B2068" s="52" t="s">
        <v>79</v>
      </c>
      <c r="C2068" s="3">
        <v>230</v>
      </c>
      <c r="D2068" s="52" t="s">
        <v>2023</v>
      </c>
      <c r="E2068" s="52" t="s">
        <v>113</v>
      </c>
      <c r="F2068" s="52" t="s">
        <v>114</v>
      </c>
      <c r="G2068" s="52" t="s">
        <v>115</v>
      </c>
      <c r="H2068" s="4">
        <v>6</v>
      </c>
      <c r="I2068" s="2">
        <v>0</v>
      </c>
    </row>
    <row r="2069" spans="1:9" x14ac:dyDescent="0.35">
      <c r="A2069" s="52" t="s">
        <v>78</v>
      </c>
      <c r="B2069" s="52" t="s">
        <v>79</v>
      </c>
      <c r="C2069" s="3">
        <v>400</v>
      </c>
      <c r="D2069" s="52" t="s">
        <v>2023</v>
      </c>
      <c r="E2069" s="52" t="s">
        <v>92</v>
      </c>
      <c r="F2069" s="52" t="s">
        <v>93</v>
      </c>
      <c r="G2069" s="52" t="s">
        <v>82</v>
      </c>
      <c r="H2069" s="4">
        <v>1</v>
      </c>
      <c r="I2069" s="2">
        <v>1.53</v>
      </c>
    </row>
    <row r="2070" spans="1:9" hidden="1" x14ac:dyDescent="0.35">
      <c r="A2070" s="52" t="s">
        <v>78</v>
      </c>
      <c r="B2070" s="52" t="s">
        <v>79</v>
      </c>
      <c r="C2070" s="3">
        <v>400</v>
      </c>
      <c r="D2070" s="52" t="s">
        <v>2023</v>
      </c>
      <c r="E2070" s="52" t="s">
        <v>102</v>
      </c>
      <c r="F2070" s="52" t="s">
        <v>103</v>
      </c>
      <c r="G2070" s="52" t="s">
        <v>82</v>
      </c>
      <c r="H2070" s="4">
        <v>2</v>
      </c>
      <c r="I2070" s="2">
        <v>0</v>
      </c>
    </row>
    <row r="2071" spans="1:9" hidden="1" x14ac:dyDescent="0.35">
      <c r="A2071" s="52" t="s">
        <v>78</v>
      </c>
      <c r="B2071" s="52" t="s">
        <v>79</v>
      </c>
      <c r="C2071" s="3">
        <v>0</v>
      </c>
      <c r="D2071" s="52" t="s">
        <v>2024</v>
      </c>
      <c r="E2071" s="52" t="s">
        <v>92</v>
      </c>
      <c r="F2071" s="52" t="s">
        <v>93</v>
      </c>
      <c r="G2071" s="52" t="s">
        <v>82</v>
      </c>
      <c r="H2071" s="4">
        <v>404</v>
      </c>
      <c r="I2071" s="2">
        <v>18783.2</v>
      </c>
    </row>
    <row r="2072" spans="1:9" hidden="1" x14ac:dyDescent="0.35">
      <c r="A2072" s="52" t="s">
        <v>78</v>
      </c>
      <c r="B2072" s="52" t="s">
        <v>79</v>
      </c>
      <c r="C2072" s="3">
        <v>0</v>
      </c>
      <c r="D2072" s="52" t="s">
        <v>2024</v>
      </c>
      <c r="E2072" s="52" t="s">
        <v>102</v>
      </c>
      <c r="F2072" s="52" t="s">
        <v>103</v>
      </c>
      <c r="G2072" s="52" t="s">
        <v>82</v>
      </c>
      <c r="H2072" s="4">
        <v>2</v>
      </c>
      <c r="I2072" s="2">
        <v>0</v>
      </c>
    </row>
    <row r="2073" spans="1:9" hidden="1" x14ac:dyDescent="0.35">
      <c r="A2073" s="52" t="s">
        <v>78</v>
      </c>
      <c r="B2073" s="52" t="s">
        <v>79</v>
      </c>
      <c r="C2073" s="3">
        <v>0</v>
      </c>
      <c r="D2073" s="52" t="s">
        <v>2024</v>
      </c>
      <c r="E2073" s="52" t="s">
        <v>104</v>
      </c>
      <c r="F2073" s="52" t="s">
        <v>112</v>
      </c>
      <c r="G2073" s="52" t="s">
        <v>82</v>
      </c>
      <c r="H2073" s="4">
        <v>19</v>
      </c>
      <c r="I2073" s="2">
        <v>0</v>
      </c>
    </row>
    <row r="2074" spans="1:9" x14ac:dyDescent="0.35">
      <c r="A2074" s="52" t="s">
        <v>78</v>
      </c>
      <c r="B2074" s="52" t="s">
        <v>79</v>
      </c>
      <c r="C2074" s="3">
        <v>0</v>
      </c>
      <c r="D2074" s="52" t="s">
        <v>2024</v>
      </c>
      <c r="E2074" s="52" t="s">
        <v>104</v>
      </c>
      <c r="F2074" s="52" t="s">
        <v>93</v>
      </c>
      <c r="G2074" s="52" t="s">
        <v>82</v>
      </c>
      <c r="H2074" s="4">
        <v>1</v>
      </c>
      <c r="I2074" s="2">
        <v>0</v>
      </c>
    </row>
    <row r="2075" spans="1:9" hidden="1" x14ac:dyDescent="0.35">
      <c r="A2075" s="52" t="s">
        <v>78</v>
      </c>
      <c r="B2075" s="52" t="s">
        <v>79</v>
      </c>
      <c r="C2075" s="3">
        <v>0</v>
      </c>
      <c r="D2075" s="52" t="s">
        <v>2024</v>
      </c>
      <c r="E2075" s="52" t="s">
        <v>104</v>
      </c>
      <c r="F2075" s="52" t="s">
        <v>105</v>
      </c>
      <c r="G2075" s="52" t="s">
        <v>82</v>
      </c>
      <c r="H2075" s="4">
        <v>1023</v>
      </c>
      <c r="I2075" s="2">
        <v>0</v>
      </c>
    </row>
    <row r="2076" spans="1:9" hidden="1" x14ac:dyDescent="0.35">
      <c r="A2076" s="52" t="s">
        <v>78</v>
      </c>
      <c r="B2076" s="52" t="s">
        <v>79</v>
      </c>
      <c r="C2076" s="3">
        <v>0</v>
      </c>
      <c r="D2076" s="52" t="s">
        <v>2024</v>
      </c>
      <c r="E2076" s="52" t="s">
        <v>104</v>
      </c>
      <c r="F2076" s="52" t="s">
        <v>101</v>
      </c>
      <c r="G2076" s="52" t="s">
        <v>82</v>
      </c>
      <c r="H2076" s="4">
        <v>3288</v>
      </c>
      <c r="I2076" s="2">
        <v>0</v>
      </c>
    </row>
    <row r="2077" spans="1:9" hidden="1" x14ac:dyDescent="0.35">
      <c r="A2077" s="52" t="s">
        <v>78</v>
      </c>
      <c r="B2077" s="52" t="s">
        <v>79</v>
      </c>
      <c r="C2077" s="3">
        <v>10</v>
      </c>
      <c r="D2077" s="52" t="s">
        <v>2024</v>
      </c>
      <c r="E2077" s="52" t="s">
        <v>90</v>
      </c>
      <c r="F2077" s="52" t="s">
        <v>91</v>
      </c>
      <c r="G2077" s="52" t="s">
        <v>82</v>
      </c>
      <c r="H2077" s="4">
        <v>4700</v>
      </c>
      <c r="I2077" s="2">
        <v>57482.91</v>
      </c>
    </row>
    <row r="2078" spans="1:9" hidden="1" x14ac:dyDescent="0.35">
      <c r="A2078" s="52" t="s">
        <v>78</v>
      </c>
      <c r="B2078" s="52" t="s">
        <v>79</v>
      </c>
      <c r="C2078" s="3">
        <v>10</v>
      </c>
      <c r="D2078" s="52" t="s">
        <v>2024</v>
      </c>
      <c r="E2078" s="52" t="s">
        <v>26</v>
      </c>
      <c r="F2078" s="52" t="s">
        <v>81</v>
      </c>
      <c r="G2078" s="52" t="s">
        <v>82</v>
      </c>
      <c r="H2078" s="4">
        <v>130</v>
      </c>
      <c r="I2078" s="2">
        <v>1904.5</v>
      </c>
    </row>
    <row r="2079" spans="1:9" hidden="1" x14ac:dyDescent="0.35">
      <c r="A2079" s="52" t="s">
        <v>78</v>
      </c>
      <c r="B2079" s="52" t="s">
        <v>79</v>
      </c>
      <c r="C2079" s="3">
        <v>10</v>
      </c>
      <c r="D2079" s="52" t="s">
        <v>2024</v>
      </c>
      <c r="E2079" s="52" t="s">
        <v>914</v>
      </c>
      <c r="F2079" s="52" t="s">
        <v>91</v>
      </c>
      <c r="G2079" s="52" t="s">
        <v>82</v>
      </c>
      <c r="H2079" s="4">
        <v>2009</v>
      </c>
      <c r="I2079" s="2">
        <v>1447.45</v>
      </c>
    </row>
    <row r="2080" spans="1:9" hidden="1" x14ac:dyDescent="0.35">
      <c r="A2080" s="52" t="s">
        <v>78</v>
      </c>
      <c r="B2080" s="52" t="s">
        <v>79</v>
      </c>
      <c r="C2080" s="3">
        <v>10</v>
      </c>
      <c r="D2080" s="52" t="s">
        <v>2024</v>
      </c>
      <c r="E2080" s="52" t="s">
        <v>36</v>
      </c>
      <c r="F2080" s="52" t="s">
        <v>95</v>
      </c>
      <c r="G2080" s="52" t="s">
        <v>82</v>
      </c>
      <c r="H2080" s="4">
        <v>165</v>
      </c>
      <c r="I2080" s="2">
        <v>775.5</v>
      </c>
    </row>
    <row r="2081" spans="1:9" hidden="1" x14ac:dyDescent="0.35">
      <c r="A2081" s="52" t="s">
        <v>78</v>
      </c>
      <c r="B2081" s="52" t="s">
        <v>79</v>
      </c>
      <c r="C2081" s="3">
        <v>10</v>
      </c>
      <c r="D2081" s="52" t="s">
        <v>2024</v>
      </c>
      <c r="E2081" s="52" t="s">
        <v>29</v>
      </c>
      <c r="F2081" s="52" t="s">
        <v>94</v>
      </c>
      <c r="G2081" s="52" t="s">
        <v>82</v>
      </c>
      <c r="H2081" s="4">
        <v>3</v>
      </c>
      <c r="I2081" s="2">
        <v>697.22</v>
      </c>
    </row>
    <row r="2082" spans="1:9" hidden="1" x14ac:dyDescent="0.35">
      <c r="A2082" s="52" t="s">
        <v>78</v>
      </c>
      <c r="B2082" s="52" t="s">
        <v>79</v>
      </c>
      <c r="C2082" s="3">
        <v>10</v>
      </c>
      <c r="D2082" s="52" t="s">
        <v>2024</v>
      </c>
      <c r="E2082" s="52" t="s">
        <v>38</v>
      </c>
      <c r="F2082" s="52" t="s">
        <v>97</v>
      </c>
      <c r="G2082" s="52" t="s">
        <v>82</v>
      </c>
      <c r="H2082" s="4">
        <v>36</v>
      </c>
      <c r="I2082" s="2">
        <v>245.1</v>
      </c>
    </row>
    <row r="2083" spans="1:9" hidden="1" x14ac:dyDescent="0.35">
      <c r="A2083" s="52" t="s">
        <v>78</v>
      </c>
      <c r="B2083" s="52" t="s">
        <v>79</v>
      </c>
      <c r="C2083" s="3">
        <v>10</v>
      </c>
      <c r="D2083" s="52" t="s">
        <v>2024</v>
      </c>
      <c r="E2083" s="52" t="s">
        <v>92</v>
      </c>
      <c r="F2083" s="52" t="s">
        <v>93</v>
      </c>
      <c r="G2083" s="52" t="s">
        <v>82</v>
      </c>
      <c r="H2083" s="4">
        <v>8</v>
      </c>
      <c r="I2083" s="2">
        <v>51.06</v>
      </c>
    </row>
    <row r="2084" spans="1:9" hidden="1" x14ac:dyDescent="0.35">
      <c r="A2084" s="52" t="s">
        <v>78</v>
      </c>
      <c r="B2084" s="52" t="s">
        <v>79</v>
      </c>
      <c r="C2084" s="3">
        <v>10</v>
      </c>
      <c r="D2084" s="52" t="s">
        <v>2024</v>
      </c>
      <c r="E2084" s="52" t="s">
        <v>109</v>
      </c>
      <c r="F2084" s="52" t="s">
        <v>110</v>
      </c>
      <c r="G2084" s="52" t="s">
        <v>108</v>
      </c>
      <c r="H2084" s="4">
        <v>8</v>
      </c>
      <c r="I2084" s="2">
        <v>0</v>
      </c>
    </row>
    <row r="2085" spans="1:9" hidden="1" x14ac:dyDescent="0.35">
      <c r="A2085" s="52" t="s">
        <v>78</v>
      </c>
      <c r="B2085" s="52" t="s">
        <v>79</v>
      </c>
      <c r="C2085" s="3">
        <v>10</v>
      </c>
      <c r="D2085" s="52" t="s">
        <v>2024</v>
      </c>
      <c r="E2085" s="52" t="s">
        <v>111</v>
      </c>
      <c r="F2085" s="52" t="s">
        <v>94</v>
      </c>
      <c r="G2085" s="52" t="s">
        <v>82</v>
      </c>
      <c r="H2085" s="4">
        <v>3</v>
      </c>
      <c r="I2085" s="2">
        <v>0</v>
      </c>
    </row>
    <row r="2086" spans="1:9" x14ac:dyDescent="0.35">
      <c r="A2086" s="52" t="s">
        <v>78</v>
      </c>
      <c r="B2086" s="52" t="s">
        <v>79</v>
      </c>
      <c r="C2086" s="3">
        <v>10</v>
      </c>
      <c r="D2086" s="52" t="s">
        <v>2024</v>
      </c>
      <c r="E2086" s="52" t="s">
        <v>137</v>
      </c>
      <c r="F2086" s="52" t="s">
        <v>107</v>
      </c>
      <c r="G2086" s="52" t="s">
        <v>108</v>
      </c>
      <c r="H2086" s="4">
        <v>1</v>
      </c>
      <c r="I2086" s="2">
        <v>0</v>
      </c>
    </row>
    <row r="2087" spans="1:9" hidden="1" x14ac:dyDescent="0.35">
      <c r="A2087" s="52" t="s">
        <v>78</v>
      </c>
      <c r="B2087" s="52" t="s">
        <v>79</v>
      </c>
      <c r="C2087" s="3">
        <v>10</v>
      </c>
      <c r="D2087" s="52" t="s">
        <v>2024</v>
      </c>
      <c r="E2087" s="52" t="s">
        <v>126</v>
      </c>
      <c r="F2087" s="52" t="s">
        <v>103</v>
      </c>
      <c r="G2087" s="52" t="s">
        <v>82</v>
      </c>
      <c r="H2087" s="4">
        <v>6</v>
      </c>
      <c r="I2087" s="2">
        <v>0</v>
      </c>
    </row>
    <row r="2088" spans="1:9" hidden="1" x14ac:dyDescent="0.35">
      <c r="A2088" s="52" t="s">
        <v>78</v>
      </c>
      <c r="B2088" s="52" t="s">
        <v>79</v>
      </c>
      <c r="C2088" s="3">
        <v>10</v>
      </c>
      <c r="D2088" s="52" t="s">
        <v>2024</v>
      </c>
      <c r="E2088" s="52" t="s">
        <v>111</v>
      </c>
      <c r="F2088" s="52" t="s">
        <v>107</v>
      </c>
      <c r="G2088" s="52" t="s">
        <v>108</v>
      </c>
      <c r="H2088" s="4">
        <v>31</v>
      </c>
      <c r="I2088" s="2">
        <v>0</v>
      </c>
    </row>
    <row r="2089" spans="1:9" hidden="1" x14ac:dyDescent="0.35">
      <c r="A2089" s="52" t="s">
        <v>78</v>
      </c>
      <c r="B2089" s="52" t="s">
        <v>79</v>
      </c>
      <c r="C2089" s="3">
        <v>10</v>
      </c>
      <c r="D2089" s="52" t="s">
        <v>2024</v>
      </c>
      <c r="E2089" s="52" t="s">
        <v>126</v>
      </c>
      <c r="F2089" s="52" t="s">
        <v>101</v>
      </c>
      <c r="G2089" s="52" t="s">
        <v>82</v>
      </c>
      <c r="H2089" s="4">
        <v>63</v>
      </c>
      <c r="I2089" s="2">
        <v>0</v>
      </c>
    </row>
    <row r="2090" spans="1:9" hidden="1" x14ac:dyDescent="0.35">
      <c r="A2090" s="52" t="s">
        <v>78</v>
      </c>
      <c r="B2090" s="52" t="s">
        <v>79</v>
      </c>
      <c r="C2090" s="3">
        <v>10</v>
      </c>
      <c r="D2090" s="52" t="s">
        <v>2024</v>
      </c>
      <c r="E2090" s="52" t="s">
        <v>111</v>
      </c>
      <c r="F2090" s="52" t="s">
        <v>103</v>
      </c>
      <c r="G2090" s="52" t="s">
        <v>82</v>
      </c>
      <c r="H2090" s="4">
        <v>9</v>
      </c>
      <c r="I2090" s="2">
        <v>0</v>
      </c>
    </row>
    <row r="2091" spans="1:9" hidden="1" x14ac:dyDescent="0.35">
      <c r="A2091" s="52" t="s">
        <v>78</v>
      </c>
      <c r="B2091" s="52" t="s">
        <v>79</v>
      </c>
      <c r="C2091" s="3">
        <v>10</v>
      </c>
      <c r="D2091" s="52" t="s">
        <v>2024</v>
      </c>
      <c r="E2091" s="52" t="s">
        <v>139</v>
      </c>
      <c r="F2091" s="52" t="s">
        <v>140</v>
      </c>
      <c r="G2091" s="52" t="s">
        <v>82</v>
      </c>
      <c r="H2091" s="4">
        <v>148</v>
      </c>
      <c r="I2091" s="2">
        <v>0</v>
      </c>
    </row>
    <row r="2092" spans="1:9" hidden="1" x14ac:dyDescent="0.35">
      <c r="A2092" s="52" t="s">
        <v>78</v>
      </c>
      <c r="B2092" s="52" t="s">
        <v>79</v>
      </c>
      <c r="C2092" s="3">
        <v>10</v>
      </c>
      <c r="D2092" s="52" t="s">
        <v>2024</v>
      </c>
      <c r="E2092" s="52" t="s">
        <v>102</v>
      </c>
      <c r="F2092" s="52" t="s">
        <v>107</v>
      </c>
      <c r="G2092" s="52" t="s">
        <v>108</v>
      </c>
      <c r="H2092" s="4">
        <v>728</v>
      </c>
      <c r="I2092" s="2">
        <v>0</v>
      </c>
    </row>
    <row r="2093" spans="1:9" hidden="1" x14ac:dyDescent="0.35">
      <c r="A2093" s="52" t="s">
        <v>78</v>
      </c>
      <c r="B2093" s="52" t="s">
        <v>79</v>
      </c>
      <c r="C2093" s="3">
        <v>10</v>
      </c>
      <c r="D2093" s="52" t="s">
        <v>2024</v>
      </c>
      <c r="E2093" s="52" t="s">
        <v>113</v>
      </c>
      <c r="F2093" s="52" t="s">
        <v>114</v>
      </c>
      <c r="G2093" s="52" t="s">
        <v>115</v>
      </c>
      <c r="H2093" s="4">
        <v>1115</v>
      </c>
      <c r="I2093" s="2">
        <v>0</v>
      </c>
    </row>
    <row r="2094" spans="1:9" hidden="1" x14ac:dyDescent="0.35">
      <c r="A2094" s="52" t="s">
        <v>78</v>
      </c>
      <c r="B2094" s="52" t="s">
        <v>79</v>
      </c>
      <c r="C2094" s="3">
        <v>10</v>
      </c>
      <c r="D2094" s="52" t="s">
        <v>2024</v>
      </c>
      <c r="E2094" s="52" t="s">
        <v>120</v>
      </c>
      <c r="F2094" s="52" t="s">
        <v>116</v>
      </c>
      <c r="G2094" s="52" t="s">
        <v>115</v>
      </c>
      <c r="H2094" s="4">
        <v>521</v>
      </c>
      <c r="I2094" s="2">
        <v>0</v>
      </c>
    </row>
    <row r="2095" spans="1:9" hidden="1" x14ac:dyDescent="0.35">
      <c r="A2095" s="52" t="s">
        <v>78</v>
      </c>
      <c r="B2095" s="52" t="s">
        <v>79</v>
      </c>
      <c r="C2095" s="3">
        <v>10</v>
      </c>
      <c r="D2095" s="52" t="s">
        <v>2024</v>
      </c>
      <c r="E2095" s="52" t="s">
        <v>102</v>
      </c>
      <c r="F2095" s="52" t="s">
        <v>124</v>
      </c>
      <c r="G2095" s="52" t="s">
        <v>108</v>
      </c>
      <c r="H2095" s="4">
        <v>99</v>
      </c>
      <c r="I2095" s="2">
        <v>0</v>
      </c>
    </row>
    <row r="2096" spans="1:9" hidden="1" x14ac:dyDescent="0.35">
      <c r="A2096" s="52" t="s">
        <v>78</v>
      </c>
      <c r="B2096" s="52" t="s">
        <v>79</v>
      </c>
      <c r="C2096" s="3">
        <v>10</v>
      </c>
      <c r="D2096" s="52" t="s">
        <v>2024</v>
      </c>
      <c r="E2096" s="52" t="s">
        <v>102</v>
      </c>
      <c r="F2096" s="52" t="s">
        <v>103</v>
      </c>
      <c r="G2096" s="52" t="s">
        <v>82</v>
      </c>
      <c r="H2096" s="4">
        <v>277</v>
      </c>
      <c r="I2096" s="2">
        <v>0</v>
      </c>
    </row>
    <row r="2097" spans="1:9" hidden="1" x14ac:dyDescent="0.35">
      <c r="A2097" s="52" t="s">
        <v>78</v>
      </c>
      <c r="B2097" s="52" t="s">
        <v>79</v>
      </c>
      <c r="C2097" s="3">
        <v>10</v>
      </c>
      <c r="D2097" s="52" t="s">
        <v>2024</v>
      </c>
      <c r="E2097" s="52" t="s">
        <v>102</v>
      </c>
      <c r="F2097" s="52" t="s">
        <v>101</v>
      </c>
      <c r="G2097" s="52" t="s">
        <v>108</v>
      </c>
      <c r="H2097" s="4">
        <v>8</v>
      </c>
      <c r="I2097" s="2">
        <v>0</v>
      </c>
    </row>
    <row r="2098" spans="1:9" hidden="1" x14ac:dyDescent="0.35">
      <c r="A2098" s="52" t="s">
        <v>78</v>
      </c>
      <c r="B2098" s="52" t="s">
        <v>79</v>
      </c>
      <c r="C2098" s="3">
        <v>10</v>
      </c>
      <c r="D2098" s="52" t="s">
        <v>2024</v>
      </c>
      <c r="E2098" s="52" t="s">
        <v>134</v>
      </c>
      <c r="F2098" s="52" t="s">
        <v>123</v>
      </c>
      <c r="G2098" s="52" t="s">
        <v>82</v>
      </c>
      <c r="H2098" s="4">
        <v>1897</v>
      </c>
      <c r="I2098" s="2">
        <v>0</v>
      </c>
    </row>
    <row r="2099" spans="1:9" hidden="1" x14ac:dyDescent="0.35">
      <c r="A2099" s="52" t="s">
        <v>78</v>
      </c>
      <c r="B2099" s="52" t="s">
        <v>79</v>
      </c>
      <c r="C2099" s="3">
        <v>10</v>
      </c>
      <c r="D2099" s="52" t="s">
        <v>2024</v>
      </c>
      <c r="E2099" s="52" t="s">
        <v>111</v>
      </c>
      <c r="F2099" s="52" t="s">
        <v>105</v>
      </c>
      <c r="G2099" s="52" t="s">
        <v>82</v>
      </c>
      <c r="H2099" s="4">
        <v>39</v>
      </c>
      <c r="I2099" s="2">
        <v>0</v>
      </c>
    </row>
    <row r="2100" spans="1:9" hidden="1" x14ac:dyDescent="0.35">
      <c r="A2100" s="52" t="s">
        <v>78</v>
      </c>
      <c r="B2100" s="52" t="s">
        <v>79</v>
      </c>
      <c r="C2100" s="3">
        <v>10</v>
      </c>
      <c r="D2100" s="52" t="s">
        <v>2024</v>
      </c>
      <c r="E2100" s="52" t="s">
        <v>106</v>
      </c>
      <c r="F2100" s="52" t="s">
        <v>107</v>
      </c>
      <c r="G2100" s="52" t="s">
        <v>108</v>
      </c>
      <c r="H2100" s="4">
        <v>11</v>
      </c>
      <c r="I2100" s="2">
        <v>0</v>
      </c>
    </row>
    <row r="2101" spans="1:9" hidden="1" x14ac:dyDescent="0.35">
      <c r="A2101" s="52" t="s">
        <v>78</v>
      </c>
      <c r="B2101" s="52" t="s">
        <v>79</v>
      </c>
      <c r="C2101" s="3">
        <v>10</v>
      </c>
      <c r="D2101" s="52" t="s">
        <v>2024</v>
      </c>
      <c r="E2101" s="52" t="s">
        <v>121</v>
      </c>
      <c r="F2101" s="52" t="s">
        <v>112</v>
      </c>
      <c r="G2101" s="52" t="s">
        <v>108</v>
      </c>
      <c r="H2101" s="4">
        <v>168</v>
      </c>
      <c r="I2101" s="2">
        <v>0</v>
      </c>
    </row>
    <row r="2102" spans="1:9" x14ac:dyDescent="0.35">
      <c r="A2102" s="52" t="s">
        <v>78</v>
      </c>
      <c r="B2102" s="52" t="s">
        <v>79</v>
      </c>
      <c r="C2102" s="3">
        <v>10</v>
      </c>
      <c r="D2102" s="52" t="s">
        <v>2024</v>
      </c>
      <c r="E2102" s="52" t="s">
        <v>128</v>
      </c>
      <c r="F2102" s="52" t="s">
        <v>129</v>
      </c>
      <c r="G2102" s="52" t="s">
        <v>82</v>
      </c>
      <c r="H2102" s="4">
        <v>1</v>
      </c>
      <c r="I2102" s="2">
        <v>0</v>
      </c>
    </row>
    <row r="2103" spans="1:9" hidden="1" x14ac:dyDescent="0.35">
      <c r="A2103" s="52" t="s">
        <v>78</v>
      </c>
      <c r="B2103" s="52" t="s">
        <v>79</v>
      </c>
      <c r="C2103" s="3">
        <v>10</v>
      </c>
      <c r="D2103" s="52" t="s">
        <v>2024</v>
      </c>
      <c r="E2103" s="52" t="s">
        <v>111</v>
      </c>
      <c r="F2103" s="52" t="s">
        <v>81</v>
      </c>
      <c r="G2103" s="52" t="s">
        <v>82</v>
      </c>
      <c r="H2103" s="4">
        <v>4</v>
      </c>
      <c r="I2103" s="2">
        <v>0</v>
      </c>
    </row>
    <row r="2104" spans="1:9" hidden="1" x14ac:dyDescent="0.35">
      <c r="A2104" s="52" t="s">
        <v>78</v>
      </c>
      <c r="B2104" s="52" t="s">
        <v>79</v>
      </c>
      <c r="C2104" s="3">
        <v>10</v>
      </c>
      <c r="D2104" s="52" t="s">
        <v>2024</v>
      </c>
      <c r="E2104" s="52" t="s">
        <v>111</v>
      </c>
      <c r="F2104" s="52" t="s">
        <v>93</v>
      </c>
      <c r="G2104" s="52" t="s">
        <v>82</v>
      </c>
      <c r="H2104" s="4">
        <v>20</v>
      </c>
      <c r="I2104" s="2">
        <v>0</v>
      </c>
    </row>
    <row r="2105" spans="1:9" hidden="1" x14ac:dyDescent="0.35">
      <c r="A2105" s="52" t="s">
        <v>78</v>
      </c>
      <c r="B2105" s="52" t="s">
        <v>79</v>
      </c>
      <c r="C2105" s="3">
        <v>10</v>
      </c>
      <c r="D2105" s="52" t="s">
        <v>2024</v>
      </c>
      <c r="E2105" s="52" t="s">
        <v>102</v>
      </c>
      <c r="F2105" s="52" t="s">
        <v>116</v>
      </c>
      <c r="G2105" s="52" t="s">
        <v>115</v>
      </c>
      <c r="H2105" s="4">
        <v>465</v>
      </c>
      <c r="I2105" s="2">
        <v>0</v>
      </c>
    </row>
    <row r="2106" spans="1:9" hidden="1" x14ac:dyDescent="0.35">
      <c r="A2106" s="52" t="s">
        <v>78</v>
      </c>
      <c r="B2106" s="52" t="s">
        <v>79</v>
      </c>
      <c r="C2106" s="3">
        <v>10</v>
      </c>
      <c r="D2106" s="52" t="s">
        <v>2024</v>
      </c>
      <c r="E2106" s="52" t="s">
        <v>111</v>
      </c>
      <c r="F2106" s="52" t="s">
        <v>95</v>
      </c>
      <c r="G2106" s="52" t="s">
        <v>82</v>
      </c>
      <c r="H2106" s="4">
        <v>37</v>
      </c>
      <c r="I2106" s="2">
        <v>0</v>
      </c>
    </row>
    <row r="2107" spans="1:9" x14ac:dyDescent="0.35">
      <c r="A2107" s="52" t="s">
        <v>78</v>
      </c>
      <c r="B2107" s="52" t="s">
        <v>79</v>
      </c>
      <c r="C2107" s="3">
        <v>10</v>
      </c>
      <c r="D2107" s="52" t="s">
        <v>2024</v>
      </c>
      <c r="E2107" s="52" t="s">
        <v>102</v>
      </c>
      <c r="F2107" s="52" t="s">
        <v>125</v>
      </c>
      <c r="G2107" s="52" t="s">
        <v>108</v>
      </c>
      <c r="H2107" s="4">
        <v>1</v>
      </c>
      <c r="I2107" s="2">
        <v>0</v>
      </c>
    </row>
    <row r="2108" spans="1:9" hidden="1" x14ac:dyDescent="0.35">
      <c r="A2108" s="52" t="s">
        <v>78</v>
      </c>
      <c r="B2108" s="52" t="s">
        <v>79</v>
      </c>
      <c r="C2108" s="3">
        <v>10</v>
      </c>
      <c r="D2108" s="52" t="s">
        <v>2024</v>
      </c>
      <c r="E2108" s="52" t="s">
        <v>135</v>
      </c>
      <c r="F2108" s="52" t="s">
        <v>112</v>
      </c>
      <c r="G2108" s="52" t="s">
        <v>82</v>
      </c>
      <c r="H2108" s="4">
        <v>7732</v>
      </c>
      <c r="I2108" s="2">
        <v>0</v>
      </c>
    </row>
    <row r="2109" spans="1:9" hidden="1" x14ac:dyDescent="0.35">
      <c r="A2109" s="52" t="s">
        <v>78</v>
      </c>
      <c r="B2109" s="52" t="s">
        <v>79</v>
      </c>
      <c r="C2109" s="3">
        <v>10</v>
      </c>
      <c r="D2109" s="52" t="s">
        <v>2024</v>
      </c>
      <c r="E2109" s="52" t="s">
        <v>118</v>
      </c>
      <c r="F2109" s="52" t="s">
        <v>119</v>
      </c>
      <c r="G2109" s="52" t="s">
        <v>115</v>
      </c>
      <c r="H2109" s="4">
        <v>521</v>
      </c>
      <c r="I2109" s="2">
        <v>0</v>
      </c>
    </row>
    <row r="2110" spans="1:9" hidden="1" x14ac:dyDescent="0.35">
      <c r="A2110" s="52" t="s">
        <v>78</v>
      </c>
      <c r="B2110" s="52" t="s">
        <v>79</v>
      </c>
      <c r="C2110" s="3">
        <v>10</v>
      </c>
      <c r="D2110" s="52" t="s">
        <v>2024</v>
      </c>
      <c r="E2110" s="52" t="s">
        <v>117</v>
      </c>
      <c r="F2110" s="52" t="s">
        <v>116</v>
      </c>
      <c r="G2110" s="52" t="s">
        <v>82</v>
      </c>
      <c r="H2110" s="4">
        <v>1354</v>
      </c>
      <c r="I2110" s="2">
        <v>0</v>
      </c>
    </row>
    <row r="2111" spans="1:9" x14ac:dyDescent="0.35">
      <c r="A2111" s="52" t="s">
        <v>78</v>
      </c>
      <c r="B2111" s="52" t="s">
        <v>79</v>
      </c>
      <c r="C2111" s="3">
        <v>10</v>
      </c>
      <c r="D2111" s="52" t="s">
        <v>2024</v>
      </c>
      <c r="E2111" s="52" t="s">
        <v>111</v>
      </c>
      <c r="F2111" s="52" t="s">
        <v>97</v>
      </c>
      <c r="G2111" s="52" t="s">
        <v>82</v>
      </c>
      <c r="H2111" s="4">
        <v>1</v>
      </c>
      <c r="I2111" s="2">
        <v>0</v>
      </c>
    </row>
    <row r="2112" spans="1:9" hidden="1" x14ac:dyDescent="0.35">
      <c r="A2112" s="52" t="s">
        <v>78</v>
      </c>
      <c r="B2112" s="52" t="s">
        <v>79</v>
      </c>
      <c r="C2112" s="3">
        <v>10</v>
      </c>
      <c r="D2112" s="52" t="s">
        <v>2024</v>
      </c>
      <c r="E2112" s="52" t="s">
        <v>102</v>
      </c>
      <c r="F2112" s="52" t="s">
        <v>141</v>
      </c>
      <c r="G2112" s="52" t="s">
        <v>108</v>
      </c>
      <c r="H2112" s="4">
        <v>14</v>
      </c>
      <c r="I2112" s="2">
        <v>0</v>
      </c>
    </row>
    <row r="2113" spans="1:9" hidden="1" x14ac:dyDescent="0.35">
      <c r="A2113" s="52" t="s">
        <v>78</v>
      </c>
      <c r="B2113" s="52" t="s">
        <v>79</v>
      </c>
      <c r="C2113" s="3">
        <v>10</v>
      </c>
      <c r="D2113" s="52" t="s">
        <v>2024</v>
      </c>
      <c r="E2113" s="52" t="s">
        <v>111</v>
      </c>
      <c r="F2113" s="52" t="s">
        <v>101</v>
      </c>
      <c r="G2113" s="52" t="s">
        <v>82</v>
      </c>
      <c r="H2113" s="4">
        <v>314</v>
      </c>
      <c r="I2113" s="2">
        <v>0</v>
      </c>
    </row>
    <row r="2114" spans="1:9" hidden="1" x14ac:dyDescent="0.35">
      <c r="A2114" s="52" t="s">
        <v>78</v>
      </c>
      <c r="B2114" s="52" t="s">
        <v>79</v>
      </c>
      <c r="C2114" s="3">
        <v>10</v>
      </c>
      <c r="D2114" s="52" t="s">
        <v>2024</v>
      </c>
      <c r="E2114" s="52" t="s">
        <v>122</v>
      </c>
      <c r="F2114" s="52" t="s">
        <v>123</v>
      </c>
      <c r="G2114" s="52" t="s">
        <v>108</v>
      </c>
      <c r="H2114" s="4">
        <v>576</v>
      </c>
      <c r="I2114" s="2">
        <v>0</v>
      </c>
    </row>
    <row r="2115" spans="1:9" hidden="1" x14ac:dyDescent="0.35">
      <c r="A2115" s="52" t="s">
        <v>78</v>
      </c>
      <c r="B2115" s="52" t="s">
        <v>79</v>
      </c>
      <c r="C2115" s="3">
        <v>20</v>
      </c>
      <c r="D2115" s="52" t="s">
        <v>2024</v>
      </c>
      <c r="E2115" s="52" t="s">
        <v>90</v>
      </c>
      <c r="F2115" s="52" t="s">
        <v>91</v>
      </c>
      <c r="G2115" s="52" t="s">
        <v>82</v>
      </c>
      <c r="H2115" s="4">
        <v>7606</v>
      </c>
      <c r="I2115" s="2">
        <v>91793.81</v>
      </c>
    </row>
    <row r="2116" spans="1:9" hidden="1" x14ac:dyDescent="0.35">
      <c r="A2116" s="52" t="s">
        <v>78</v>
      </c>
      <c r="B2116" s="52" t="s">
        <v>79</v>
      </c>
      <c r="C2116" s="3">
        <v>20</v>
      </c>
      <c r="D2116" s="52" t="s">
        <v>2024</v>
      </c>
      <c r="E2116" s="52" t="s">
        <v>26</v>
      </c>
      <c r="F2116" s="52" t="s">
        <v>81</v>
      </c>
      <c r="G2116" s="52" t="s">
        <v>82</v>
      </c>
      <c r="H2116" s="4">
        <v>193</v>
      </c>
      <c r="I2116" s="2">
        <v>2827.45</v>
      </c>
    </row>
    <row r="2117" spans="1:9" hidden="1" x14ac:dyDescent="0.35">
      <c r="A2117" s="52" t="s">
        <v>78</v>
      </c>
      <c r="B2117" s="52" t="s">
        <v>79</v>
      </c>
      <c r="C2117" s="3">
        <v>20</v>
      </c>
      <c r="D2117" s="52" t="s">
        <v>2024</v>
      </c>
      <c r="E2117" s="52" t="s">
        <v>914</v>
      </c>
      <c r="F2117" s="52" t="s">
        <v>91</v>
      </c>
      <c r="G2117" s="52" t="s">
        <v>82</v>
      </c>
      <c r="H2117" s="4">
        <v>3267</v>
      </c>
      <c r="I2117" s="2">
        <v>2413.92</v>
      </c>
    </row>
    <row r="2118" spans="1:9" hidden="1" x14ac:dyDescent="0.35">
      <c r="A2118" s="52" t="s">
        <v>78</v>
      </c>
      <c r="B2118" s="52" t="s">
        <v>79</v>
      </c>
      <c r="C2118" s="3">
        <v>20</v>
      </c>
      <c r="D2118" s="52" t="s">
        <v>2024</v>
      </c>
      <c r="E2118" s="52" t="s">
        <v>36</v>
      </c>
      <c r="F2118" s="52" t="s">
        <v>95</v>
      </c>
      <c r="G2118" s="52" t="s">
        <v>82</v>
      </c>
      <c r="H2118" s="4">
        <v>328</v>
      </c>
      <c r="I2118" s="2">
        <v>1541.6</v>
      </c>
    </row>
    <row r="2119" spans="1:9" hidden="1" x14ac:dyDescent="0.35">
      <c r="A2119" s="52" t="s">
        <v>78</v>
      </c>
      <c r="B2119" s="52" t="s">
        <v>79</v>
      </c>
      <c r="C2119" s="3">
        <v>20</v>
      </c>
      <c r="D2119" s="52" t="s">
        <v>2024</v>
      </c>
      <c r="E2119" s="52" t="s">
        <v>38</v>
      </c>
      <c r="F2119" s="52" t="s">
        <v>97</v>
      </c>
      <c r="G2119" s="52" t="s">
        <v>82</v>
      </c>
      <c r="H2119" s="4">
        <v>54</v>
      </c>
      <c r="I2119" s="2">
        <v>976.4</v>
      </c>
    </row>
    <row r="2120" spans="1:9" hidden="1" x14ac:dyDescent="0.35">
      <c r="A2120" s="52" t="s">
        <v>78</v>
      </c>
      <c r="B2120" s="52" t="s">
        <v>79</v>
      </c>
      <c r="C2120" s="3">
        <v>20</v>
      </c>
      <c r="D2120" s="52" t="s">
        <v>2024</v>
      </c>
      <c r="E2120" s="52" t="s">
        <v>29</v>
      </c>
      <c r="F2120" s="52" t="s">
        <v>94</v>
      </c>
      <c r="G2120" s="52" t="s">
        <v>82</v>
      </c>
      <c r="H2120" s="4">
        <v>3</v>
      </c>
      <c r="I2120" s="2">
        <v>629.15</v>
      </c>
    </row>
    <row r="2121" spans="1:9" hidden="1" x14ac:dyDescent="0.35">
      <c r="A2121" s="52" t="s">
        <v>78</v>
      </c>
      <c r="B2121" s="52" t="s">
        <v>79</v>
      </c>
      <c r="C2121" s="3">
        <v>20</v>
      </c>
      <c r="D2121" s="52" t="s">
        <v>2024</v>
      </c>
      <c r="E2121" s="52" t="s">
        <v>92</v>
      </c>
      <c r="F2121" s="52" t="s">
        <v>93</v>
      </c>
      <c r="G2121" s="52" t="s">
        <v>82</v>
      </c>
      <c r="H2121" s="4">
        <v>6</v>
      </c>
      <c r="I2121" s="2">
        <v>41.42</v>
      </c>
    </row>
    <row r="2122" spans="1:9" hidden="1" x14ac:dyDescent="0.35">
      <c r="A2122" s="52" t="s">
        <v>78</v>
      </c>
      <c r="B2122" s="52" t="s">
        <v>79</v>
      </c>
      <c r="C2122" s="3">
        <v>20</v>
      </c>
      <c r="D2122" s="52" t="s">
        <v>2024</v>
      </c>
      <c r="E2122" s="52" t="s">
        <v>106</v>
      </c>
      <c r="F2122" s="52" t="s">
        <v>124</v>
      </c>
      <c r="G2122" s="52" t="s">
        <v>108</v>
      </c>
      <c r="H2122" s="4">
        <v>4</v>
      </c>
      <c r="I2122" s="2">
        <v>0</v>
      </c>
    </row>
    <row r="2123" spans="1:9" hidden="1" x14ac:dyDescent="0.35">
      <c r="A2123" s="52" t="s">
        <v>78</v>
      </c>
      <c r="B2123" s="52" t="s">
        <v>79</v>
      </c>
      <c r="C2123" s="3">
        <v>20</v>
      </c>
      <c r="D2123" s="52" t="s">
        <v>2024</v>
      </c>
      <c r="E2123" s="52" t="s">
        <v>106</v>
      </c>
      <c r="F2123" s="52" t="s">
        <v>101</v>
      </c>
      <c r="G2123" s="52" t="s">
        <v>108</v>
      </c>
      <c r="H2123" s="4">
        <v>6</v>
      </c>
      <c r="I2123" s="2">
        <v>0</v>
      </c>
    </row>
    <row r="2124" spans="1:9" hidden="1" x14ac:dyDescent="0.35">
      <c r="A2124" s="52" t="s">
        <v>78</v>
      </c>
      <c r="B2124" s="52" t="s">
        <v>79</v>
      </c>
      <c r="C2124" s="3">
        <v>20</v>
      </c>
      <c r="D2124" s="52" t="s">
        <v>2024</v>
      </c>
      <c r="E2124" s="52" t="s">
        <v>102</v>
      </c>
      <c r="F2124" s="52" t="s">
        <v>141</v>
      </c>
      <c r="G2124" s="52" t="s">
        <v>108</v>
      </c>
      <c r="H2124" s="4">
        <v>23</v>
      </c>
      <c r="I2124" s="2">
        <v>0</v>
      </c>
    </row>
    <row r="2125" spans="1:9" hidden="1" x14ac:dyDescent="0.35">
      <c r="A2125" s="52" t="s">
        <v>78</v>
      </c>
      <c r="B2125" s="52" t="s">
        <v>79</v>
      </c>
      <c r="C2125" s="3">
        <v>20</v>
      </c>
      <c r="D2125" s="52" t="s">
        <v>2024</v>
      </c>
      <c r="E2125" s="52" t="s">
        <v>102</v>
      </c>
      <c r="F2125" s="52" t="s">
        <v>107</v>
      </c>
      <c r="G2125" s="52" t="s">
        <v>108</v>
      </c>
      <c r="H2125" s="4">
        <v>1407</v>
      </c>
      <c r="I2125" s="2">
        <v>0</v>
      </c>
    </row>
    <row r="2126" spans="1:9" x14ac:dyDescent="0.35">
      <c r="A2126" s="52" t="s">
        <v>78</v>
      </c>
      <c r="B2126" s="52" t="s">
        <v>79</v>
      </c>
      <c r="C2126" s="3">
        <v>20</v>
      </c>
      <c r="D2126" s="52" t="s">
        <v>2024</v>
      </c>
      <c r="E2126" s="52" t="s">
        <v>102</v>
      </c>
      <c r="F2126" s="52" t="s">
        <v>112</v>
      </c>
      <c r="G2126" s="52" t="s">
        <v>108</v>
      </c>
      <c r="H2126" s="4">
        <v>1</v>
      </c>
      <c r="I2126" s="2">
        <v>0</v>
      </c>
    </row>
    <row r="2127" spans="1:9" hidden="1" x14ac:dyDescent="0.35">
      <c r="A2127" s="52" t="s">
        <v>78</v>
      </c>
      <c r="B2127" s="52" t="s">
        <v>79</v>
      </c>
      <c r="C2127" s="3">
        <v>20</v>
      </c>
      <c r="D2127" s="52" t="s">
        <v>2024</v>
      </c>
      <c r="E2127" s="52" t="s">
        <v>102</v>
      </c>
      <c r="F2127" s="52" t="s">
        <v>101</v>
      </c>
      <c r="G2127" s="52" t="s">
        <v>108</v>
      </c>
      <c r="H2127" s="4">
        <v>20</v>
      </c>
      <c r="I2127" s="2">
        <v>0</v>
      </c>
    </row>
    <row r="2128" spans="1:9" x14ac:dyDescent="0.35">
      <c r="A2128" s="52" t="s">
        <v>78</v>
      </c>
      <c r="B2128" s="52" t="s">
        <v>79</v>
      </c>
      <c r="C2128" s="3">
        <v>20</v>
      </c>
      <c r="D2128" s="52" t="s">
        <v>2024</v>
      </c>
      <c r="E2128" s="52" t="s">
        <v>106</v>
      </c>
      <c r="F2128" s="52" t="s">
        <v>112</v>
      </c>
      <c r="G2128" s="52" t="s">
        <v>108</v>
      </c>
      <c r="H2128" s="4">
        <v>1</v>
      </c>
      <c r="I2128" s="2">
        <v>0</v>
      </c>
    </row>
    <row r="2129" spans="1:9" hidden="1" x14ac:dyDescent="0.35">
      <c r="A2129" s="52" t="s">
        <v>78</v>
      </c>
      <c r="B2129" s="52" t="s">
        <v>79</v>
      </c>
      <c r="C2129" s="3">
        <v>20</v>
      </c>
      <c r="D2129" s="52" t="s">
        <v>2024</v>
      </c>
      <c r="E2129" s="52" t="s">
        <v>139</v>
      </c>
      <c r="F2129" s="52" t="s">
        <v>140</v>
      </c>
      <c r="G2129" s="52" t="s">
        <v>82</v>
      </c>
      <c r="H2129" s="4">
        <v>228</v>
      </c>
      <c r="I2129" s="2">
        <v>0</v>
      </c>
    </row>
    <row r="2130" spans="1:9" hidden="1" x14ac:dyDescent="0.35">
      <c r="A2130" s="52" t="s">
        <v>78</v>
      </c>
      <c r="B2130" s="52" t="s">
        <v>79</v>
      </c>
      <c r="C2130" s="3">
        <v>20</v>
      </c>
      <c r="D2130" s="52" t="s">
        <v>2024</v>
      </c>
      <c r="E2130" s="52" t="s">
        <v>111</v>
      </c>
      <c r="F2130" s="52" t="s">
        <v>103</v>
      </c>
      <c r="G2130" s="52" t="s">
        <v>82</v>
      </c>
      <c r="H2130" s="4">
        <v>30</v>
      </c>
      <c r="I2130" s="2">
        <v>0</v>
      </c>
    </row>
    <row r="2131" spans="1:9" hidden="1" x14ac:dyDescent="0.35">
      <c r="A2131" s="52" t="s">
        <v>78</v>
      </c>
      <c r="B2131" s="52" t="s">
        <v>79</v>
      </c>
      <c r="C2131" s="3">
        <v>20</v>
      </c>
      <c r="D2131" s="52" t="s">
        <v>2024</v>
      </c>
      <c r="E2131" s="52" t="s">
        <v>106</v>
      </c>
      <c r="F2131" s="52" t="s">
        <v>105</v>
      </c>
      <c r="G2131" s="52" t="s">
        <v>108</v>
      </c>
      <c r="H2131" s="4">
        <v>2</v>
      </c>
      <c r="I2131" s="2">
        <v>0</v>
      </c>
    </row>
    <row r="2132" spans="1:9" hidden="1" x14ac:dyDescent="0.35">
      <c r="A2132" s="52" t="s">
        <v>78</v>
      </c>
      <c r="B2132" s="52" t="s">
        <v>79</v>
      </c>
      <c r="C2132" s="3">
        <v>20</v>
      </c>
      <c r="D2132" s="52" t="s">
        <v>2024</v>
      </c>
      <c r="E2132" s="52" t="s">
        <v>117</v>
      </c>
      <c r="F2132" s="52" t="s">
        <v>116</v>
      </c>
      <c r="G2132" s="52" t="s">
        <v>82</v>
      </c>
      <c r="H2132" s="4">
        <v>2225</v>
      </c>
      <c r="I2132" s="2">
        <v>0</v>
      </c>
    </row>
    <row r="2133" spans="1:9" hidden="1" x14ac:dyDescent="0.35">
      <c r="A2133" s="52" t="s">
        <v>78</v>
      </c>
      <c r="B2133" s="52" t="s">
        <v>79</v>
      </c>
      <c r="C2133" s="3">
        <v>20</v>
      </c>
      <c r="D2133" s="52" t="s">
        <v>2024</v>
      </c>
      <c r="E2133" s="52" t="s">
        <v>109</v>
      </c>
      <c r="F2133" s="52" t="s">
        <v>110</v>
      </c>
      <c r="G2133" s="52" t="s">
        <v>108</v>
      </c>
      <c r="H2133" s="4">
        <v>13</v>
      </c>
      <c r="I2133" s="2">
        <v>0</v>
      </c>
    </row>
    <row r="2134" spans="1:9" hidden="1" x14ac:dyDescent="0.35">
      <c r="A2134" s="52" t="s">
        <v>78</v>
      </c>
      <c r="B2134" s="52" t="s">
        <v>79</v>
      </c>
      <c r="C2134" s="3">
        <v>20</v>
      </c>
      <c r="D2134" s="52" t="s">
        <v>2024</v>
      </c>
      <c r="E2134" s="52" t="s">
        <v>102</v>
      </c>
      <c r="F2134" s="52" t="s">
        <v>116</v>
      </c>
      <c r="G2134" s="52" t="s">
        <v>115</v>
      </c>
      <c r="H2134" s="4">
        <v>716</v>
      </c>
      <c r="I2134" s="2">
        <v>0</v>
      </c>
    </row>
    <row r="2135" spans="1:9" hidden="1" x14ac:dyDescent="0.35">
      <c r="A2135" s="52" t="s">
        <v>78</v>
      </c>
      <c r="B2135" s="52" t="s">
        <v>79</v>
      </c>
      <c r="C2135" s="3">
        <v>20</v>
      </c>
      <c r="D2135" s="52" t="s">
        <v>2024</v>
      </c>
      <c r="E2135" s="52" t="s">
        <v>135</v>
      </c>
      <c r="F2135" s="52" t="s">
        <v>112</v>
      </c>
      <c r="G2135" s="52" t="s">
        <v>82</v>
      </c>
      <c r="H2135" s="4">
        <v>15653</v>
      </c>
      <c r="I2135" s="2">
        <v>0</v>
      </c>
    </row>
    <row r="2136" spans="1:9" hidden="1" x14ac:dyDescent="0.35">
      <c r="A2136" s="52" t="s">
        <v>78</v>
      </c>
      <c r="B2136" s="52" t="s">
        <v>79</v>
      </c>
      <c r="C2136" s="3">
        <v>20</v>
      </c>
      <c r="D2136" s="52" t="s">
        <v>2024</v>
      </c>
      <c r="E2136" s="52" t="s">
        <v>122</v>
      </c>
      <c r="F2136" s="52" t="s">
        <v>123</v>
      </c>
      <c r="G2136" s="52" t="s">
        <v>108</v>
      </c>
      <c r="H2136" s="4">
        <v>1122</v>
      </c>
      <c r="I2136" s="2">
        <v>0</v>
      </c>
    </row>
    <row r="2137" spans="1:9" hidden="1" x14ac:dyDescent="0.35">
      <c r="A2137" s="52" t="s">
        <v>78</v>
      </c>
      <c r="B2137" s="52" t="s">
        <v>79</v>
      </c>
      <c r="C2137" s="3">
        <v>20</v>
      </c>
      <c r="D2137" s="52" t="s">
        <v>2024</v>
      </c>
      <c r="E2137" s="52" t="s">
        <v>106</v>
      </c>
      <c r="F2137" s="52" t="s">
        <v>103</v>
      </c>
      <c r="G2137" s="52" t="s">
        <v>82</v>
      </c>
      <c r="H2137" s="4">
        <v>3</v>
      </c>
      <c r="I2137" s="2">
        <v>0</v>
      </c>
    </row>
    <row r="2138" spans="1:9" hidden="1" x14ac:dyDescent="0.35">
      <c r="A2138" s="52" t="s">
        <v>78</v>
      </c>
      <c r="B2138" s="52" t="s">
        <v>79</v>
      </c>
      <c r="C2138" s="3">
        <v>20</v>
      </c>
      <c r="D2138" s="52" t="s">
        <v>2024</v>
      </c>
      <c r="E2138" s="52" t="s">
        <v>102</v>
      </c>
      <c r="F2138" s="52" t="s">
        <v>124</v>
      </c>
      <c r="G2138" s="52" t="s">
        <v>108</v>
      </c>
      <c r="H2138" s="4">
        <v>200</v>
      </c>
      <c r="I2138" s="2">
        <v>0</v>
      </c>
    </row>
    <row r="2139" spans="1:9" hidden="1" x14ac:dyDescent="0.35">
      <c r="A2139" s="52" t="s">
        <v>78</v>
      </c>
      <c r="B2139" s="52" t="s">
        <v>79</v>
      </c>
      <c r="C2139" s="3">
        <v>20</v>
      </c>
      <c r="D2139" s="52" t="s">
        <v>2024</v>
      </c>
      <c r="E2139" s="52" t="s">
        <v>118</v>
      </c>
      <c r="F2139" s="52" t="s">
        <v>119</v>
      </c>
      <c r="G2139" s="52" t="s">
        <v>115</v>
      </c>
      <c r="H2139" s="4">
        <v>857</v>
      </c>
      <c r="I2139" s="2">
        <v>0</v>
      </c>
    </row>
    <row r="2140" spans="1:9" x14ac:dyDescent="0.35">
      <c r="A2140" s="52" t="s">
        <v>78</v>
      </c>
      <c r="B2140" s="52" t="s">
        <v>79</v>
      </c>
      <c r="C2140" s="3">
        <v>20</v>
      </c>
      <c r="D2140" s="52" t="s">
        <v>2024</v>
      </c>
      <c r="E2140" s="52" t="s">
        <v>111</v>
      </c>
      <c r="F2140" s="52" t="s">
        <v>89</v>
      </c>
      <c r="G2140" s="52" t="s">
        <v>82</v>
      </c>
      <c r="H2140" s="4">
        <v>1</v>
      </c>
      <c r="I2140" s="2">
        <v>0</v>
      </c>
    </row>
    <row r="2141" spans="1:9" hidden="1" x14ac:dyDescent="0.35">
      <c r="A2141" s="52" t="s">
        <v>78</v>
      </c>
      <c r="B2141" s="52" t="s">
        <v>79</v>
      </c>
      <c r="C2141" s="3">
        <v>20</v>
      </c>
      <c r="D2141" s="52" t="s">
        <v>2024</v>
      </c>
      <c r="E2141" s="52" t="s">
        <v>134</v>
      </c>
      <c r="F2141" s="52" t="s">
        <v>123</v>
      </c>
      <c r="G2141" s="52" t="s">
        <v>82</v>
      </c>
      <c r="H2141" s="4">
        <v>3410</v>
      </c>
      <c r="I2141" s="2">
        <v>0</v>
      </c>
    </row>
    <row r="2142" spans="1:9" hidden="1" x14ac:dyDescent="0.35">
      <c r="A2142" s="52" t="s">
        <v>78</v>
      </c>
      <c r="B2142" s="52" t="s">
        <v>79</v>
      </c>
      <c r="C2142" s="3">
        <v>20</v>
      </c>
      <c r="D2142" s="52" t="s">
        <v>2024</v>
      </c>
      <c r="E2142" s="52" t="s">
        <v>121</v>
      </c>
      <c r="F2142" s="52" t="s">
        <v>112</v>
      </c>
      <c r="G2142" s="52" t="s">
        <v>108</v>
      </c>
      <c r="H2142" s="4">
        <v>347</v>
      </c>
      <c r="I2142" s="2">
        <v>0</v>
      </c>
    </row>
    <row r="2143" spans="1:9" hidden="1" x14ac:dyDescent="0.35">
      <c r="A2143" s="52" t="s">
        <v>78</v>
      </c>
      <c r="B2143" s="52" t="s">
        <v>79</v>
      </c>
      <c r="C2143" s="3">
        <v>20</v>
      </c>
      <c r="D2143" s="52" t="s">
        <v>2024</v>
      </c>
      <c r="E2143" s="52" t="s">
        <v>111</v>
      </c>
      <c r="F2143" s="52" t="s">
        <v>107</v>
      </c>
      <c r="G2143" s="52" t="s">
        <v>108</v>
      </c>
      <c r="H2143" s="4">
        <v>51</v>
      </c>
      <c r="I2143" s="2">
        <v>0</v>
      </c>
    </row>
    <row r="2144" spans="1:9" hidden="1" x14ac:dyDescent="0.35">
      <c r="A2144" s="52" t="s">
        <v>78</v>
      </c>
      <c r="B2144" s="52" t="s">
        <v>79</v>
      </c>
      <c r="C2144" s="3">
        <v>20</v>
      </c>
      <c r="D2144" s="52" t="s">
        <v>2024</v>
      </c>
      <c r="E2144" s="52" t="s">
        <v>111</v>
      </c>
      <c r="F2144" s="52" t="s">
        <v>93</v>
      </c>
      <c r="G2144" s="52" t="s">
        <v>82</v>
      </c>
      <c r="H2144" s="4">
        <v>33</v>
      </c>
      <c r="I2144" s="2">
        <v>0</v>
      </c>
    </row>
    <row r="2145" spans="1:9" hidden="1" x14ac:dyDescent="0.35">
      <c r="A2145" s="52" t="s">
        <v>78</v>
      </c>
      <c r="B2145" s="52" t="s">
        <v>79</v>
      </c>
      <c r="C2145" s="3">
        <v>20</v>
      </c>
      <c r="D2145" s="52" t="s">
        <v>2024</v>
      </c>
      <c r="E2145" s="52" t="s">
        <v>111</v>
      </c>
      <c r="F2145" s="52" t="s">
        <v>95</v>
      </c>
      <c r="G2145" s="52" t="s">
        <v>82</v>
      </c>
      <c r="H2145" s="4">
        <v>65</v>
      </c>
      <c r="I2145" s="2">
        <v>0</v>
      </c>
    </row>
    <row r="2146" spans="1:9" hidden="1" x14ac:dyDescent="0.35">
      <c r="A2146" s="52" t="s">
        <v>78</v>
      </c>
      <c r="B2146" s="52" t="s">
        <v>79</v>
      </c>
      <c r="C2146" s="3">
        <v>20</v>
      </c>
      <c r="D2146" s="52" t="s">
        <v>2024</v>
      </c>
      <c r="E2146" s="52" t="s">
        <v>102</v>
      </c>
      <c r="F2146" s="52" t="s">
        <v>103</v>
      </c>
      <c r="G2146" s="52" t="s">
        <v>82</v>
      </c>
      <c r="H2146" s="4">
        <v>387</v>
      </c>
      <c r="I2146" s="2">
        <v>0</v>
      </c>
    </row>
    <row r="2147" spans="1:9" hidden="1" x14ac:dyDescent="0.35">
      <c r="A2147" s="52" t="s">
        <v>78</v>
      </c>
      <c r="B2147" s="52" t="s">
        <v>79</v>
      </c>
      <c r="C2147" s="3">
        <v>20</v>
      </c>
      <c r="D2147" s="52" t="s">
        <v>2024</v>
      </c>
      <c r="E2147" s="52" t="s">
        <v>111</v>
      </c>
      <c r="F2147" s="52" t="s">
        <v>94</v>
      </c>
      <c r="G2147" s="52" t="s">
        <v>82</v>
      </c>
      <c r="H2147" s="4">
        <v>3</v>
      </c>
      <c r="I2147" s="2">
        <v>0</v>
      </c>
    </row>
    <row r="2148" spans="1:9" hidden="1" x14ac:dyDescent="0.35">
      <c r="A2148" s="52" t="s">
        <v>78</v>
      </c>
      <c r="B2148" s="52" t="s">
        <v>79</v>
      </c>
      <c r="C2148" s="3">
        <v>20</v>
      </c>
      <c r="D2148" s="52" t="s">
        <v>2024</v>
      </c>
      <c r="E2148" s="52" t="s">
        <v>126</v>
      </c>
      <c r="F2148" s="52" t="s">
        <v>103</v>
      </c>
      <c r="G2148" s="52" t="s">
        <v>82</v>
      </c>
      <c r="H2148" s="4">
        <v>20</v>
      </c>
      <c r="I2148" s="2">
        <v>0</v>
      </c>
    </row>
    <row r="2149" spans="1:9" hidden="1" x14ac:dyDescent="0.35">
      <c r="A2149" s="52" t="s">
        <v>78</v>
      </c>
      <c r="B2149" s="52" t="s">
        <v>79</v>
      </c>
      <c r="C2149" s="3">
        <v>20</v>
      </c>
      <c r="D2149" s="52" t="s">
        <v>2024</v>
      </c>
      <c r="E2149" s="52" t="s">
        <v>113</v>
      </c>
      <c r="F2149" s="52" t="s">
        <v>114</v>
      </c>
      <c r="G2149" s="52" t="s">
        <v>115</v>
      </c>
      <c r="H2149" s="4">
        <v>2173</v>
      </c>
      <c r="I2149" s="2">
        <v>0</v>
      </c>
    </row>
    <row r="2150" spans="1:9" hidden="1" x14ac:dyDescent="0.35">
      <c r="A2150" s="52" t="s">
        <v>78</v>
      </c>
      <c r="B2150" s="52" t="s">
        <v>79</v>
      </c>
      <c r="C2150" s="3">
        <v>20</v>
      </c>
      <c r="D2150" s="52" t="s">
        <v>2024</v>
      </c>
      <c r="E2150" s="52" t="s">
        <v>126</v>
      </c>
      <c r="F2150" s="52" t="s">
        <v>101</v>
      </c>
      <c r="G2150" s="52" t="s">
        <v>82</v>
      </c>
      <c r="H2150" s="4">
        <v>131</v>
      </c>
      <c r="I2150" s="2">
        <v>0</v>
      </c>
    </row>
    <row r="2151" spans="1:9" hidden="1" x14ac:dyDescent="0.35">
      <c r="A2151" s="52" t="s">
        <v>78</v>
      </c>
      <c r="B2151" s="52" t="s">
        <v>79</v>
      </c>
      <c r="C2151" s="3">
        <v>20</v>
      </c>
      <c r="D2151" s="52" t="s">
        <v>2024</v>
      </c>
      <c r="E2151" s="52" t="s">
        <v>106</v>
      </c>
      <c r="F2151" s="52" t="s">
        <v>107</v>
      </c>
      <c r="G2151" s="52" t="s">
        <v>108</v>
      </c>
      <c r="H2151" s="4">
        <v>20</v>
      </c>
      <c r="I2151" s="2">
        <v>0</v>
      </c>
    </row>
    <row r="2152" spans="1:9" hidden="1" x14ac:dyDescent="0.35">
      <c r="A2152" s="52" t="s">
        <v>78</v>
      </c>
      <c r="B2152" s="52" t="s">
        <v>79</v>
      </c>
      <c r="C2152" s="3">
        <v>20</v>
      </c>
      <c r="D2152" s="52" t="s">
        <v>2024</v>
      </c>
      <c r="E2152" s="52" t="s">
        <v>111</v>
      </c>
      <c r="F2152" s="52" t="s">
        <v>81</v>
      </c>
      <c r="G2152" s="52" t="s">
        <v>82</v>
      </c>
      <c r="H2152" s="4">
        <v>6</v>
      </c>
      <c r="I2152" s="2">
        <v>0</v>
      </c>
    </row>
    <row r="2153" spans="1:9" hidden="1" x14ac:dyDescent="0.35">
      <c r="A2153" s="52" t="s">
        <v>78</v>
      </c>
      <c r="B2153" s="52" t="s">
        <v>79</v>
      </c>
      <c r="C2153" s="3">
        <v>20</v>
      </c>
      <c r="D2153" s="52" t="s">
        <v>2024</v>
      </c>
      <c r="E2153" s="52" t="s">
        <v>111</v>
      </c>
      <c r="F2153" s="52" t="s">
        <v>105</v>
      </c>
      <c r="G2153" s="52" t="s">
        <v>82</v>
      </c>
      <c r="H2153" s="4">
        <v>116</v>
      </c>
      <c r="I2153" s="2">
        <v>0</v>
      </c>
    </row>
    <row r="2154" spans="1:9" hidden="1" x14ac:dyDescent="0.35">
      <c r="A2154" s="52" t="s">
        <v>78</v>
      </c>
      <c r="B2154" s="52" t="s">
        <v>79</v>
      </c>
      <c r="C2154" s="3">
        <v>20</v>
      </c>
      <c r="D2154" s="52" t="s">
        <v>2024</v>
      </c>
      <c r="E2154" s="52" t="s">
        <v>102</v>
      </c>
      <c r="F2154" s="52" t="s">
        <v>125</v>
      </c>
      <c r="G2154" s="52" t="s">
        <v>108</v>
      </c>
      <c r="H2154" s="4">
        <v>3</v>
      </c>
      <c r="I2154" s="2">
        <v>0</v>
      </c>
    </row>
    <row r="2155" spans="1:9" hidden="1" x14ac:dyDescent="0.35">
      <c r="A2155" s="52" t="s">
        <v>78</v>
      </c>
      <c r="B2155" s="52" t="s">
        <v>79</v>
      </c>
      <c r="C2155" s="3">
        <v>20</v>
      </c>
      <c r="D2155" s="52" t="s">
        <v>2024</v>
      </c>
      <c r="E2155" s="52" t="s">
        <v>128</v>
      </c>
      <c r="F2155" s="52" t="s">
        <v>129</v>
      </c>
      <c r="G2155" s="52" t="s">
        <v>82</v>
      </c>
      <c r="H2155" s="4">
        <v>2</v>
      </c>
      <c r="I2155" s="2">
        <v>0</v>
      </c>
    </row>
    <row r="2156" spans="1:9" hidden="1" x14ac:dyDescent="0.35">
      <c r="A2156" s="52" t="s">
        <v>78</v>
      </c>
      <c r="B2156" s="52" t="s">
        <v>79</v>
      </c>
      <c r="C2156" s="3">
        <v>20</v>
      </c>
      <c r="D2156" s="52" t="s">
        <v>2024</v>
      </c>
      <c r="E2156" s="52" t="s">
        <v>111</v>
      </c>
      <c r="F2156" s="52" t="s">
        <v>97</v>
      </c>
      <c r="G2156" s="52" t="s">
        <v>82</v>
      </c>
      <c r="H2156" s="4">
        <v>2</v>
      </c>
      <c r="I2156" s="2">
        <v>0</v>
      </c>
    </row>
    <row r="2157" spans="1:9" hidden="1" x14ac:dyDescent="0.35">
      <c r="A2157" s="52" t="s">
        <v>78</v>
      </c>
      <c r="B2157" s="52" t="s">
        <v>79</v>
      </c>
      <c r="C2157" s="3">
        <v>20</v>
      </c>
      <c r="D2157" s="52" t="s">
        <v>2024</v>
      </c>
      <c r="E2157" s="52" t="s">
        <v>120</v>
      </c>
      <c r="F2157" s="52" t="s">
        <v>116</v>
      </c>
      <c r="G2157" s="52" t="s">
        <v>115</v>
      </c>
      <c r="H2157" s="4">
        <v>857</v>
      </c>
      <c r="I2157" s="2">
        <v>0</v>
      </c>
    </row>
    <row r="2158" spans="1:9" hidden="1" x14ac:dyDescent="0.35">
      <c r="A2158" s="52" t="s">
        <v>78</v>
      </c>
      <c r="B2158" s="52" t="s">
        <v>79</v>
      </c>
      <c r="C2158" s="3">
        <v>20</v>
      </c>
      <c r="D2158" s="52" t="s">
        <v>2024</v>
      </c>
      <c r="E2158" s="52" t="s">
        <v>111</v>
      </c>
      <c r="F2158" s="52" t="s">
        <v>101</v>
      </c>
      <c r="G2158" s="52" t="s">
        <v>82</v>
      </c>
      <c r="H2158" s="4">
        <v>571</v>
      </c>
      <c r="I2158" s="2">
        <v>0</v>
      </c>
    </row>
    <row r="2159" spans="1:9" hidden="1" x14ac:dyDescent="0.35">
      <c r="A2159" s="52" t="s">
        <v>78</v>
      </c>
      <c r="B2159" s="52" t="s">
        <v>79</v>
      </c>
      <c r="C2159" s="3">
        <v>211</v>
      </c>
      <c r="D2159" s="52" t="s">
        <v>2024</v>
      </c>
      <c r="E2159" s="52" t="s">
        <v>92</v>
      </c>
      <c r="F2159" s="52" t="s">
        <v>93</v>
      </c>
      <c r="G2159" s="52" t="s">
        <v>82</v>
      </c>
      <c r="H2159" s="4">
        <v>4681</v>
      </c>
      <c r="I2159" s="2">
        <v>35362.97</v>
      </c>
    </row>
    <row r="2160" spans="1:9" hidden="1" x14ac:dyDescent="0.35">
      <c r="A2160" s="52" t="s">
        <v>78</v>
      </c>
      <c r="B2160" s="52" t="s">
        <v>79</v>
      </c>
      <c r="C2160" s="3">
        <v>211</v>
      </c>
      <c r="D2160" s="52" t="s">
        <v>2024</v>
      </c>
      <c r="E2160" s="52" t="s">
        <v>36</v>
      </c>
      <c r="F2160" s="52" t="s">
        <v>95</v>
      </c>
      <c r="G2160" s="52" t="s">
        <v>82</v>
      </c>
      <c r="H2160" s="4">
        <v>115</v>
      </c>
      <c r="I2160" s="2">
        <v>540.5</v>
      </c>
    </row>
    <row r="2161" spans="1:9" hidden="1" x14ac:dyDescent="0.35">
      <c r="A2161" s="52" t="s">
        <v>78</v>
      </c>
      <c r="B2161" s="52" t="s">
        <v>79</v>
      </c>
      <c r="C2161" s="3">
        <v>211</v>
      </c>
      <c r="D2161" s="52" t="s">
        <v>2024</v>
      </c>
      <c r="E2161" s="52" t="s">
        <v>40</v>
      </c>
      <c r="F2161" s="52" t="s">
        <v>96</v>
      </c>
      <c r="G2161" s="52" t="s">
        <v>82</v>
      </c>
      <c r="H2161" s="4">
        <v>19</v>
      </c>
      <c r="I2161" s="2">
        <v>475</v>
      </c>
    </row>
    <row r="2162" spans="1:9" hidden="1" x14ac:dyDescent="0.35">
      <c r="A2162" s="52" t="s">
        <v>78</v>
      </c>
      <c r="B2162" s="52" t="s">
        <v>79</v>
      </c>
      <c r="C2162" s="3">
        <v>211</v>
      </c>
      <c r="D2162" s="52" t="s">
        <v>2024</v>
      </c>
      <c r="E2162" s="52" t="s">
        <v>26</v>
      </c>
      <c r="F2162" s="52" t="s">
        <v>81</v>
      </c>
      <c r="G2162" s="52" t="s">
        <v>82</v>
      </c>
      <c r="H2162" s="4">
        <v>23</v>
      </c>
      <c r="I2162" s="2">
        <v>336.95</v>
      </c>
    </row>
    <row r="2163" spans="1:9" hidden="1" x14ac:dyDescent="0.35">
      <c r="A2163" s="52" t="s">
        <v>78</v>
      </c>
      <c r="B2163" s="52" t="s">
        <v>79</v>
      </c>
      <c r="C2163" s="3">
        <v>211</v>
      </c>
      <c r="D2163" s="52" t="s">
        <v>2024</v>
      </c>
      <c r="E2163" s="52" t="s">
        <v>38</v>
      </c>
      <c r="F2163" s="52" t="s">
        <v>97</v>
      </c>
      <c r="G2163" s="52" t="s">
        <v>82</v>
      </c>
      <c r="H2163" s="4">
        <v>8</v>
      </c>
      <c r="I2163" s="2">
        <v>127.9</v>
      </c>
    </row>
    <row r="2164" spans="1:9" hidden="1" x14ac:dyDescent="0.35">
      <c r="A2164" s="52" t="s">
        <v>78</v>
      </c>
      <c r="B2164" s="52" t="s">
        <v>79</v>
      </c>
      <c r="C2164" s="3">
        <v>211</v>
      </c>
      <c r="D2164" s="52" t="s">
        <v>2024</v>
      </c>
      <c r="E2164" s="52" t="s">
        <v>90</v>
      </c>
      <c r="F2164" s="52" t="s">
        <v>91</v>
      </c>
      <c r="G2164" s="52" t="s">
        <v>82</v>
      </c>
      <c r="H2164" s="4">
        <v>8</v>
      </c>
      <c r="I2164" s="2">
        <v>56.65</v>
      </c>
    </row>
    <row r="2165" spans="1:9" hidden="1" x14ac:dyDescent="0.35">
      <c r="A2165" s="52" t="s">
        <v>78</v>
      </c>
      <c r="B2165" s="52" t="s">
        <v>79</v>
      </c>
      <c r="C2165" s="3">
        <v>211</v>
      </c>
      <c r="D2165" s="52" t="s">
        <v>2024</v>
      </c>
      <c r="E2165" s="52" t="s">
        <v>914</v>
      </c>
      <c r="F2165" s="52" t="s">
        <v>91</v>
      </c>
      <c r="G2165" s="52" t="s">
        <v>82</v>
      </c>
      <c r="H2165" s="4">
        <v>3</v>
      </c>
      <c r="I2165" s="2">
        <v>1.5</v>
      </c>
    </row>
    <row r="2166" spans="1:9" hidden="1" x14ac:dyDescent="0.35">
      <c r="A2166" s="52" t="s">
        <v>78</v>
      </c>
      <c r="B2166" s="52" t="s">
        <v>79</v>
      </c>
      <c r="C2166" s="3">
        <v>211</v>
      </c>
      <c r="D2166" s="52" t="s">
        <v>2024</v>
      </c>
      <c r="E2166" s="52" t="s">
        <v>102</v>
      </c>
      <c r="F2166" s="52" t="s">
        <v>116</v>
      </c>
      <c r="G2166" s="52" t="s">
        <v>115</v>
      </c>
      <c r="H2166" s="4">
        <v>121</v>
      </c>
      <c r="I2166" s="2">
        <v>0</v>
      </c>
    </row>
    <row r="2167" spans="1:9" hidden="1" x14ac:dyDescent="0.35">
      <c r="A2167" s="52" t="s">
        <v>78</v>
      </c>
      <c r="B2167" s="52" t="s">
        <v>79</v>
      </c>
      <c r="C2167" s="3">
        <v>211</v>
      </c>
      <c r="D2167" s="52" t="s">
        <v>2024</v>
      </c>
      <c r="E2167" s="52" t="s">
        <v>111</v>
      </c>
      <c r="F2167" s="52" t="s">
        <v>101</v>
      </c>
      <c r="G2167" s="52" t="s">
        <v>82</v>
      </c>
      <c r="H2167" s="4">
        <v>33</v>
      </c>
      <c r="I2167" s="2">
        <v>0</v>
      </c>
    </row>
    <row r="2168" spans="1:9" x14ac:dyDescent="0.35">
      <c r="A2168" s="52" t="s">
        <v>78</v>
      </c>
      <c r="B2168" s="52" t="s">
        <v>79</v>
      </c>
      <c r="C2168" s="3">
        <v>211</v>
      </c>
      <c r="D2168" s="52" t="s">
        <v>2024</v>
      </c>
      <c r="E2168" s="52" t="s">
        <v>106</v>
      </c>
      <c r="F2168" s="52" t="s">
        <v>101</v>
      </c>
      <c r="G2168" s="52" t="s">
        <v>108</v>
      </c>
      <c r="H2168" s="4">
        <v>1</v>
      </c>
      <c r="I2168" s="2">
        <v>0</v>
      </c>
    </row>
    <row r="2169" spans="1:9" hidden="1" x14ac:dyDescent="0.35">
      <c r="A2169" s="52" t="s">
        <v>78</v>
      </c>
      <c r="B2169" s="52" t="s">
        <v>79</v>
      </c>
      <c r="C2169" s="3">
        <v>211</v>
      </c>
      <c r="D2169" s="52" t="s">
        <v>2024</v>
      </c>
      <c r="E2169" s="52" t="s">
        <v>117</v>
      </c>
      <c r="F2169" s="52" t="s">
        <v>116</v>
      </c>
      <c r="G2169" s="52" t="s">
        <v>82</v>
      </c>
      <c r="H2169" s="4">
        <v>282</v>
      </c>
      <c r="I2169" s="2">
        <v>0</v>
      </c>
    </row>
    <row r="2170" spans="1:9" hidden="1" x14ac:dyDescent="0.35">
      <c r="A2170" s="52" t="s">
        <v>78</v>
      </c>
      <c r="B2170" s="52" t="s">
        <v>79</v>
      </c>
      <c r="C2170" s="3">
        <v>211</v>
      </c>
      <c r="D2170" s="52" t="s">
        <v>2024</v>
      </c>
      <c r="E2170" s="52" t="s">
        <v>109</v>
      </c>
      <c r="F2170" s="52" t="s">
        <v>110</v>
      </c>
      <c r="G2170" s="52" t="s">
        <v>108</v>
      </c>
      <c r="H2170" s="4">
        <v>2</v>
      </c>
      <c r="I2170" s="2">
        <v>0</v>
      </c>
    </row>
    <row r="2171" spans="1:9" hidden="1" x14ac:dyDescent="0.35">
      <c r="A2171" s="52" t="s">
        <v>78</v>
      </c>
      <c r="B2171" s="52" t="s">
        <v>79</v>
      </c>
      <c r="C2171" s="3">
        <v>211</v>
      </c>
      <c r="D2171" s="52" t="s">
        <v>2024</v>
      </c>
      <c r="E2171" s="52" t="s">
        <v>106</v>
      </c>
      <c r="F2171" s="52" t="s">
        <v>107</v>
      </c>
      <c r="G2171" s="52" t="s">
        <v>108</v>
      </c>
      <c r="H2171" s="4">
        <v>5</v>
      </c>
      <c r="I2171" s="2">
        <v>0</v>
      </c>
    </row>
    <row r="2172" spans="1:9" x14ac:dyDescent="0.35">
      <c r="A2172" s="52" t="s">
        <v>78</v>
      </c>
      <c r="B2172" s="52" t="s">
        <v>79</v>
      </c>
      <c r="C2172" s="3">
        <v>211</v>
      </c>
      <c r="D2172" s="52" t="s">
        <v>2024</v>
      </c>
      <c r="E2172" s="52" t="s">
        <v>126</v>
      </c>
      <c r="F2172" s="52" t="s">
        <v>101</v>
      </c>
      <c r="G2172" s="52" t="s">
        <v>82</v>
      </c>
      <c r="H2172" s="4">
        <v>1</v>
      </c>
      <c r="I2172" s="2">
        <v>0</v>
      </c>
    </row>
    <row r="2173" spans="1:9" hidden="1" x14ac:dyDescent="0.35">
      <c r="A2173" s="52" t="s">
        <v>78</v>
      </c>
      <c r="B2173" s="52" t="s">
        <v>79</v>
      </c>
      <c r="C2173" s="3">
        <v>211</v>
      </c>
      <c r="D2173" s="52" t="s">
        <v>2024</v>
      </c>
      <c r="E2173" s="52" t="s">
        <v>135</v>
      </c>
      <c r="F2173" s="52" t="s">
        <v>112</v>
      </c>
      <c r="G2173" s="52" t="s">
        <v>82</v>
      </c>
      <c r="H2173" s="4">
        <v>318</v>
      </c>
      <c r="I2173" s="2">
        <v>0</v>
      </c>
    </row>
    <row r="2174" spans="1:9" hidden="1" x14ac:dyDescent="0.35">
      <c r="A2174" s="52" t="s">
        <v>78</v>
      </c>
      <c r="B2174" s="52" t="s">
        <v>79</v>
      </c>
      <c r="C2174" s="3">
        <v>211</v>
      </c>
      <c r="D2174" s="52" t="s">
        <v>2024</v>
      </c>
      <c r="E2174" s="52" t="s">
        <v>104</v>
      </c>
      <c r="F2174" s="52" t="s">
        <v>101</v>
      </c>
      <c r="G2174" s="52" t="s">
        <v>82</v>
      </c>
      <c r="H2174" s="4">
        <v>34</v>
      </c>
      <c r="I2174" s="2">
        <v>0</v>
      </c>
    </row>
    <row r="2175" spans="1:9" x14ac:dyDescent="0.35">
      <c r="A2175" s="52" t="s">
        <v>78</v>
      </c>
      <c r="B2175" s="52" t="s">
        <v>79</v>
      </c>
      <c r="C2175" s="3">
        <v>211</v>
      </c>
      <c r="D2175" s="52" t="s">
        <v>2024</v>
      </c>
      <c r="E2175" s="52" t="s">
        <v>106</v>
      </c>
      <c r="F2175" s="52" t="s">
        <v>103</v>
      </c>
      <c r="G2175" s="52" t="s">
        <v>82</v>
      </c>
      <c r="H2175" s="4">
        <v>1</v>
      </c>
      <c r="I2175" s="2">
        <v>0</v>
      </c>
    </row>
    <row r="2176" spans="1:9" hidden="1" x14ac:dyDescent="0.35">
      <c r="A2176" s="52" t="s">
        <v>78</v>
      </c>
      <c r="B2176" s="52" t="s">
        <v>79</v>
      </c>
      <c r="C2176" s="3">
        <v>211</v>
      </c>
      <c r="D2176" s="52" t="s">
        <v>2024</v>
      </c>
      <c r="E2176" s="52" t="s">
        <v>120</v>
      </c>
      <c r="F2176" s="52" t="s">
        <v>116</v>
      </c>
      <c r="G2176" s="52" t="s">
        <v>115</v>
      </c>
      <c r="H2176" s="4">
        <v>125</v>
      </c>
      <c r="I2176" s="2">
        <v>0</v>
      </c>
    </row>
    <row r="2177" spans="1:9" hidden="1" x14ac:dyDescent="0.35">
      <c r="A2177" s="52" t="s">
        <v>78</v>
      </c>
      <c r="B2177" s="52" t="s">
        <v>79</v>
      </c>
      <c r="C2177" s="3">
        <v>211</v>
      </c>
      <c r="D2177" s="52" t="s">
        <v>2024</v>
      </c>
      <c r="E2177" s="52" t="s">
        <v>102</v>
      </c>
      <c r="F2177" s="52" t="s">
        <v>107</v>
      </c>
      <c r="G2177" s="52" t="s">
        <v>108</v>
      </c>
      <c r="H2177" s="4">
        <v>650</v>
      </c>
      <c r="I2177" s="2">
        <v>0</v>
      </c>
    </row>
    <row r="2178" spans="1:9" hidden="1" x14ac:dyDescent="0.35">
      <c r="A2178" s="52" t="s">
        <v>78</v>
      </c>
      <c r="B2178" s="52" t="s">
        <v>79</v>
      </c>
      <c r="C2178" s="3">
        <v>211</v>
      </c>
      <c r="D2178" s="52" t="s">
        <v>2024</v>
      </c>
      <c r="E2178" s="52" t="s">
        <v>118</v>
      </c>
      <c r="F2178" s="52" t="s">
        <v>119</v>
      </c>
      <c r="G2178" s="52" t="s">
        <v>115</v>
      </c>
      <c r="H2178" s="4">
        <v>125</v>
      </c>
      <c r="I2178" s="2">
        <v>0</v>
      </c>
    </row>
    <row r="2179" spans="1:9" x14ac:dyDescent="0.35">
      <c r="A2179" s="52" t="s">
        <v>78</v>
      </c>
      <c r="B2179" s="52" t="s">
        <v>79</v>
      </c>
      <c r="C2179" s="3">
        <v>211</v>
      </c>
      <c r="D2179" s="52" t="s">
        <v>2024</v>
      </c>
      <c r="E2179" s="52" t="s">
        <v>111</v>
      </c>
      <c r="F2179" s="52" t="s">
        <v>105</v>
      </c>
      <c r="G2179" s="52" t="s">
        <v>82</v>
      </c>
      <c r="H2179" s="4">
        <v>1</v>
      </c>
      <c r="I2179" s="2">
        <v>0</v>
      </c>
    </row>
    <row r="2180" spans="1:9" hidden="1" x14ac:dyDescent="0.35">
      <c r="A2180" s="52" t="s">
        <v>78</v>
      </c>
      <c r="B2180" s="52" t="s">
        <v>79</v>
      </c>
      <c r="C2180" s="3">
        <v>211</v>
      </c>
      <c r="D2180" s="52" t="s">
        <v>2024</v>
      </c>
      <c r="E2180" s="52" t="s">
        <v>139</v>
      </c>
      <c r="F2180" s="52" t="s">
        <v>140</v>
      </c>
      <c r="G2180" s="52" t="s">
        <v>82</v>
      </c>
      <c r="H2180" s="4">
        <v>25</v>
      </c>
      <c r="I2180" s="2">
        <v>0</v>
      </c>
    </row>
    <row r="2181" spans="1:9" hidden="1" x14ac:dyDescent="0.35">
      <c r="A2181" s="52" t="s">
        <v>78</v>
      </c>
      <c r="B2181" s="52" t="s">
        <v>79</v>
      </c>
      <c r="C2181" s="3">
        <v>211</v>
      </c>
      <c r="D2181" s="52" t="s">
        <v>2024</v>
      </c>
      <c r="E2181" s="52" t="s">
        <v>134</v>
      </c>
      <c r="F2181" s="52" t="s">
        <v>123</v>
      </c>
      <c r="G2181" s="52" t="s">
        <v>82</v>
      </c>
      <c r="H2181" s="4">
        <v>24</v>
      </c>
      <c r="I2181" s="2">
        <v>0</v>
      </c>
    </row>
    <row r="2182" spans="1:9" hidden="1" x14ac:dyDescent="0.35">
      <c r="A2182" s="52" t="s">
        <v>78</v>
      </c>
      <c r="B2182" s="52" t="s">
        <v>79</v>
      </c>
      <c r="C2182" s="3">
        <v>211</v>
      </c>
      <c r="D2182" s="52" t="s">
        <v>2024</v>
      </c>
      <c r="E2182" s="52" t="s">
        <v>102</v>
      </c>
      <c r="F2182" s="52" t="s">
        <v>103</v>
      </c>
      <c r="G2182" s="52" t="s">
        <v>82</v>
      </c>
      <c r="H2182" s="4">
        <v>92</v>
      </c>
      <c r="I2182" s="2">
        <v>0</v>
      </c>
    </row>
    <row r="2183" spans="1:9" hidden="1" x14ac:dyDescent="0.35">
      <c r="A2183" s="52" t="s">
        <v>78</v>
      </c>
      <c r="B2183" s="52" t="s">
        <v>79</v>
      </c>
      <c r="C2183" s="3">
        <v>211</v>
      </c>
      <c r="D2183" s="52" t="s">
        <v>2024</v>
      </c>
      <c r="E2183" s="52" t="s">
        <v>113</v>
      </c>
      <c r="F2183" s="52" t="s">
        <v>114</v>
      </c>
      <c r="G2183" s="52" t="s">
        <v>115</v>
      </c>
      <c r="H2183" s="4">
        <v>179</v>
      </c>
      <c r="I2183" s="2">
        <v>0</v>
      </c>
    </row>
    <row r="2184" spans="1:9" x14ac:dyDescent="0.35">
      <c r="A2184" s="52" t="s">
        <v>78</v>
      </c>
      <c r="B2184" s="52" t="s">
        <v>79</v>
      </c>
      <c r="C2184" s="3">
        <v>211</v>
      </c>
      <c r="D2184" s="52" t="s">
        <v>2024</v>
      </c>
      <c r="E2184" s="52" t="s">
        <v>102</v>
      </c>
      <c r="F2184" s="52" t="s">
        <v>101</v>
      </c>
      <c r="G2184" s="52" t="s">
        <v>108</v>
      </c>
      <c r="H2184" s="4">
        <v>1</v>
      </c>
      <c r="I2184" s="2">
        <v>0</v>
      </c>
    </row>
    <row r="2185" spans="1:9" hidden="1" x14ac:dyDescent="0.35">
      <c r="A2185" s="52" t="s">
        <v>78</v>
      </c>
      <c r="B2185" s="52" t="s">
        <v>79</v>
      </c>
      <c r="C2185" s="3">
        <v>211</v>
      </c>
      <c r="D2185" s="52" t="s">
        <v>2024</v>
      </c>
      <c r="E2185" s="52" t="s">
        <v>121</v>
      </c>
      <c r="F2185" s="52" t="s">
        <v>112</v>
      </c>
      <c r="G2185" s="52" t="s">
        <v>108</v>
      </c>
      <c r="H2185" s="4">
        <v>4</v>
      </c>
      <c r="I2185" s="2">
        <v>0</v>
      </c>
    </row>
    <row r="2186" spans="1:9" hidden="1" x14ac:dyDescent="0.35">
      <c r="A2186" s="52" t="s">
        <v>78</v>
      </c>
      <c r="B2186" s="52" t="s">
        <v>79</v>
      </c>
      <c r="C2186" s="3">
        <v>211</v>
      </c>
      <c r="D2186" s="52" t="s">
        <v>2024</v>
      </c>
      <c r="E2186" s="52" t="s">
        <v>122</v>
      </c>
      <c r="F2186" s="52" t="s">
        <v>123</v>
      </c>
      <c r="G2186" s="52" t="s">
        <v>108</v>
      </c>
      <c r="H2186" s="4">
        <v>9</v>
      </c>
      <c r="I2186" s="2">
        <v>0</v>
      </c>
    </row>
    <row r="2187" spans="1:9" hidden="1" x14ac:dyDescent="0.35">
      <c r="A2187" s="52" t="s">
        <v>78</v>
      </c>
      <c r="B2187" s="52" t="s">
        <v>79</v>
      </c>
      <c r="C2187" s="3">
        <v>211</v>
      </c>
      <c r="D2187" s="52" t="s">
        <v>2024</v>
      </c>
      <c r="E2187" s="52" t="s">
        <v>111</v>
      </c>
      <c r="F2187" s="52" t="s">
        <v>103</v>
      </c>
      <c r="G2187" s="52" t="s">
        <v>82</v>
      </c>
      <c r="H2187" s="4">
        <v>2</v>
      </c>
      <c r="I2187" s="2">
        <v>0</v>
      </c>
    </row>
    <row r="2188" spans="1:9" hidden="1" x14ac:dyDescent="0.35">
      <c r="A2188" s="52" t="s">
        <v>78</v>
      </c>
      <c r="B2188" s="52" t="s">
        <v>79</v>
      </c>
      <c r="C2188" s="3">
        <v>211</v>
      </c>
      <c r="D2188" s="52" t="s">
        <v>2024</v>
      </c>
      <c r="E2188" s="52" t="s">
        <v>111</v>
      </c>
      <c r="F2188" s="52" t="s">
        <v>95</v>
      </c>
      <c r="G2188" s="52" t="s">
        <v>82</v>
      </c>
      <c r="H2188" s="4">
        <v>7</v>
      </c>
      <c r="I2188" s="2">
        <v>0</v>
      </c>
    </row>
    <row r="2189" spans="1:9" hidden="1" x14ac:dyDescent="0.35">
      <c r="A2189" s="52" t="s">
        <v>78</v>
      </c>
      <c r="B2189" s="52" t="s">
        <v>79</v>
      </c>
      <c r="C2189" s="3">
        <v>211</v>
      </c>
      <c r="D2189" s="52" t="s">
        <v>2024</v>
      </c>
      <c r="E2189" s="52" t="s">
        <v>102</v>
      </c>
      <c r="F2189" s="52" t="s">
        <v>124</v>
      </c>
      <c r="G2189" s="52" t="s">
        <v>108</v>
      </c>
      <c r="H2189" s="4">
        <v>5</v>
      </c>
      <c r="I2189" s="2">
        <v>0</v>
      </c>
    </row>
    <row r="2190" spans="1:9" x14ac:dyDescent="0.35">
      <c r="A2190" s="52" t="s">
        <v>78</v>
      </c>
      <c r="B2190" s="52" t="s">
        <v>79</v>
      </c>
      <c r="C2190" s="3">
        <v>211</v>
      </c>
      <c r="D2190" s="52" t="s">
        <v>2024</v>
      </c>
      <c r="E2190" s="52" t="s">
        <v>111</v>
      </c>
      <c r="F2190" s="52" t="s">
        <v>81</v>
      </c>
      <c r="G2190" s="52" t="s">
        <v>82</v>
      </c>
      <c r="H2190" s="4">
        <v>1</v>
      </c>
      <c r="I2190" s="2">
        <v>0</v>
      </c>
    </row>
    <row r="2191" spans="1:9" hidden="1" x14ac:dyDescent="0.35">
      <c r="A2191" s="52" t="s">
        <v>78</v>
      </c>
      <c r="B2191" s="52" t="s">
        <v>79</v>
      </c>
      <c r="C2191" s="3">
        <v>211</v>
      </c>
      <c r="D2191" s="52" t="s">
        <v>2024</v>
      </c>
      <c r="E2191" s="52" t="s">
        <v>111</v>
      </c>
      <c r="F2191" s="52" t="s">
        <v>107</v>
      </c>
      <c r="G2191" s="52" t="s">
        <v>108</v>
      </c>
      <c r="H2191" s="4">
        <v>2</v>
      </c>
      <c r="I2191" s="2">
        <v>0</v>
      </c>
    </row>
    <row r="2192" spans="1:9" hidden="1" x14ac:dyDescent="0.35">
      <c r="A2192" s="52" t="s">
        <v>78</v>
      </c>
      <c r="B2192" s="52" t="s">
        <v>79</v>
      </c>
      <c r="C2192" s="3">
        <v>211</v>
      </c>
      <c r="D2192" s="52" t="s">
        <v>2024</v>
      </c>
      <c r="E2192" s="52" t="s">
        <v>111</v>
      </c>
      <c r="F2192" s="52" t="s">
        <v>93</v>
      </c>
      <c r="G2192" s="52" t="s">
        <v>82</v>
      </c>
      <c r="H2192" s="4">
        <v>7</v>
      </c>
      <c r="I2192" s="2">
        <v>0</v>
      </c>
    </row>
    <row r="2193" spans="1:9" hidden="1" x14ac:dyDescent="0.35">
      <c r="A2193" s="52" t="s">
        <v>78</v>
      </c>
      <c r="B2193" s="52" t="s">
        <v>79</v>
      </c>
      <c r="C2193" s="3">
        <v>211</v>
      </c>
      <c r="D2193" s="52" t="s">
        <v>2024</v>
      </c>
      <c r="E2193" s="52" t="s">
        <v>104</v>
      </c>
      <c r="F2193" s="52" t="s">
        <v>105</v>
      </c>
      <c r="G2193" s="52" t="s">
        <v>82</v>
      </c>
      <c r="H2193" s="4">
        <v>24</v>
      </c>
      <c r="I2193" s="2">
        <v>0</v>
      </c>
    </row>
    <row r="2194" spans="1:9" hidden="1" x14ac:dyDescent="0.35">
      <c r="A2194" s="52" t="s">
        <v>78</v>
      </c>
      <c r="B2194" s="52" t="s">
        <v>79</v>
      </c>
      <c r="C2194" s="3">
        <v>212</v>
      </c>
      <c r="D2194" s="52" t="s">
        <v>2024</v>
      </c>
      <c r="E2194" s="52" t="s">
        <v>92</v>
      </c>
      <c r="F2194" s="52" t="s">
        <v>93</v>
      </c>
      <c r="G2194" s="52" t="s">
        <v>82</v>
      </c>
      <c r="H2194" s="4">
        <v>1073</v>
      </c>
      <c r="I2194" s="2">
        <v>23847.89</v>
      </c>
    </row>
    <row r="2195" spans="1:9" hidden="1" x14ac:dyDescent="0.35">
      <c r="A2195" s="52" t="s">
        <v>78</v>
      </c>
      <c r="B2195" s="52" t="s">
        <v>79</v>
      </c>
      <c r="C2195" s="3">
        <v>212</v>
      </c>
      <c r="D2195" s="52" t="s">
        <v>2024</v>
      </c>
      <c r="E2195" s="52" t="s">
        <v>36</v>
      </c>
      <c r="F2195" s="52" t="s">
        <v>95</v>
      </c>
      <c r="G2195" s="52" t="s">
        <v>82</v>
      </c>
      <c r="H2195" s="4">
        <v>26</v>
      </c>
      <c r="I2195" s="2">
        <v>122.2</v>
      </c>
    </row>
    <row r="2196" spans="1:9" hidden="1" x14ac:dyDescent="0.35">
      <c r="A2196" s="52" t="s">
        <v>78</v>
      </c>
      <c r="B2196" s="52" t="s">
        <v>79</v>
      </c>
      <c r="C2196" s="3">
        <v>212</v>
      </c>
      <c r="D2196" s="52" t="s">
        <v>2024</v>
      </c>
      <c r="E2196" s="52" t="s">
        <v>26</v>
      </c>
      <c r="F2196" s="52" t="s">
        <v>81</v>
      </c>
      <c r="G2196" s="52" t="s">
        <v>82</v>
      </c>
      <c r="H2196" s="4">
        <v>7</v>
      </c>
      <c r="I2196" s="2">
        <v>102.55</v>
      </c>
    </row>
    <row r="2197" spans="1:9" hidden="1" x14ac:dyDescent="0.35">
      <c r="A2197" s="52" t="s">
        <v>78</v>
      </c>
      <c r="B2197" s="52" t="s">
        <v>79</v>
      </c>
      <c r="C2197" s="3">
        <v>212</v>
      </c>
      <c r="D2197" s="52" t="s">
        <v>2024</v>
      </c>
      <c r="E2197" s="52" t="s">
        <v>38</v>
      </c>
      <c r="F2197" s="52" t="s">
        <v>97</v>
      </c>
      <c r="G2197" s="52" t="s">
        <v>82</v>
      </c>
      <c r="H2197" s="4">
        <v>2</v>
      </c>
      <c r="I2197" s="2">
        <v>9.4</v>
      </c>
    </row>
    <row r="2198" spans="1:9" hidden="1" x14ac:dyDescent="0.35">
      <c r="A2198" s="52" t="s">
        <v>78</v>
      </c>
      <c r="B2198" s="52" t="s">
        <v>79</v>
      </c>
      <c r="C2198" s="3">
        <v>212</v>
      </c>
      <c r="D2198" s="52" t="s">
        <v>2024</v>
      </c>
      <c r="E2198" s="52" t="s">
        <v>102</v>
      </c>
      <c r="F2198" s="52" t="s">
        <v>103</v>
      </c>
      <c r="G2198" s="52" t="s">
        <v>82</v>
      </c>
      <c r="H2198" s="4">
        <v>10</v>
      </c>
      <c r="I2198" s="2">
        <v>0</v>
      </c>
    </row>
    <row r="2199" spans="1:9" x14ac:dyDescent="0.35">
      <c r="A2199" s="52" t="s">
        <v>78</v>
      </c>
      <c r="B2199" s="52" t="s">
        <v>79</v>
      </c>
      <c r="C2199" s="3">
        <v>212</v>
      </c>
      <c r="D2199" s="52" t="s">
        <v>2024</v>
      </c>
      <c r="E2199" s="52" t="s">
        <v>131</v>
      </c>
      <c r="F2199" s="52" t="s">
        <v>129</v>
      </c>
      <c r="G2199" s="52" t="s">
        <v>108</v>
      </c>
      <c r="H2199" s="4">
        <v>1</v>
      </c>
      <c r="I2199" s="2">
        <v>0</v>
      </c>
    </row>
    <row r="2200" spans="1:9" hidden="1" x14ac:dyDescent="0.35">
      <c r="A2200" s="52" t="s">
        <v>78</v>
      </c>
      <c r="B2200" s="52" t="s">
        <v>79</v>
      </c>
      <c r="C2200" s="3">
        <v>212</v>
      </c>
      <c r="D2200" s="52" t="s">
        <v>2024</v>
      </c>
      <c r="E2200" s="52" t="s">
        <v>117</v>
      </c>
      <c r="F2200" s="52" t="s">
        <v>116</v>
      </c>
      <c r="G2200" s="52" t="s">
        <v>82</v>
      </c>
      <c r="H2200" s="4">
        <v>68</v>
      </c>
      <c r="I2200" s="2">
        <v>0</v>
      </c>
    </row>
    <row r="2201" spans="1:9" hidden="1" x14ac:dyDescent="0.35">
      <c r="A2201" s="52" t="s">
        <v>78</v>
      </c>
      <c r="B2201" s="52" t="s">
        <v>79</v>
      </c>
      <c r="C2201" s="3">
        <v>212</v>
      </c>
      <c r="D2201" s="52" t="s">
        <v>2024</v>
      </c>
      <c r="E2201" s="52" t="s">
        <v>109</v>
      </c>
      <c r="F2201" s="52" t="s">
        <v>110</v>
      </c>
      <c r="G2201" s="52" t="s">
        <v>108</v>
      </c>
      <c r="H2201" s="4">
        <v>2</v>
      </c>
      <c r="I2201" s="2">
        <v>0</v>
      </c>
    </row>
    <row r="2202" spans="1:9" hidden="1" x14ac:dyDescent="0.35">
      <c r="A2202" s="52" t="s">
        <v>78</v>
      </c>
      <c r="B2202" s="52" t="s">
        <v>79</v>
      </c>
      <c r="C2202" s="3">
        <v>212</v>
      </c>
      <c r="D2202" s="52" t="s">
        <v>2024</v>
      </c>
      <c r="E2202" s="52" t="s">
        <v>126</v>
      </c>
      <c r="F2202" s="52" t="s">
        <v>101</v>
      </c>
      <c r="G2202" s="52" t="s">
        <v>82</v>
      </c>
      <c r="H2202" s="4">
        <v>2</v>
      </c>
      <c r="I2202" s="2">
        <v>0</v>
      </c>
    </row>
    <row r="2203" spans="1:9" hidden="1" x14ac:dyDescent="0.35">
      <c r="A2203" s="52" t="s">
        <v>78</v>
      </c>
      <c r="B2203" s="52" t="s">
        <v>79</v>
      </c>
      <c r="C2203" s="3">
        <v>212</v>
      </c>
      <c r="D2203" s="52" t="s">
        <v>2024</v>
      </c>
      <c r="E2203" s="52" t="s">
        <v>102</v>
      </c>
      <c r="F2203" s="52" t="s">
        <v>116</v>
      </c>
      <c r="G2203" s="52" t="s">
        <v>115</v>
      </c>
      <c r="H2203" s="4">
        <v>31</v>
      </c>
      <c r="I2203" s="2">
        <v>0</v>
      </c>
    </row>
    <row r="2204" spans="1:9" hidden="1" x14ac:dyDescent="0.35">
      <c r="A2204" s="52" t="s">
        <v>78</v>
      </c>
      <c r="B2204" s="52" t="s">
        <v>79</v>
      </c>
      <c r="C2204" s="3">
        <v>212</v>
      </c>
      <c r="D2204" s="52" t="s">
        <v>2024</v>
      </c>
      <c r="E2204" s="52" t="s">
        <v>120</v>
      </c>
      <c r="F2204" s="52" t="s">
        <v>116</v>
      </c>
      <c r="G2204" s="52" t="s">
        <v>115</v>
      </c>
      <c r="H2204" s="4">
        <v>31</v>
      </c>
      <c r="I2204" s="2">
        <v>0</v>
      </c>
    </row>
    <row r="2205" spans="1:9" hidden="1" x14ac:dyDescent="0.35">
      <c r="A2205" s="52" t="s">
        <v>78</v>
      </c>
      <c r="B2205" s="52" t="s">
        <v>79</v>
      </c>
      <c r="C2205" s="3">
        <v>212</v>
      </c>
      <c r="D2205" s="52" t="s">
        <v>2024</v>
      </c>
      <c r="E2205" s="52" t="s">
        <v>113</v>
      </c>
      <c r="F2205" s="52" t="s">
        <v>114</v>
      </c>
      <c r="G2205" s="52" t="s">
        <v>115</v>
      </c>
      <c r="H2205" s="4">
        <v>47</v>
      </c>
      <c r="I2205" s="2">
        <v>0</v>
      </c>
    </row>
    <row r="2206" spans="1:9" hidden="1" x14ac:dyDescent="0.35">
      <c r="A2206" s="52" t="s">
        <v>78</v>
      </c>
      <c r="B2206" s="52" t="s">
        <v>79</v>
      </c>
      <c r="C2206" s="3">
        <v>212</v>
      </c>
      <c r="D2206" s="52" t="s">
        <v>2024</v>
      </c>
      <c r="E2206" s="52" t="s">
        <v>128</v>
      </c>
      <c r="F2206" s="52" t="s">
        <v>129</v>
      </c>
      <c r="G2206" s="52" t="s">
        <v>82</v>
      </c>
      <c r="H2206" s="4">
        <v>2</v>
      </c>
      <c r="I2206" s="2">
        <v>0</v>
      </c>
    </row>
    <row r="2207" spans="1:9" hidden="1" x14ac:dyDescent="0.35">
      <c r="A2207" s="52" t="s">
        <v>78</v>
      </c>
      <c r="B2207" s="52" t="s">
        <v>79</v>
      </c>
      <c r="C2207" s="3">
        <v>212</v>
      </c>
      <c r="D2207" s="52" t="s">
        <v>2024</v>
      </c>
      <c r="E2207" s="52" t="s">
        <v>139</v>
      </c>
      <c r="F2207" s="52" t="s">
        <v>140</v>
      </c>
      <c r="G2207" s="52" t="s">
        <v>82</v>
      </c>
      <c r="H2207" s="4">
        <v>6</v>
      </c>
      <c r="I2207" s="2">
        <v>0</v>
      </c>
    </row>
    <row r="2208" spans="1:9" hidden="1" x14ac:dyDescent="0.35">
      <c r="A2208" s="52" t="s">
        <v>78</v>
      </c>
      <c r="B2208" s="52" t="s">
        <v>79</v>
      </c>
      <c r="C2208" s="3">
        <v>212</v>
      </c>
      <c r="D2208" s="52" t="s">
        <v>2024</v>
      </c>
      <c r="E2208" s="52" t="s">
        <v>134</v>
      </c>
      <c r="F2208" s="52" t="s">
        <v>123</v>
      </c>
      <c r="G2208" s="52" t="s">
        <v>82</v>
      </c>
      <c r="H2208" s="4">
        <v>2</v>
      </c>
      <c r="I2208" s="2">
        <v>0</v>
      </c>
    </row>
    <row r="2209" spans="1:9" hidden="1" x14ac:dyDescent="0.35">
      <c r="A2209" s="52" t="s">
        <v>78</v>
      </c>
      <c r="B2209" s="52" t="s">
        <v>79</v>
      </c>
      <c r="C2209" s="3">
        <v>212</v>
      </c>
      <c r="D2209" s="52" t="s">
        <v>2024</v>
      </c>
      <c r="E2209" s="52" t="s">
        <v>135</v>
      </c>
      <c r="F2209" s="52" t="s">
        <v>112</v>
      </c>
      <c r="G2209" s="52" t="s">
        <v>82</v>
      </c>
      <c r="H2209" s="4">
        <v>97</v>
      </c>
      <c r="I2209" s="2">
        <v>0</v>
      </c>
    </row>
    <row r="2210" spans="1:9" hidden="1" x14ac:dyDescent="0.35">
      <c r="A2210" s="52" t="s">
        <v>78</v>
      </c>
      <c r="B2210" s="52" t="s">
        <v>79</v>
      </c>
      <c r="C2210" s="3">
        <v>212</v>
      </c>
      <c r="D2210" s="52" t="s">
        <v>2024</v>
      </c>
      <c r="E2210" s="52" t="s">
        <v>111</v>
      </c>
      <c r="F2210" s="52" t="s">
        <v>101</v>
      </c>
      <c r="G2210" s="52" t="s">
        <v>82</v>
      </c>
      <c r="H2210" s="4">
        <v>7</v>
      </c>
      <c r="I2210" s="2">
        <v>0</v>
      </c>
    </row>
    <row r="2211" spans="1:9" hidden="1" x14ac:dyDescent="0.35">
      <c r="A2211" s="52" t="s">
        <v>78</v>
      </c>
      <c r="B2211" s="52" t="s">
        <v>79</v>
      </c>
      <c r="C2211" s="3">
        <v>212</v>
      </c>
      <c r="D2211" s="52" t="s">
        <v>2024</v>
      </c>
      <c r="E2211" s="52" t="s">
        <v>102</v>
      </c>
      <c r="F2211" s="52" t="s">
        <v>107</v>
      </c>
      <c r="G2211" s="52" t="s">
        <v>108</v>
      </c>
      <c r="H2211" s="4">
        <v>167</v>
      </c>
      <c r="I2211" s="2">
        <v>0</v>
      </c>
    </row>
    <row r="2212" spans="1:9" hidden="1" x14ac:dyDescent="0.35">
      <c r="A2212" s="52" t="s">
        <v>78</v>
      </c>
      <c r="B2212" s="52" t="s">
        <v>79</v>
      </c>
      <c r="C2212" s="3">
        <v>212</v>
      </c>
      <c r="D2212" s="52" t="s">
        <v>2024</v>
      </c>
      <c r="E2212" s="52" t="s">
        <v>118</v>
      </c>
      <c r="F2212" s="52" t="s">
        <v>119</v>
      </c>
      <c r="G2212" s="52" t="s">
        <v>115</v>
      </c>
      <c r="H2212" s="4">
        <v>31</v>
      </c>
      <c r="I2212" s="2">
        <v>0</v>
      </c>
    </row>
    <row r="2213" spans="1:9" x14ac:dyDescent="0.35">
      <c r="A2213" s="52" t="s">
        <v>78</v>
      </c>
      <c r="B2213" s="52" t="s">
        <v>79</v>
      </c>
      <c r="C2213" s="3">
        <v>212</v>
      </c>
      <c r="D2213" s="52" t="s">
        <v>2024</v>
      </c>
      <c r="E2213" s="52" t="s">
        <v>121</v>
      </c>
      <c r="F2213" s="52" t="s">
        <v>112</v>
      </c>
      <c r="G2213" s="52" t="s">
        <v>108</v>
      </c>
      <c r="H2213" s="4">
        <v>1</v>
      </c>
      <c r="I2213" s="2">
        <v>0</v>
      </c>
    </row>
    <row r="2214" spans="1:9" x14ac:dyDescent="0.35">
      <c r="A2214" s="52" t="s">
        <v>78</v>
      </c>
      <c r="B2214" s="52" t="s">
        <v>79</v>
      </c>
      <c r="C2214" s="3">
        <v>212</v>
      </c>
      <c r="D2214" s="52" t="s">
        <v>2024</v>
      </c>
      <c r="E2214" s="52" t="s">
        <v>106</v>
      </c>
      <c r="F2214" s="52" t="s">
        <v>107</v>
      </c>
      <c r="G2214" s="52" t="s">
        <v>108</v>
      </c>
      <c r="H2214" s="4">
        <v>1</v>
      </c>
      <c r="I2214" s="2">
        <v>0</v>
      </c>
    </row>
    <row r="2215" spans="1:9" x14ac:dyDescent="0.35">
      <c r="A2215" s="52" t="s">
        <v>78</v>
      </c>
      <c r="B2215" s="52" t="s">
        <v>79</v>
      </c>
      <c r="C2215" s="3">
        <v>212</v>
      </c>
      <c r="D2215" s="52" t="s">
        <v>2024</v>
      </c>
      <c r="E2215" s="52" t="s">
        <v>122</v>
      </c>
      <c r="F2215" s="52" t="s">
        <v>123</v>
      </c>
      <c r="G2215" s="52" t="s">
        <v>108</v>
      </c>
      <c r="H2215" s="4">
        <v>1</v>
      </c>
      <c r="I2215" s="2">
        <v>0</v>
      </c>
    </row>
    <row r="2216" spans="1:9" hidden="1" x14ac:dyDescent="0.35">
      <c r="A2216" s="52" t="s">
        <v>78</v>
      </c>
      <c r="B2216" s="52" t="s">
        <v>79</v>
      </c>
      <c r="C2216" s="3">
        <v>213</v>
      </c>
      <c r="D2216" s="52" t="s">
        <v>2024</v>
      </c>
      <c r="E2216" s="52" t="s">
        <v>102</v>
      </c>
      <c r="F2216" s="52" t="s">
        <v>107</v>
      </c>
      <c r="G2216" s="52" t="s">
        <v>108</v>
      </c>
      <c r="H2216" s="4">
        <v>14</v>
      </c>
      <c r="I2216" s="2">
        <v>0</v>
      </c>
    </row>
    <row r="2217" spans="1:9" hidden="1" x14ac:dyDescent="0.35">
      <c r="A2217" s="52" t="s">
        <v>78</v>
      </c>
      <c r="B2217" s="52" t="s">
        <v>79</v>
      </c>
      <c r="C2217" s="3">
        <v>216</v>
      </c>
      <c r="D2217" s="52" t="s">
        <v>2024</v>
      </c>
      <c r="E2217" s="52" t="s">
        <v>92</v>
      </c>
      <c r="F2217" s="52" t="s">
        <v>93</v>
      </c>
      <c r="G2217" s="52" t="s">
        <v>82</v>
      </c>
      <c r="H2217" s="4">
        <v>66</v>
      </c>
      <c r="I2217" s="2">
        <v>4766.13</v>
      </c>
    </row>
    <row r="2218" spans="1:9" hidden="1" x14ac:dyDescent="0.35">
      <c r="A2218" s="52" t="s">
        <v>78</v>
      </c>
      <c r="B2218" s="52" t="s">
        <v>79</v>
      </c>
      <c r="C2218" s="3">
        <v>216</v>
      </c>
      <c r="D2218" s="52" t="s">
        <v>2024</v>
      </c>
      <c r="E2218" s="52" t="s">
        <v>135</v>
      </c>
      <c r="F2218" s="52" t="s">
        <v>112</v>
      </c>
      <c r="G2218" s="52" t="s">
        <v>82</v>
      </c>
      <c r="H2218" s="4">
        <v>2</v>
      </c>
      <c r="I2218" s="2">
        <v>0</v>
      </c>
    </row>
    <row r="2219" spans="1:9" hidden="1" x14ac:dyDescent="0.35">
      <c r="A2219" s="52" t="s">
        <v>78</v>
      </c>
      <c r="B2219" s="52" t="s">
        <v>79</v>
      </c>
      <c r="C2219" s="3">
        <v>216</v>
      </c>
      <c r="D2219" s="52" t="s">
        <v>2024</v>
      </c>
      <c r="E2219" s="52" t="s">
        <v>102</v>
      </c>
      <c r="F2219" s="52" t="s">
        <v>103</v>
      </c>
      <c r="G2219" s="52" t="s">
        <v>82</v>
      </c>
      <c r="H2219" s="4">
        <v>9</v>
      </c>
      <c r="I2219" s="2">
        <v>0</v>
      </c>
    </row>
    <row r="2220" spans="1:9" x14ac:dyDescent="0.35">
      <c r="A2220" s="52" t="s">
        <v>78</v>
      </c>
      <c r="B2220" s="52" t="s">
        <v>79</v>
      </c>
      <c r="C2220" s="3">
        <v>216</v>
      </c>
      <c r="D2220" s="52" t="s">
        <v>2024</v>
      </c>
      <c r="E2220" s="52" t="s">
        <v>134</v>
      </c>
      <c r="F2220" s="52" t="s">
        <v>123</v>
      </c>
      <c r="G2220" s="52" t="s">
        <v>82</v>
      </c>
      <c r="H2220" s="4">
        <v>1</v>
      </c>
      <c r="I2220" s="2">
        <v>0</v>
      </c>
    </row>
    <row r="2221" spans="1:9" x14ac:dyDescent="0.35">
      <c r="A2221" s="52" t="s">
        <v>78</v>
      </c>
      <c r="B2221" s="52" t="s">
        <v>79</v>
      </c>
      <c r="C2221" s="3">
        <v>216</v>
      </c>
      <c r="D2221" s="52" t="s">
        <v>2024</v>
      </c>
      <c r="E2221" s="52" t="s">
        <v>111</v>
      </c>
      <c r="F2221" s="52" t="s">
        <v>101</v>
      </c>
      <c r="G2221" s="52" t="s">
        <v>82</v>
      </c>
      <c r="H2221" s="4">
        <v>1</v>
      </c>
      <c r="I2221" s="2">
        <v>0</v>
      </c>
    </row>
    <row r="2222" spans="1:9" hidden="1" x14ac:dyDescent="0.35">
      <c r="A2222" s="52" t="s">
        <v>78</v>
      </c>
      <c r="B2222" s="52" t="s">
        <v>79</v>
      </c>
      <c r="C2222" s="3">
        <v>216</v>
      </c>
      <c r="D2222" s="52" t="s">
        <v>2024</v>
      </c>
      <c r="E2222" s="52" t="s">
        <v>102</v>
      </c>
      <c r="F2222" s="52" t="s">
        <v>107</v>
      </c>
      <c r="G2222" s="52" t="s">
        <v>108</v>
      </c>
      <c r="H2222" s="4">
        <v>97</v>
      </c>
      <c r="I2222" s="2">
        <v>0</v>
      </c>
    </row>
    <row r="2223" spans="1:9" hidden="1" x14ac:dyDescent="0.35">
      <c r="A2223" s="52" t="s">
        <v>78</v>
      </c>
      <c r="B2223" s="52" t="s">
        <v>79</v>
      </c>
      <c r="C2223" s="3">
        <v>221</v>
      </c>
      <c r="D2223" s="52" t="s">
        <v>2024</v>
      </c>
      <c r="E2223" s="52" t="s">
        <v>92</v>
      </c>
      <c r="F2223" s="52" t="s">
        <v>93</v>
      </c>
      <c r="G2223" s="52" t="s">
        <v>82</v>
      </c>
      <c r="H2223" s="4">
        <v>78</v>
      </c>
      <c r="I2223" s="2">
        <v>4672.4799999999996</v>
      </c>
    </row>
    <row r="2224" spans="1:9" hidden="1" x14ac:dyDescent="0.35">
      <c r="A2224" s="52" t="s">
        <v>78</v>
      </c>
      <c r="B2224" s="52" t="s">
        <v>79</v>
      </c>
      <c r="C2224" s="3">
        <v>221</v>
      </c>
      <c r="D2224" s="52" t="s">
        <v>2024</v>
      </c>
      <c r="E2224" s="52" t="s">
        <v>26</v>
      </c>
      <c r="F2224" s="52" t="s">
        <v>81</v>
      </c>
      <c r="G2224" s="52" t="s">
        <v>82</v>
      </c>
      <c r="H2224" s="4">
        <v>2</v>
      </c>
      <c r="I2224" s="2">
        <v>29.3</v>
      </c>
    </row>
    <row r="2225" spans="1:9" x14ac:dyDescent="0.35">
      <c r="A2225" s="52" t="s">
        <v>78</v>
      </c>
      <c r="B2225" s="52" t="s">
        <v>79</v>
      </c>
      <c r="C2225" s="3">
        <v>221</v>
      </c>
      <c r="D2225" s="52" t="s">
        <v>2024</v>
      </c>
      <c r="E2225" s="52" t="s">
        <v>36</v>
      </c>
      <c r="F2225" s="52" t="s">
        <v>95</v>
      </c>
      <c r="G2225" s="52" t="s">
        <v>82</v>
      </c>
      <c r="H2225" s="4">
        <v>1</v>
      </c>
      <c r="I2225" s="2">
        <v>4.7</v>
      </c>
    </row>
    <row r="2226" spans="1:9" x14ac:dyDescent="0.35">
      <c r="A2226" s="52" t="s">
        <v>78</v>
      </c>
      <c r="B2226" s="52" t="s">
        <v>79</v>
      </c>
      <c r="C2226" s="3">
        <v>221</v>
      </c>
      <c r="D2226" s="52" t="s">
        <v>2024</v>
      </c>
      <c r="E2226" s="52" t="s">
        <v>38</v>
      </c>
      <c r="F2226" s="52" t="s">
        <v>97</v>
      </c>
      <c r="G2226" s="52" t="s">
        <v>82</v>
      </c>
      <c r="H2226" s="4">
        <v>1</v>
      </c>
      <c r="I2226" s="2">
        <v>4.7</v>
      </c>
    </row>
    <row r="2227" spans="1:9" x14ac:dyDescent="0.35">
      <c r="A2227" s="52" t="s">
        <v>78</v>
      </c>
      <c r="B2227" s="52" t="s">
        <v>79</v>
      </c>
      <c r="C2227" s="3">
        <v>221</v>
      </c>
      <c r="D2227" s="52" t="s">
        <v>2024</v>
      </c>
      <c r="E2227" s="52" t="s">
        <v>135</v>
      </c>
      <c r="F2227" s="52" t="s">
        <v>112</v>
      </c>
      <c r="G2227" s="52" t="s">
        <v>82</v>
      </c>
      <c r="H2227" s="4">
        <v>1</v>
      </c>
      <c r="I2227" s="2">
        <v>0</v>
      </c>
    </row>
    <row r="2228" spans="1:9" x14ac:dyDescent="0.35">
      <c r="A2228" s="52" t="s">
        <v>78</v>
      </c>
      <c r="B2228" s="52" t="s">
        <v>79</v>
      </c>
      <c r="C2228" s="3">
        <v>221</v>
      </c>
      <c r="D2228" s="52" t="s">
        <v>2024</v>
      </c>
      <c r="E2228" s="52" t="s">
        <v>106</v>
      </c>
      <c r="F2228" s="52" t="s">
        <v>107</v>
      </c>
      <c r="G2228" s="52" t="s">
        <v>108</v>
      </c>
      <c r="H2228" s="4">
        <v>1</v>
      </c>
      <c r="I2228" s="2">
        <v>0</v>
      </c>
    </row>
    <row r="2229" spans="1:9" hidden="1" x14ac:dyDescent="0.35">
      <c r="A2229" s="52" t="s">
        <v>78</v>
      </c>
      <c r="B2229" s="52" t="s">
        <v>79</v>
      </c>
      <c r="C2229" s="3">
        <v>221</v>
      </c>
      <c r="D2229" s="52" t="s">
        <v>2024</v>
      </c>
      <c r="E2229" s="52" t="s">
        <v>102</v>
      </c>
      <c r="F2229" s="52" t="s">
        <v>103</v>
      </c>
      <c r="G2229" s="52" t="s">
        <v>82</v>
      </c>
      <c r="H2229" s="4">
        <v>5</v>
      </c>
      <c r="I2229" s="2">
        <v>0</v>
      </c>
    </row>
    <row r="2230" spans="1:9" hidden="1" x14ac:dyDescent="0.35">
      <c r="A2230" s="52" t="s">
        <v>78</v>
      </c>
      <c r="B2230" s="52" t="s">
        <v>79</v>
      </c>
      <c r="C2230" s="3">
        <v>221</v>
      </c>
      <c r="D2230" s="52" t="s">
        <v>2024</v>
      </c>
      <c r="E2230" s="52" t="s">
        <v>113</v>
      </c>
      <c r="F2230" s="52" t="s">
        <v>114</v>
      </c>
      <c r="G2230" s="52" t="s">
        <v>115</v>
      </c>
      <c r="H2230" s="4">
        <v>2</v>
      </c>
      <c r="I2230" s="2">
        <v>0</v>
      </c>
    </row>
    <row r="2231" spans="1:9" hidden="1" x14ac:dyDescent="0.35">
      <c r="A2231" s="52" t="s">
        <v>78</v>
      </c>
      <c r="B2231" s="52" t="s">
        <v>79</v>
      </c>
      <c r="C2231" s="3">
        <v>221</v>
      </c>
      <c r="D2231" s="52" t="s">
        <v>2024</v>
      </c>
      <c r="E2231" s="52" t="s">
        <v>117</v>
      </c>
      <c r="F2231" s="52" t="s">
        <v>116</v>
      </c>
      <c r="G2231" s="52" t="s">
        <v>82</v>
      </c>
      <c r="H2231" s="4">
        <v>2</v>
      </c>
      <c r="I2231" s="2">
        <v>0</v>
      </c>
    </row>
    <row r="2232" spans="1:9" hidden="1" x14ac:dyDescent="0.35">
      <c r="A2232" s="52" t="s">
        <v>78</v>
      </c>
      <c r="B2232" s="52" t="s">
        <v>79</v>
      </c>
      <c r="C2232" s="3">
        <v>221</v>
      </c>
      <c r="D2232" s="52" t="s">
        <v>2024</v>
      </c>
      <c r="E2232" s="52" t="s">
        <v>102</v>
      </c>
      <c r="F2232" s="52" t="s">
        <v>107</v>
      </c>
      <c r="G2232" s="52" t="s">
        <v>108</v>
      </c>
      <c r="H2232" s="4">
        <v>12</v>
      </c>
      <c r="I2232" s="2">
        <v>0</v>
      </c>
    </row>
    <row r="2233" spans="1:9" hidden="1" x14ac:dyDescent="0.35">
      <c r="A2233" s="52" t="s">
        <v>78</v>
      </c>
      <c r="B2233" s="52" t="s">
        <v>79</v>
      </c>
      <c r="C2233" s="3">
        <v>222</v>
      </c>
      <c r="D2233" s="52" t="s">
        <v>2024</v>
      </c>
      <c r="E2233" s="52" t="s">
        <v>92</v>
      </c>
      <c r="F2233" s="52" t="s">
        <v>93</v>
      </c>
      <c r="G2233" s="52" t="s">
        <v>82</v>
      </c>
      <c r="H2233" s="4">
        <v>8</v>
      </c>
      <c r="I2233" s="2">
        <v>3283.7</v>
      </c>
    </row>
    <row r="2234" spans="1:9" x14ac:dyDescent="0.35">
      <c r="A2234" s="52" t="s">
        <v>78</v>
      </c>
      <c r="B2234" s="52" t="s">
        <v>79</v>
      </c>
      <c r="C2234" s="3">
        <v>222</v>
      </c>
      <c r="D2234" s="52" t="s">
        <v>2024</v>
      </c>
      <c r="E2234" s="52" t="s">
        <v>36</v>
      </c>
      <c r="F2234" s="52" t="s">
        <v>95</v>
      </c>
      <c r="G2234" s="52" t="s">
        <v>82</v>
      </c>
      <c r="H2234" s="4">
        <v>1</v>
      </c>
      <c r="I2234" s="2">
        <v>4.7</v>
      </c>
    </row>
    <row r="2235" spans="1:9" hidden="1" x14ac:dyDescent="0.35">
      <c r="A2235" s="52" t="s">
        <v>78</v>
      </c>
      <c r="B2235" s="52" t="s">
        <v>79</v>
      </c>
      <c r="C2235" s="3">
        <v>222</v>
      </c>
      <c r="D2235" s="52" t="s">
        <v>2024</v>
      </c>
      <c r="E2235" s="52" t="s">
        <v>117</v>
      </c>
      <c r="F2235" s="52" t="s">
        <v>116</v>
      </c>
      <c r="G2235" s="52" t="s">
        <v>82</v>
      </c>
      <c r="H2235" s="4">
        <v>2</v>
      </c>
      <c r="I2235" s="2">
        <v>0</v>
      </c>
    </row>
    <row r="2236" spans="1:9" x14ac:dyDescent="0.35">
      <c r="A2236" s="52" t="s">
        <v>78</v>
      </c>
      <c r="B2236" s="52" t="s">
        <v>79</v>
      </c>
      <c r="C2236" s="3">
        <v>222</v>
      </c>
      <c r="D2236" s="52" t="s">
        <v>2024</v>
      </c>
      <c r="E2236" s="52" t="s">
        <v>102</v>
      </c>
      <c r="F2236" s="52" t="s">
        <v>107</v>
      </c>
      <c r="G2236" s="52" t="s">
        <v>108</v>
      </c>
      <c r="H2236" s="4">
        <v>1</v>
      </c>
      <c r="I2236" s="2">
        <v>0</v>
      </c>
    </row>
    <row r="2237" spans="1:9" hidden="1" x14ac:dyDescent="0.35">
      <c r="A2237" s="52" t="s">
        <v>78</v>
      </c>
      <c r="B2237" s="52" t="s">
        <v>79</v>
      </c>
      <c r="C2237" s="3">
        <v>222</v>
      </c>
      <c r="D2237" s="52" t="s">
        <v>2024</v>
      </c>
      <c r="E2237" s="52" t="s">
        <v>102</v>
      </c>
      <c r="F2237" s="52" t="s">
        <v>116</v>
      </c>
      <c r="G2237" s="52" t="s">
        <v>115</v>
      </c>
      <c r="H2237" s="4">
        <v>2</v>
      </c>
      <c r="I2237" s="2">
        <v>0</v>
      </c>
    </row>
    <row r="2238" spans="1:9" hidden="1" x14ac:dyDescent="0.35">
      <c r="A2238" s="52" t="s">
        <v>78</v>
      </c>
      <c r="B2238" s="52" t="s">
        <v>79</v>
      </c>
      <c r="C2238" s="3">
        <v>222</v>
      </c>
      <c r="D2238" s="52" t="s">
        <v>2024</v>
      </c>
      <c r="E2238" s="52" t="s">
        <v>118</v>
      </c>
      <c r="F2238" s="52" t="s">
        <v>119</v>
      </c>
      <c r="G2238" s="52" t="s">
        <v>115</v>
      </c>
      <c r="H2238" s="4">
        <v>2</v>
      </c>
      <c r="I2238" s="2">
        <v>0</v>
      </c>
    </row>
    <row r="2239" spans="1:9" hidden="1" x14ac:dyDescent="0.35">
      <c r="A2239" s="52" t="s">
        <v>78</v>
      </c>
      <c r="B2239" s="52" t="s">
        <v>79</v>
      </c>
      <c r="C2239" s="3">
        <v>222</v>
      </c>
      <c r="D2239" s="52" t="s">
        <v>2024</v>
      </c>
      <c r="E2239" s="52" t="s">
        <v>120</v>
      </c>
      <c r="F2239" s="52" t="s">
        <v>116</v>
      </c>
      <c r="G2239" s="52" t="s">
        <v>115</v>
      </c>
      <c r="H2239" s="4">
        <v>2</v>
      </c>
      <c r="I2239" s="2">
        <v>0</v>
      </c>
    </row>
    <row r="2240" spans="1:9" hidden="1" x14ac:dyDescent="0.35">
      <c r="A2240" s="52" t="s">
        <v>78</v>
      </c>
      <c r="B2240" s="52" t="s">
        <v>79</v>
      </c>
      <c r="C2240" s="3">
        <v>230</v>
      </c>
      <c r="D2240" s="52" t="s">
        <v>2024</v>
      </c>
      <c r="E2240" s="52" t="s">
        <v>92</v>
      </c>
      <c r="F2240" s="52" t="s">
        <v>93</v>
      </c>
      <c r="G2240" s="52" t="s">
        <v>82</v>
      </c>
      <c r="H2240" s="4">
        <v>43</v>
      </c>
      <c r="I2240" s="2">
        <v>17298.599999999999</v>
      </c>
    </row>
    <row r="2241" spans="1:9" hidden="1" x14ac:dyDescent="0.35">
      <c r="A2241" s="52" t="s">
        <v>78</v>
      </c>
      <c r="B2241" s="52" t="s">
        <v>79</v>
      </c>
      <c r="C2241" s="3">
        <v>230</v>
      </c>
      <c r="D2241" s="52" t="s">
        <v>2024</v>
      </c>
      <c r="E2241" s="52" t="s">
        <v>36</v>
      </c>
      <c r="F2241" s="52" t="s">
        <v>95</v>
      </c>
      <c r="G2241" s="52" t="s">
        <v>82</v>
      </c>
      <c r="H2241" s="4">
        <v>4</v>
      </c>
      <c r="I2241" s="2">
        <v>18.8</v>
      </c>
    </row>
    <row r="2242" spans="1:9" x14ac:dyDescent="0.35">
      <c r="A2242" s="52" t="s">
        <v>78</v>
      </c>
      <c r="B2242" s="52" t="s">
        <v>79</v>
      </c>
      <c r="C2242" s="3">
        <v>230</v>
      </c>
      <c r="D2242" s="52" t="s">
        <v>2024</v>
      </c>
      <c r="E2242" s="52" t="s">
        <v>102</v>
      </c>
      <c r="F2242" s="52" t="s">
        <v>107</v>
      </c>
      <c r="G2242" s="52" t="s">
        <v>108</v>
      </c>
      <c r="H2242" s="4">
        <v>1</v>
      </c>
      <c r="I2242" s="2">
        <v>0</v>
      </c>
    </row>
    <row r="2243" spans="1:9" x14ac:dyDescent="0.35">
      <c r="A2243" s="52" t="s">
        <v>78</v>
      </c>
      <c r="B2243" s="52" t="s">
        <v>79</v>
      </c>
      <c r="C2243" s="3">
        <v>230</v>
      </c>
      <c r="D2243" s="52" t="s">
        <v>2024</v>
      </c>
      <c r="E2243" s="52" t="s">
        <v>118</v>
      </c>
      <c r="F2243" s="52" t="s">
        <v>119</v>
      </c>
      <c r="G2243" s="52" t="s">
        <v>115</v>
      </c>
      <c r="H2243" s="4">
        <v>1</v>
      </c>
      <c r="I2243" s="2">
        <v>0</v>
      </c>
    </row>
    <row r="2244" spans="1:9" hidden="1" x14ac:dyDescent="0.35">
      <c r="A2244" s="52" t="s">
        <v>78</v>
      </c>
      <c r="B2244" s="52" t="s">
        <v>79</v>
      </c>
      <c r="C2244" s="3">
        <v>230</v>
      </c>
      <c r="D2244" s="52" t="s">
        <v>2024</v>
      </c>
      <c r="E2244" s="52" t="s">
        <v>117</v>
      </c>
      <c r="F2244" s="52" t="s">
        <v>116</v>
      </c>
      <c r="G2244" s="52" t="s">
        <v>82</v>
      </c>
      <c r="H2244" s="4">
        <v>2</v>
      </c>
      <c r="I2244" s="2">
        <v>0</v>
      </c>
    </row>
    <row r="2245" spans="1:9" x14ac:dyDescent="0.35">
      <c r="A2245" s="52" t="s">
        <v>78</v>
      </c>
      <c r="B2245" s="52" t="s">
        <v>79</v>
      </c>
      <c r="C2245" s="3">
        <v>230</v>
      </c>
      <c r="D2245" s="52" t="s">
        <v>2024</v>
      </c>
      <c r="E2245" s="52" t="s">
        <v>120</v>
      </c>
      <c r="F2245" s="52" t="s">
        <v>116</v>
      </c>
      <c r="G2245" s="52" t="s">
        <v>115</v>
      </c>
      <c r="H2245" s="4">
        <v>1</v>
      </c>
      <c r="I2245" s="2">
        <v>0</v>
      </c>
    </row>
    <row r="2246" spans="1:9" x14ac:dyDescent="0.35">
      <c r="A2246" s="52" t="s">
        <v>78</v>
      </c>
      <c r="B2246" s="52" t="s">
        <v>79</v>
      </c>
      <c r="C2246" s="3">
        <v>230</v>
      </c>
      <c r="D2246" s="52" t="s">
        <v>2024</v>
      </c>
      <c r="E2246" s="52" t="s">
        <v>102</v>
      </c>
      <c r="F2246" s="52" t="s">
        <v>116</v>
      </c>
      <c r="G2246" s="52" t="s">
        <v>115</v>
      </c>
      <c r="H2246" s="4">
        <v>1</v>
      </c>
      <c r="I2246" s="2">
        <v>0</v>
      </c>
    </row>
    <row r="2247" spans="1:9" hidden="1" x14ac:dyDescent="0.35">
      <c r="A2247" s="52" t="s">
        <v>78</v>
      </c>
      <c r="B2247" s="52" t="s">
        <v>79</v>
      </c>
      <c r="C2247" s="3">
        <v>230</v>
      </c>
      <c r="D2247" s="52" t="s">
        <v>2024</v>
      </c>
      <c r="E2247" s="52" t="s">
        <v>113</v>
      </c>
      <c r="F2247" s="52" t="s">
        <v>114</v>
      </c>
      <c r="G2247" s="52" t="s">
        <v>115</v>
      </c>
      <c r="H2247" s="4">
        <v>2</v>
      </c>
      <c r="I2247" s="2">
        <v>0</v>
      </c>
    </row>
    <row r="2248" spans="1:9" x14ac:dyDescent="0.35">
      <c r="A2248" s="52" t="s">
        <v>78</v>
      </c>
      <c r="B2248" s="52" t="s">
        <v>79</v>
      </c>
      <c r="C2248" s="3">
        <v>400</v>
      </c>
      <c r="D2248" s="52" t="s">
        <v>2024</v>
      </c>
      <c r="E2248" s="52" t="s">
        <v>92</v>
      </c>
      <c r="F2248" s="52" t="s">
        <v>93</v>
      </c>
      <c r="G2248" s="52" t="s">
        <v>82</v>
      </c>
      <c r="H2248" s="4">
        <v>1</v>
      </c>
      <c r="I2248" s="2">
        <v>1.59</v>
      </c>
    </row>
    <row r="2249" spans="1:9" x14ac:dyDescent="0.35">
      <c r="A2249" s="52" t="s">
        <v>78</v>
      </c>
      <c r="B2249" s="52" t="s">
        <v>79</v>
      </c>
      <c r="C2249" s="3">
        <v>400</v>
      </c>
      <c r="D2249" s="52" t="s">
        <v>2024</v>
      </c>
      <c r="E2249" s="52" t="s">
        <v>102</v>
      </c>
      <c r="F2249" s="52" t="s">
        <v>103</v>
      </c>
      <c r="G2249" s="52" t="s">
        <v>82</v>
      </c>
      <c r="H2249" s="4">
        <v>1</v>
      </c>
      <c r="I2249" s="2">
        <v>0</v>
      </c>
    </row>
    <row r="2250" spans="1:9" hidden="1" x14ac:dyDescent="0.35">
      <c r="A2250" s="52" t="s">
        <v>78</v>
      </c>
      <c r="B2250" s="52" t="s">
        <v>79</v>
      </c>
      <c r="C2250" s="3">
        <v>400</v>
      </c>
      <c r="D2250" s="52" t="s">
        <v>2024</v>
      </c>
      <c r="E2250" s="52" t="s">
        <v>102</v>
      </c>
      <c r="F2250" s="52" t="s">
        <v>107</v>
      </c>
      <c r="G2250" s="52" t="s">
        <v>108</v>
      </c>
      <c r="H2250" s="4">
        <v>7</v>
      </c>
      <c r="I2250" s="2">
        <v>0</v>
      </c>
    </row>
    <row r="2251" spans="1:9" x14ac:dyDescent="0.35">
      <c r="A2251" s="52" t="s">
        <v>78</v>
      </c>
      <c r="B2251" s="52" t="s">
        <v>79</v>
      </c>
      <c r="C2251" s="3">
        <v>400</v>
      </c>
      <c r="D2251" s="52" t="s">
        <v>2024</v>
      </c>
      <c r="E2251" s="52" t="s">
        <v>113</v>
      </c>
      <c r="F2251" s="52" t="s">
        <v>114</v>
      </c>
      <c r="G2251" s="52" t="s">
        <v>115</v>
      </c>
      <c r="H2251" s="4">
        <v>1</v>
      </c>
      <c r="I2251" s="2">
        <v>0</v>
      </c>
    </row>
  </sheetData>
  <autoFilter ref="A1:I2251" xr:uid="{D1C995B7-C132-42D0-850E-F3940A32EA7D}">
    <filterColumn colId="7">
      <filters>
        <filter val="1"/>
      </filters>
    </filterColumn>
  </autoFilter>
  <pageMargins left="0.7" right="0.7" top="0.75" bottom="0.75" header="0.3" footer="0.3"/>
  <pageSetup orientation="portrait" r:id="rId1"/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3712D335-1180-461E-B445-48609BD044E4}">
  <dimension ref="A1:I2661"/>
  <sheetViews>
    <sheetView topLeftCell="A49" workbookViewId="0">
      <selection activeCell="D7" sqref="D7"/>
    </sheetView>
  </sheetViews>
  <sheetFormatPr defaultRowHeight="14.5" x14ac:dyDescent="0.35"/>
  <cols>
    <col min="1" max="1" width="13.81640625" bestFit="1" customWidth="1"/>
    <col min="2" max="2" width="10.1796875" bestFit="1" customWidth="1"/>
    <col min="3" max="3" width="14.26953125" bestFit="1" customWidth="1"/>
    <col min="4" max="4" width="15.26953125" bestFit="1" customWidth="1"/>
    <col min="5" max="5" width="21.81640625" bestFit="1" customWidth="1"/>
    <col min="6" max="6" width="9.453125" bestFit="1" customWidth="1"/>
    <col min="8" max="8" width="14.81640625" bestFit="1" customWidth="1"/>
    <col min="9" max="9" width="9" bestFit="1" customWidth="1"/>
  </cols>
  <sheetData>
    <row r="1" spans="1:9" x14ac:dyDescent="0.35">
      <c r="A1" s="10" t="s">
        <v>69</v>
      </c>
      <c r="B1" s="10" t="s">
        <v>70</v>
      </c>
      <c r="C1" s="60" t="s">
        <v>2041</v>
      </c>
      <c r="D1" s="7" t="s">
        <v>71</v>
      </c>
      <c r="E1" s="10" t="s">
        <v>72</v>
      </c>
      <c r="F1" s="10" t="s">
        <v>73</v>
      </c>
      <c r="G1" s="10" t="s">
        <v>74</v>
      </c>
      <c r="H1" s="10" t="s">
        <v>75</v>
      </c>
      <c r="I1" s="6" t="s">
        <v>2042</v>
      </c>
    </row>
    <row r="2" spans="1:9" x14ac:dyDescent="0.35">
      <c r="A2" s="52" t="s">
        <v>78</v>
      </c>
      <c r="B2" s="51" t="s">
        <v>79</v>
      </c>
      <c r="C2" s="61">
        <v>301003710</v>
      </c>
      <c r="D2" s="62">
        <v>10</v>
      </c>
      <c r="E2" s="51">
        <v>202401</v>
      </c>
      <c r="F2" s="51" t="s">
        <v>38</v>
      </c>
      <c r="G2" s="51" t="s">
        <v>97</v>
      </c>
      <c r="H2" s="51" t="s">
        <v>82</v>
      </c>
      <c r="I2" s="50">
        <v>4.7</v>
      </c>
    </row>
    <row r="3" spans="1:9" x14ac:dyDescent="0.35">
      <c r="A3" s="52" t="s">
        <v>78</v>
      </c>
      <c r="B3" s="51" t="s">
        <v>79</v>
      </c>
      <c r="C3" s="61">
        <v>302387463</v>
      </c>
      <c r="D3" s="62">
        <v>10</v>
      </c>
      <c r="E3" s="51">
        <v>202401</v>
      </c>
      <c r="F3" s="51" t="s">
        <v>38</v>
      </c>
      <c r="G3" s="51" t="s">
        <v>97</v>
      </c>
      <c r="H3" s="51" t="s">
        <v>82</v>
      </c>
      <c r="I3" s="50">
        <v>4.7</v>
      </c>
    </row>
    <row r="4" spans="1:9" x14ac:dyDescent="0.35">
      <c r="A4" s="52" t="s">
        <v>78</v>
      </c>
      <c r="B4" s="51" t="s">
        <v>79</v>
      </c>
      <c r="C4" s="61">
        <v>303503490</v>
      </c>
      <c r="D4" s="62">
        <v>10</v>
      </c>
      <c r="E4" s="51">
        <v>202401</v>
      </c>
      <c r="F4" s="51" t="s">
        <v>38</v>
      </c>
      <c r="G4" s="51" t="s">
        <v>97</v>
      </c>
      <c r="H4" s="51" t="s">
        <v>82</v>
      </c>
      <c r="I4" s="50">
        <v>4.7</v>
      </c>
    </row>
    <row r="5" spans="1:9" x14ac:dyDescent="0.35">
      <c r="A5" s="52" t="s">
        <v>78</v>
      </c>
      <c r="B5" s="51" t="s">
        <v>79</v>
      </c>
      <c r="C5" s="61">
        <v>303521843</v>
      </c>
      <c r="D5" s="62">
        <v>10</v>
      </c>
      <c r="E5" s="51">
        <v>202401</v>
      </c>
      <c r="F5" s="51" t="s">
        <v>38</v>
      </c>
      <c r="G5" s="51" t="s">
        <v>97</v>
      </c>
      <c r="H5" s="51" t="s">
        <v>82</v>
      </c>
      <c r="I5" s="50">
        <v>4.7</v>
      </c>
    </row>
    <row r="6" spans="1:9" x14ac:dyDescent="0.35">
      <c r="A6" s="52" t="s">
        <v>78</v>
      </c>
      <c r="B6" s="51" t="s">
        <v>79</v>
      </c>
      <c r="C6" s="61">
        <v>304131713</v>
      </c>
      <c r="D6" s="62">
        <v>10</v>
      </c>
      <c r="E6" s="51">
        <v>202401</v>
      </c>
      <c r="F6" s="51" t="s">
        <v>38</v>
      </c>
      <c r="G6" s="51" t="s">
        <v>97</v>
      </c>
      <c r="H6" s="51" t="s">
        <v>82</v>
      </c>
      <c r="I6" s="50">
        <v>4.7</v>
      </c>
    </row>
    <row r="7" spans="1:9" x14ac:dyDescent="0.35">
      <c r="A7" s="52" t="s">
        <v>78</v>
      </c>
      <c r="B7" s="51" t="s">
        <v>79</v>
      </c>
      <c r="C7" s="61">
        <v>304702287</v>
      </c>
      <c r="D7" s="62">
        <v>10</v>
      </c>
      <c r="E7" s="51">
        <v>202401</v>
      </c>
      <c r="F7" s="51" t="s">
        <v>38</v>
      </c>
      <c r="G7" s="51" t="s">
        <v>97</v>
      </c>
      <c r="H7" s="51" t="s">
        <v>82</v>
      </c>
      <c r="I7" s="50">
        <v>4.7</v>
      </c>
    </row>
    <row r="8" spans="1:9" x14ac:dyDescent="0.35">
      <c r="A8" s="52" t="s">
        <v>78</v>
      </c>
      <c r="B8" s="51" t="s">
        <v>79</v>
      </c>
      <c r="C8" s="61">
        <v>304804231</v>
      </c>
      <c r="D8" s="62">
        <v>10</v>
      </c>
      <c r="E8" s="51">
        <v>202401</v>
      </c>
      <c r="F8" s="51" t="s">
        <v>38</v>
      </c>
      <c r="G8" s="51" t="s">
        <v>97</v>
      </c>
      <c r="H8" s="51" t="s">
        <v>82</v>
      </c>
      <c r="I8" s="50">
        <v>4.7</v>
      </c>
    </row>
    <row r="9" spans="1:9" x14ac:dyDescent="0.35">
      <c r="A9" s="52" t="s">
        <v>78</v>
      </c>
      <c r="B9" s="51" t="s">
        <v>79</v>
      </c>
      <c r="C9" s="61">
        <v>305202858</v>
      </c>
      <c r="D9" s="62">
        <v>10</v>
      </c>
      <c r="E9" s="51">
        <v>202401</v>
      </c>
      <c r="F9" s="51" t="s">
        <v>38</v>
      </c>
      <c r="G9" s="51" t="s">
        <v>97</v>
      </c>
      <c r="H9" s="51" t="s">
        <v>82</v>
      </c>
      <c r="I9" s="50">
        <v>4.7</v>
      </c>
    </row>
    <row r="10" spans="1:9" x14ac:dyDescent="0.35">
      <c r="A10" s="52" t="s">
        <v>78</v>
      </c>
      <c r="B10" s="51" t="s">
        <v>79</v>
      </c>
      <c r="C10" s="61">
        <v>305702011</v>
      </c>
      <c r="D10" s="62">
        <v>10</v>
      </c>
      <c r="E10" s="51">
        <v>202401</v>
      </c>
      <c r="F10" s="51" t="s">
        <v>38</v>
      </c>
      <c r="G10" s="51" t="s">
        <v>97</v>
      </c>
      <c r="H10" s="51" t="s">
        <v>82</v>
      </c>
      <c r="I10" s="50">
        <v>4.7</v>
      </c>
    </row>
    <row r="11" spans="1:9" x14ac:dyDescent="0.35">
      <c r="A11" s="52" t="s">
        <v>78</v>
      </c>
      <c r="B11" s="51" t="s">
        <v>79</v>
      </c>
      <c r="C11" s="61">
        <v>307301132</v>
      </c>
      <c r="D11" s="62">
        <v>10</v>
      </c>
      <c r="E11" s="51">
        <v>202401</v>
      </c>
      <c r="F11" s="51" t="s">
        <v>38</v>
      </c>
      <c r="G11" s="51" t="s">
        <v>97</v>
      </c>
      <c r="H11" s="51" t="s">
        <v>82</v>
      </c>
      <c r="I11" s="50">
        <v>4.7</v>
      </c>
    </row>
    <row r="12" spans="1:9" x14ac:dyDescent="0.35">
      <c r="A12" s="52" t="s">
        <v>78</v>
      </c>
      <c r="B12" s="51" t="s">
        <v>79</v>
      </c>
      <c r="C12" s="61">
        <v>309801000</v>
      </c>
      <c r="D12" s="62">
        <v>10</v>
      </c>
      <c r="E12" s="51">
        <v>202401</v>
      </c>
      <c r="F12" s="51" t="s">
        <v>38</v>
      </c>
      <c r="G12" s="51" t="s">
        <v>97</v>
      </c>
      <c r="H12" s="51" t="s">
        <v>82</v>
      </c>
      <c r="I12" s="50">
        <v>4.7</v>
      </c>
    </row>
    <row r="13" spans="1:9" x14ac:dyDescent="0.35">
      <c r="A13" s="52" t="s">
        <v>78</v>
      </c>
      <c r="B13" s="51" t="s">
        <v>79</v>
      </c>
      <c r="C13" s="61">
        <v>312843854</v>
      </c>
      <c r="D13" s="62">
        <v>10</v>
      </c>
      <c r="E13" s="51">
        <v>202401</v>
      </c>
      <c r="F13" s="51" t="s">
        <v>38</v>
      </c>
      <c r="G13" s="51" t="s">
        <v>97</v>
      </c>
      <c r="H13" s="51" t="s">
        <v>82</v>
      </c>
      <c r="I13" s="50">
        <v>4.7</v>
      </c>
    </row>
    <row r="14" spans="1:9" x14ac:dyDescent="0.35">
      <c r="A14" s="52" t="s">
        <v>78</v>
      </c>
      <c r="B14" s="51" t="s">
        <v>79</v>
      </c>
      <c r="C14" s="61">
        <v>313503487</v>
      </c>
      <c r="D14" s="62">
        <v>10</v>
      </c>
      <c r="E14" s="51">
        <v>202401</v>
      </c>
      <c r="F14" s="51" t="s">
        <v>38</v>
      </c>
      <c r="G14" s="51" t="s">
        <v>97</v>
      </c>
      <c r="H14" s="51" t="s">
        <v>82</v>
      </c>
      <c r="I14" s="50">
        <v>30</v>
      </c>
    </row>
    <row r="15" spans="1:9" x14ac:dyDescent="0.35">
      <c r="A15" s="52" t="s">
        <v>78</v>
      </c>
      <c r="B15" s="51" t="s">
        <v>79</v>
      </c>
      <c r="C15" s="61">
        <v>315703594</v>
      </c>
      <c r="D15" s="62">
        <v>10</v>
      </c>
      <c r="E15" s="51">
        <v>202401</v>
      </c>
      <c r="F15" s="51" t="s">
        <v>38</v>
      </c>
      <c r="G15" s="51" t="s">
        <v>97</v>
      </c>
      <c r="H15" s="51" t="s">
        <v>82</v>
      </c>
      <c r="I15" s="50">
        <v>4.7</v>
      </c>
    </row>
    <row r="16" spans="1:9" x14ac:dyDescent="0.35">
      <c r="A16" s="52" t="s">
        <v>78</v>
      </c>
      <c r="B16" s="51" t="s">
        <v>79</v>
      </c>
      <c r="C16" s="61">
        <v>316564112</v>
      </c>
      <c r="D16" s="62">
        <v>10</v>
      </c>
      <c r="E16" s="51">
        <v>202401</v>
      </c>
      <c r="F16" s="51" t="s">
        <v>38</v>
      </c>
      <c r="G16" s="51" t="s">
        <v>97</v>
      </c>
      <c r="H16" s="51" t="s">
        <v>82</v>
      </c>
      <c r="I16" s="50">
        <v>4.7</v>
      </c>
    </row>
    <row r="17" spans="1:9" x14ac:dyDescent="0.35">
      <c r="A17" s="52" t="s">
        <v>78</v>
      </c>
      <c r="B17" s="51" t="s">
        <v>79</v>
      </c>
      <c r="C17" s="61">
        <v>316703643</v>
      </c>
      <c r="D17" s="62">
        <v>10</v>
      </c>
      <c r="E17" s="51">
        <v>202401</v>
      </c>
      <c r="F17" s="51" t="s">
        <v>38</v>
      </c>
      <c r="G17" s="51" t="s">
        <v>97</v>
      </c>
      <c r="H17" s="51" t="s">
        <v>82</v>
      </c>
      <c r="I17" s="50">
        <v>30</v>
      </c>
    </row>
    <row r="18" spans="1:9" x14ac:dyDescent="0.35">
      <c r="A18" s="52" t="s">
        <v>78</v>
      </c>
      <c r="B18" s="51" t="s">
        <v>79</v>
      </c>
      <c r="C18" s="61">
        <v>318803679</v>
      </c>
      <c r="D18" s="62">
        <v>10</v>
      </c>
      <c r="E18" s="51">
        <v>202401</v>
      </c>
      <c r="F18" s="51" t="s">
        <v>38</v>
      </c>
      <c r="G18" s="51" t="s">
        <v>97</v>
      </c>
      <c r="H18" s="51" t="s">
        <v>82</v>
      </c>
      <c r="I18" s="50">
        <v>4.7</v>
      </c>
    </row>
    <row r="19" spans="1:9" x14ac:dyDescent="0.35">
      <c r="A19" s="52" t="s">
        <v>78</v>
      </c>
      <c r="B19" s="51" t="s">
        <v>79</v>
      </c>
      <c r="C19" s="61">
        <v>319625571</v>
      </c>
      <c r="D19" s="62">
        <v>10</v>
      </c>
      <c r="E19" s="51">
        <v>202401</v>
      </c>
      <c r="F19" s="51" t="s">
        <v>38</v>
      </c>
      <c r="G19" s="51" t="s">
        <v>97</v>
      </c>
      <c r="H19" s="51" t="s">
        <v>82</v>
      </c>
      <c r="I19" s="50">
        <v>4.7</v>
      </c>
    </row>
    <row r="20" spans="1:9" x14ac:dyDescent="0.35">
      <c r="A20" s="52" t="s">
        <v>78</v>
      </c>
      <c r="B20" s="51" t="s">
        <v>79</v>
      </c>
      <c r="C20" s="61">
        <v>319900578</v>
      </c>
      <c r="D20" s="62">
        <v>10</v>
      </c>
      <c r="E20" s="51">
        <v>202401</v>
      </c>
      <c r="F20" s="51" t="s">
        <v>38</v>
      </c>
      <c r="G20" s="51" t="s">
        <v>97</v>
      </c>
      <c r="H20" s="51" t="s">
        <v>82</v>
      </c>
      <c r="I20" s="50">
        <v>4.7</v>
      </c>
    </row>
    <row r="21" spans="1:9" x14ac:dyDescent="0.35">
      <c r="A21" s="52" t="s">
        <v>78</v>
      </c>
      <c r="B21" s="51" t="s">
        <v>79</v>
      </c>
      <c r="C21" s="61">
        <v>320301124</v>
      </c>
      <c r="D21" s="62">
        <v>10</v>
      </c>
      <c r="E21" s="51">
        <v>202401</v>
      </c>
      <c r="F21" s="51" t="s">
        <v>38</v>
      </c>
      <c r="G21" s="51" t="s">
        <v>97</v>
      </c>
      <c r="H21" s="51" t="s">
        <v>82</v>
      </c>
      <c r="I21" s="50">
        <v>95</v>
      </c>
    </row>
    <row r="22" spans="1:9" x14ac:dyDescent="0.35">
      <c r="A22" s="52" t="s">
        <v>78</v>
      </c>
      <c r="B22" s="51" t="s">
        <v>79</v>
      </c>
      <c r="C22" s="61">
        <v>320903681</v>
      </c>
      <c r="D22" s="62">
        <v>10</v>
      </c>
      <c r="E22" s="51">
        <v>202401</v>
      </c>
      <c r="F22" s="51" t="s">
        <v>38</v>
      </c>
      <c r="G22" s="51" t="s">
        <v>97</v>
      </c>
      <c r="H22" s="51" t="s">
        <v>82</v>
      </c>
      <c r="I22" s="50">
        <v>4.7</v>
      </c>
    </row>
    <row r="23" spans="1:9" x14ac:dyDescent="0.35">
      <c r="A23" s="52" t="s">
        <v>78</v>
      </c>
      <c r="B23" s="51" t="s">
        <v>79</v>
      </c>
      <c r="C23" s="61">
        <v>321702000</v>
      </c>
      <c r="D23" s="62">
        <v>10</v>
      </c>
      <c r="E23" s="51">
        <v>202401</v>
      </c>
      <c r="F23" s="51" t="s">
        <v>38</v>
      </c>
      <c r="G23" s="51" t="s">
        <v>97</v>
      </c>
      <c r="H23" s="51" t="s">
        <v>82</v>
      </c>
      <c r="I23" s="50">
        <v>4.7</v>
      </c>
    </row>
    <row r="24" spans="1:9" x14ac:dyDescent="0.35">
      <c r="A24" s="52" t="s">
        <v>78</v>
      </c>
      <c r="B24" s="51" t="s">
        <v>79</v>
      </c>
      <c r="C24" s="61">
        <v>324601980</v>
      </c>
      <c r="D24" s="62">
        <v>10</v>
      </c>
      <c r="E24" s="51">
        <v>202401</v>
      </c>
      <c r="F24" s="51" t="s">
        <v>38</v>
      </c>
      <c r="G24" s="51" t="s">
        <v>97</v>
      </c>
      <c r="H24" s="51" t="s">
        <v>82</v>
      </c>
      <c r="I24" s="50">
        <v>4.7</v>
      </c>
    </row>
    <row r="25" spans="1:9" x14ac:dyDescent="0.35">
      <c r="A25" s="52" t="s">
        <v>78</v>
      </c>
      <c r="B25" s="51" t="s">
        <v>79</v>
      </c>
      <c r="C25" s="61">
        <v>328803731</v>
      </c>
      <c r="D25" s="62">
        <v>10</v>
      </c>
      <c r="E25" s="51">
        <v>202401</v>
      </c>
      <c r="F25" s="51" t="s">
        <v>38</v>
      </c>
      <c r="G25" s="51" t="s">
        <v>97</v>
      </c>
      <c r="H25" s="51" t="s">
        <v>82</v>
      </c>
      <c r="I25" s="50">
        <v>4.7</v>
      </c>
    </row>
    <row r="26" spans="1:9" x14ac:dyDescent="0.35">
      <c r="A26" s="52" t="s">
        <v>78</v>
      </c>
      <c r="B26" s="51" t="s">
        <v>79</v>
      </c>
      <c r="C26" s="61">
        <v>329202692</v>
      </c>
      <c r="D26" s="62">
        <v>10</v>
      </c>
      <c r="E26" s="51">
        <v>202401</v>
      </c>
      <c r="F26" s="51" t="s">
        <v>38</v>
      </c>
      <c r="G26" s="51" t="s">
        <v>97</v>
      </c>
      <c r="H26" s="51" t="s">
        <v>82</v>
      </c>
      <c r="I26" s="50">
        <v>4.7</v>
      </c>
    </row>
    <row r="27" spans="1:9" x14ac:dyDescent="0.35">
      <c r="A27" s="52" t="s">
        <v>78</v>
      </c>
      <c r="B27" s="51" t="s">
        <v>79</v>
      </c>
      <c r="C27" s="61">
        <v>331801387</v>
      </c>
      <c r="D27" s="62">
        <v>10</v>
      </c>
      <c r="E27" s="51">
        <v>202401</v>
      </c>
      <c r="F27" s="51" t="s">
        <v>38</v>
      </c>
      <c r="G27" s="51" t="s">
        <v>97</v>
      </c>
      <c r="H27" s="51" t="s">
        <v>82</v>
      </c>
      <c r="I27" s="50">
        <v>4.7</v>
      </c>
    </row>
    <row r="28" spans="1:9" x14ac:dyDescent="0.35">
      <c r="A28" s="52" t="s">
        <v>78</v>
      </c>
      <c r="B28" s="51" t="s">
        <v>79</v>
      </c>
      <c r="C28" s="61">
        <v>332701071</v>
      </c>
      <c r="D28" s="62">
        <v>10</v>
      </c>
      <c r="E28" s="51">
        <v>202401</v>
      </c>
      <c r="F28" s="51" t="s">
        <v>38</v>
      </c>
      <c r="G28" s="51" t="s">
        <v>97</v>
      </c>
      <c r="H28" s="51" t="s">
        <v>82</v>
      </c>
      <c r="I28" s="50">
        <v>4.7</v>
      </c>
    </row>
    <row r="29" spans="1:9" x14ac:dyDescent="0.35">
      <c r="A29" s="52" t="s">
        <v>78</v>
      </c>
      <c r="B29" s="51" t="s">
        <v>79</v>
      </c>
      <c r="C29" s="61">
        <v>333801444</v>
      </c>
      <c r="D29" s="62">
        <v>10</v>
      </c>
      <c r="E29" s="51">
        <v>202401</v>
      </c>
      <c r="F29" s="51" t="s">
        <v>38</v>
      </c>
      <c r="G29" s="51" t="s">
        <v>97</v>
      </c>
      <c r="H29" s="51" t="s">
        <v>82</v>
      </c>
      <c r="I29" s="50">
        <v>4.7</v>
      </c>
    </row>
    <row r="30" spans="1:9" x14ac:dyDescent="0.35">
      <c r="A30" s="52" t="s">
        <v>78</v>
      </c>
      <c r="B30" s="51" t="s">
        <v>79</v>
      </c>
      <c r="C30" s="61">
        <v>336601045</v>
      </c>
      <c r="D30" s="62">
        <v>10</v>
      </c>
      <c r="E30" s="51">
        <v>202401</v>
      </c>
      <c r="F30" s="51" t="s">
        <v>38</v>
      </c>
      <c r="G30" s="51" t="s">
        <v>97</v>
      </c>
      <c r="H30" s="51" t="s">
        <v>82</v>
      </c>
      <c r="I30" s="50">
        <v>30</v>
      </c>
    </row>
    <row r="31" spans="1:9" x14ac:dyDescent="0.35">
      <c r="A31" s="52" t="s">
        <v>78</v>
      </c>
      <c r="B31" s="51" t="s">
        <v>79</v>
      </c>
      <c r="C31" s="61">
        <v>337402895</v>
      </c>
      <c r="D31" s="62">
        <v>10</v>
      </c>
      <c r="E31" s="51">
        <v>202401</v>
      </c>
      <c r="F31" s="51" t="s">
        <v>38</v>
      </c>
      <c r="G31" s="51" t="s">
        <v>97</v>
      </c>
      <c r="H31" s="51" t="s">
        <v>82</v>
      </c>
      <c r="I31" s="50">
        <v>4.7</v>
      </c>
    </row>
    <row r="32" spans="1:9" x14ac:dyDescent="0.35">
      <c r="A32" s="52" t="s">
        <v>78</v>
      </c>
      <c r="B32" s="51" t="s">
        <v>79</v>
      </c>
      <c r="C32" s="61">
        <v>338100413</v>
      </c>
      <c r="D32" s="62">
        <v>10</v>
      </c>
      <c r="E32" s="51">
        <v>202401</v>
      </c>
      <c r="F32" s="51" t="s">
        <v>38</v>
      </c>
      <c r="G32" s="51" t="s">
        <v>97</v>
      </c>
      <c r="H32" s="51" t="s">
        <v>82</v>
      </c>
      <c r="I32" s="50">
        <v>4.7</v>
      </c>
    </row>
    <row r="33" spans="1:9" x14ac:dyDescent="0.35">
      <c r="A33" s="52" t="s">
        <v>78</v>
      </c>
      <c r="B33" s="51" t="s">
        <v>79</v>
      </c>
      <c r="C33" s="61">
        <v>339703691</v>
      </c>
      <c r="D33" s="62">
        <v>10</v>
      </c>
      <c r="E33" s="51">
        <v>202401</v>
      </c>
      <c r="F33" s="51" t="s">
        <v>38</v>
      </c>
      <c r="G33" s="51" t="s">
        <v>97</v>
      </c>
      <c r="H33" s="51" t="s">
        <v>82</v>
      </c>
      <c r="I33" s="50">
        <v>4.7</v>
      </c>
    </row>
    <row r="34" spans="1:9" x14ac:dyDescent="0.35">
      <c r="A34" s="52" t="s">
        <v>78</v>
      </c>
      <c r="B34" s="51" t="s">
        <v>79</v>
      </c>
      <c r="C34" s="61">
        <v>341201142</v>
      </c>
      <c r="D34" s="62">
        <v>10</v>
      </c>
      <c r="E34" s="51">
        <v>202401</v>
      </c>
      <c r="F34" s="51" t="s">
        <v>38</v>
      </c>
      <c r="G34" s="51" t="s">
        <v>97</v>
      </c>
      <c r="H34" s="51" t="s">
        <v>82</v>
      </c>
      <c r="I34" s="50">
        <v>4.7</v>
      </c>
    </row>
    <row r="35" spans="1:9" x14ac:dyDescent="0.35">
      <c r="A35" s="52" t="s">
        <v>78</v>
      </c>
      <c r="B35" s="51" t="s">
        <v>79</v>
      </c>
      <c r="C35" s="61">
        <v>341502071</v>
      </c>
      <c r="D35" s="62">
        <v>10</v>
      </c>
      <c r="E35" s="51">
        <v>202401</v>
      </c>
      <c r="F35" s="51" t="s">
        <v>38</v>
      </c>
      <c r="G35" s="51" t="s">
        <v>97</v>
      </c>
      <c r="H35" s="51" t="s">
        <v>82</v>
      </c>
      <c r="I35" s="50">
        <v>30</v>
      </c>
    </row>
    <row r="36" spans="1:9" x14ac:dyDescent="0.35">
      <c r="A36" s="52" t="s">
        <v>78</v>
      </c>
      <c r="B36" s="51" t="s">
        <v>79</v>
      </c>
      <c r="C36" s="61">
        <v>342701070</v>
      </c>
      <c r="D36" s="62">
        <v>10</v>
      </c>
      <c r="E36" s="51">
        <v>202401</v>
      </c>
      <c r="F36" s="51" t="s">
        <v>38</v>
      </c>
      <c r="G36" s="51" t="s">
        <v>97</v>
      </c>
      <c r="H36" s="51" t="s">
        <v>82</v>
      </c>
      <c r="I36" s="50">
        <v>4.7</v>
      </c>
    </row>
    <row r="37" spans="1:9" x14ac:dyDescent="0.35">
      <c r="A37" s="52" t="s">
        <v>78</v>
      </c>
      <c r="B37" s="51" t="s">
        <v>79</v>
      </c>
      <c r="C37" s="61">
        <v>344101171</v>
      </c>
      <c r="D37" s="62">
        <v>10</v>
      </c>
      <c r="E37" s="51">
        <v>202401</v>
      </c>
      <c r="F37" s="51" t="s">
        <v>38</v>
      </c>
      <c r="G37" s="51" t="s">
        <v>97</v>
      </c>
      <c r="H37" s="51" t="s">
        <v>82</v>
      </c>
      <c r="I37" s="50">
        <v>4.7</v>
      </c>
    </row>
    <row r="38" spans="1:9" x14ac:dyDescent="0.35">
      <c r="A38" s="52" t="s">
        <v>78</v>
      </c>
      <c r="B38" s="51" t="s">
        <v>79</v>
      </c>
      <c r="C38" s="61">
        <v>345120013</v>
      </c>
      <c r="D38" s="62">
        <v>10</v>
      </c>
      <c r="E38" s="51">
        <v>202401</v>
      </c>
      <c r="F38" s="51" t="s">
        <v>38</v>
      </c>
      <c r="G38" s="51" t="s">
        <v>97</v>
      </c>
      <c r="H38" s="51" t="s">
        <v>82</v>
      </c>
      <c r="I38" s="50">
        <v>4.7</v>
      </c>
    </row>
    <row r="39" spans="1:9" x14ac:dyDescent="0.35">
      <c r="A39" s="52" t="s">
        <v>78</v>
      </c>
      <c r="B39" s="51" t="s">
        <v>79</v>
      </c>
      <c r="C39" s="61">
        <v>350102703</v>
      </c>
      <c r="D39" s="62">
        <v>10</v>
      </c>
      <c r="E39" s="51">
        <v>202401</v>
      </c>
      <c r="F39" s="51" t="s">
        <v>38</v>
      </c>
      <c r="G39" s="51" t="s">
        <v>97</v>
      </c>
      <c r="H39" s="51" t="s">
        <v>82</v>
      </c>
      <c r="I39" s="50">
        <v>4.7</v>
      </c>
    </row>
    <row r="40" spans="1:9" x14ac:dyDescent="0.35">
      <c r="A40" s="52" t="s">
        <v>78</v>
      </c>
      <c r="B40" s="51" t="s">
        <v>79</v>
      </c>
      <c r="C40" s="61">
        <v>352900772</v>
      </c>
      <c r="D40" s="62">
        <v>10</v>
      </c>
      <c r="E40" s="51">
        <v>202401</v>
      </c>
      <c r="F40" s="51" t="s">
        <v>38</v>
      </c>
      <c r="G40" s="51" t="s">
        <v>97</v>
      </c>
      <c r="H40" s="51" t="s">
        <v>82</v>
      </c>
      <c r="I40" s="50">
        <v>4.7</v>
      </c>
    </row>
    <row r="41" spans="1:9" x14ac:dyDescent="0.35">
      <c r="A41" s="52" t="s">
        <v>78</v>
      </c>
      <c r="B41" s="51" t="s">
        <v>79</v>
      </c>
      <c r="C41" s="61">
        <v>353801370</v>
      </c>
      <c r="D41" s="62">
        <v>10</v>
      </c>
      <c r="E41" s="51">
        <v>202401</v>
      </c>
      <c r="F41" s="51" t="s">
        <v>38</v>
      </c>
      <c r="G41" s="51" t="s">
        <v>97</v>
      </c>
      <c r="H41" s="51" t="s">
        <v>82</v>
      </c>
      <c r="I41" s="50">
        <v>4.7</v>
      </c>
    </row>
    <row r="42" spans="1:9" x14ac:dyDescent="0.35">
      <c r="A42" s="52" t="s">
        <v>78</v>
      </c>
      <c r="B42" s="51" t="s">
        <v>79</v>
      </c>
      <c r="C42" s="61">
        <v>354005311</v>
      </c>
      <c r="D42" s="62">
        <v>10</v>
      </c>
      <c r="E42" s="51">
        <v>202401</v>
      </c>
      <c r="F42" s="51" t="s">
        <v>38</v>
      </c>
      <c r="G42" s="51" t="s">
        <v>97</v>
      </c>
      <c r="H42" s="51" t="s">
        <v>82</v>
      </c>
      <c r="I42" s="50">
        <v>4.7</v>
      </c>
    </row>
    <row r="43" spans="1:9" x14ac:dyDescent="0.35">
      <c r="A43" s="52" t="s">
        <v>78</v>
      </c>
      <c r="B43" s="51" t="s">
        <v>79</v>
      </c>
      <c r="C43" s="61">
        <v>354900077</v>
      </c>
      <c r="D43" s="62">
        <v>10</v>
      </c>
      <c r="E43" s="51">
        <v>202401</v>
      </c>
      <c r="F43" s="51" t="s">
        <v>38</v>
      </c>
      <c r="G43" s="51" t="s">
        <v>97</v>
      </c>
      <c r="H43" s="51" t="s">
        <v>82</v>
      </c>
      <c r="I43" s="50">
        <v>4.7</v>
      </c>
    </row>
    <row r="44" spans="1:9" x14ac:dyDescent="0.35">
      <c r="A44" s="52" t="s">
        <v>78</v>
      </c>
      <c r="B44" s="51" t="s">
        <v>79</v>
      </c>
      <c r="C44" s="61">
        <v>355502044</v>
      </c>
      <c r="D44" s="62">
        <v>10</v>
      </c>
      <c r="E44" s="51">
        <v>202401</v>
      </c>
      <c r="F44" s="51" t="s">
        <v>38</v>
      </c>
      <c r="G44" s="51" t="s">
        <v>97</v>
      </c>
      <c r="H44" s="51" t="s">
        <v>82</v>
      </c>
      <c r="I44" s="50">
        <v>4.7</v>
      </c>
    </row>
    <row r="45" spans="1:9" x14ac:dyDescent="0.35">
      <c r="A45" s="52" t="s">
        <v>78</v>
      </c>
      <c r="B45" s="51" t="s">
        <v>79</v>
      </c>
      <c r="C45" s="61">
        <v>358001464</v>
      </c>
      <c r="D45" s="62">
        <v>10</v>
      </c>
      <c r="E45" s="51">
        <v>202401</v>
      </c>
      <c r="F45" s="51" t="s">
        <v>38</v>
      </c>
      <c r="G45" s="51" t="s">
        <v>97</v>
      </c>
      <c r="H45" s="51" t="s">
        <v>82</v>
      </c>
      <c r="I45" s="50">
        <v>4.7</v>
      </c>
    </row>
    <row r="46" spans="1:9" x14ac:dyDescent="0.35">
      <c r="A46" s="52" t="s">
        <v>78</v>
      </c>
      <c r="B46" s="51" t="s">
        <v>79</v>
      </c>
      <c r="C46" s="61">
        <v>358900563</v>
      </c>
      <c r="D46" s="62">
        <v>10</v>
      </c>
      <c r="E46" s="51">
        <v>202401</v>
      </c>
      <c r="F46" s="51" t="s">
        <v>38</v>
      </c>
      <c r="G46" s="51" t="s">
        <v>97</v>
      </c>
      <c r="H46" s="51" t="s">
        <v>82</v>
      </c>
      <c r="I46" s="50">
        <v>4.7</v>
      </c>
    </row>
    <row r="47" spans="1:9" x14ac:dyDescent="0.35">
      <c r="A47" s="52" t="s">
        <v>78</v>
      </c>
      <c r="B47" s="51" t="s">
        <v>79</v>
      </c>
      <c r="C47" s="61">
        <v>360001145</v>
      </c>
      <c r="D47" s="62">
        <v>10</v>
      </c>
      <c r="E47" s="51">
        <v>202401</v>
      </c>
      <c r="F47" s="51" t="s">
        <v>38</v>
      </c>
      <c r="G47" s="51" t="s">
        <v>97</v>
      </c>
      <c r="H47" s="51" t="s">
        <v>82</v>
      </c>
      <c r="I47" s="50">
        <v>4.7</v>
      </c>
    </row>
    <row r="48" spans="1:9" x14ac:dyDescent="0.35">
      <c r="A48" s="52" t="s">
        <v>78</v>
      </c>
      <c r="B48" s="51" t="s">
        <v>79</v>
      </c>
      <c r="C48" s="61">
        <v>362401156</v>
      </c>
      <c r="D48" s="62">
        <v>10</v>
      </c>
      <c r="E48" s="51">
        <v>202401</v>
      </c>
      <c r="F48" s="51" t="s">
        <v>38</v>
      </c>
      <c r="G48" s="51" t="s">
        <v>97</v>
      </c>
      <c r="H48" s="51" t="s">
        <v>82</v>
      </c>
      <c r="I48" s="50">
        <v>30</v>
      </c>
    </row>
    <row r="49" spans="1:9" x14ac:dyDescent="0.35">
      <c r="A49" s="52" t="s">
        <v>78</v>
      </c>
      <c r="B49" s="51" t="s">
        <v>79</v>
      </c>
      <c r="C49" s="61">
        <v>364901350</v>
      </c>
      <c r="D49" s="62">
        <v>10</v>
      </c>
      <c r="E49" s="51">
        <v>202401</v>
      </c>
      <c r="F49" s="51" t="s">
        <v>38</v>
      </c>
      <c r="G49" s="51" t="s">
        <v>97</v>
      </c>
      <c r="H49" s="51" t="s">
        <v>82</v>
      </c>
      <c r="I49" s="50">
        <v>4.7</v>
      </c>
    </row>
    <row r="50" spans="1:9" x14ac:dyDescent="0.35">
      <c r="A50" s="52" t="s">
        <v>78</v>
      </c>
      <c r="B50" s="51" t="s">
        <v>79</v>
      </c>
      <c r="C50" s="61">
        <v>371405130</v>
      </c>
      <c r="D50" s="62">
        <v>10</v>
      </c>
      <c r="E50" s="51">
        <v>202401</v>
      </c>
      <c r="F50" s="51" t="s">
        <v>38</v>
      </c>
      <c r="G50" s="51" t="s">
        <v>97</v>
      </c>
      <c r="H50" s="51" t="s">
        <v>82</v>
      </c>
      <c r="I50" s="50">
        <v>4.7</v>
      </c>
    </row>
    <row r="51" spans="1:9" x14ac:dyDescent="0.35">
      <c r="A51" s="52" t="s">
        <v>78</v>
      </c>
      <c r="B51" s="51" t="s">
        <v>79</v>
      </c>
      <c r="C51" s="61">
        <v>376803647</v>
      </c>
      <c r="D51" s="62">
        <v>10</v>
      </c>
      <c r="E51" s="51">
        <v>202401</v>
      </c>
      <c r="F51" s="51" t="s">
        <v>38</v>
      </c>
      <c r="G51" s="51" t="s">
        <v>97</v>
      </c>
      <c r="H51" s="51" t="s">
        <v>82</v>
      </c>
      <c r="I51" s="50">
        <v>4.7</v>
      </c>
    </row>
    <row r="52" spans="1:9" x14ac:dyDescent="0.35">
      <c r="A52" s="52" t="s">
        <v>78</v>
      </c>
      <c r="B52" s="51" t="s">
        <v>79</v>
      </c>
      <c r="C52" s="61">
        <v>377502870</v>
      </c>
      <c r="D52" s="62">
        <v>10</v>
      </c>
      <c r="E52" s="51">
        <v>202401</v>
      </c>
      <c r="F52" s="51" t="s">
        <v>38</v>
      </c>
      <c r="G52" s="51" t="s">
        <v>97</v>
      </c>
      <c r="H52" s="51" t="s">
        <v>82</v>
      </c>
      <c r="I52" s="50">
        <v>4.7</v>
      </c>
    </row>
    <row r="53" spans="1:9" x14ac:dyDescent="0.35">
      <c r="A53" s="52" t="s">
        <v>78</v>
      </c>
      <c r="B53" s="51" t="s">
        <v>79</v>
      </c>
      <c r="C53" s="61">
        <v>380501486</v>
      </c>
      <c r="D53" s="62">
        <v>10</v>
      </c>
      <c r="E53" s="51">
        <v>202401</v>
      </c>
      <c r="F53" s="51" t="s">
        <v>38</v>
      </c>
      <c r="G53" s="51" t="s">
        <v>97</v>
      </c>
      <c r="H53" s="51" t="s">
        <v>82</v>
      </c>
      <c r="I53" s="50">
        <v>4.7</v>
      </c>
    </row>
    <row r="54" spans="1:9" x14ac:dyDescent="0.35">
      <c r="A54" s="52" t="s">
        <v>78</v>
      </c>
      <c r="B54" s="51" t="s">
        <v>79</v>
      </c>
      <c r="C54" s="61">
        <v>380701147</v>
      </c>
      <c r="D54" s="62">
        <v>10</v>
      </c>
      <c r="E54" s="51">
        <v>202401</v>
      </c>
      <c r="F54" s="51" t="s">
        <v>38</v>
      </c>
      <c r="G54" s="51" t="s">
        <v>97</v>
      </c>
      <c r="H54" s="51" t="s">
        <v>82</v>
      </c>
      <c r="I54" s="50">
        <v>4.7</v>
      </c>
    </row>
    <row r="55" spans="1:9" x14ac:dyDescent="0.35">
      <c r="A55" s="52" t="s">
        <v>78</v>
      </c>
      <c r="B55" s="51" t="s">
        <v>79</v>
      </c>
      <c r="C55" s="61">
        <v>385660284</v>
      </c>
      <c r="D55" s="62">
        <v>10</v>
      </c>
      <c r="E55" s="51">
        <v>202401</v>
      </c>
      <c r="F55" s="51" t="s">
        <v>38</v>
      </c>
      <c r="G55" s="51" t="s">
        <v>97</v>
      </c>
      <c r="H55" s="51" t="s">
        <v>82</v>
      </c>
      <c r="I55" s="50">
        <v>4.7</v>
      </c>
    </row>
    <row r="56" spans="1:9" x14ac:dyDescent="0.35">
      <c r="A56" s="52" t="s">
        <v>78</v>
      </c>
      <c r="B56" s="51" t="s">
        <v>79</v>
      </c>
      <c r="C56" s="61">
        <v>386601093</v>
      </c>
      <c r="D56" s="62">
        <v>10</v>
      </c>
      <c r="E56" s="51">
        <v>202401</v>
      </c>
      <c r="F56" s="51" t="s">
        <v>38</v>
      </c>
      <c r="G56" s="51" t="s">
        <v>97</v>
      </c>
      <c r="H56" s="51" t="s">
        <v>82</v>
      </c>
      <c r="I56" s="50">
        <v>4.7</v>
      </c>
    </row>
    <row r="57" spans="1:9" x14ac:dyDescent="0.35">
      <c r="A57" s="52" t="s">
        <v>78</v>
      </c>
      <c r="B57" s="51" t="s">
        <v>79</v>
      </c>
      <c r="C57" s="61">
        <v>386703814</v>
      </c>
      <c r="D57" s="62">
        <v>10</v>
      </c>
      <c r="E57" s="51">
        <v>202401</v>
      </c>
      <c r="F57" s="51" t="s">
        <v>38</v>
      </c>
      <c r="G57" s="51" t="s">
        <v>97</v>
      </c>
      <c r="H57" s="51" t="s">
        <v>82</v>
      </c>
      <c r="I57" s="50">
        <v>4.7</v>
      </c>
    </row>
    <row r="58" spans="1:9" x14ac:dyDescent="0.35">
      <c r="A58" s="52" t="s">
        <v>78</v>
      </c>
      <c r="B58" s="51" t="s">
        <v>79</v>
      </c>
      <c r="C58" s="61">
        <v>386801317</v>
      </c>
      <c r="D58" s="62">
        <v>10</v>
      </c>
      <c r="E58" s="51">
        <v>202401</v>
      </c>
      <c r="F58" s="51" t="s">
        <v>38</v>
      </c>
      <c r="G58" s="51" t="s">
        <v>97</v>
      </c>
      <c r="H58" s="51" t="s">
        <v>82</v>
      </c>
      <c r="I58" s="50">
        <v>4.7</v>
      </c>
    </row>
    <row r="59" spans="1:9" x14ac:dyDescent="0.35">
      <c r="A59" s="52" t="s">
        <v>78</v>
      </c>
      <c r="B59" s="51" t="s">
        <v>79</v>
      </c>
      <c r="C59" s="61">
        <v>393201182</v>
      </c>
      <c r="D59" s="62">
        <v>10</v>
      </c>
      <c r="E59" s="51">
        <v>202401</v>
      </c>
      <c r="F59" s="51" t="s">
        <v>38</v>
      </c>
      <c r="G59" s="51" t="s">
        <v>97</v>
      </c>
      <c r="H59" s="51" t="s">
        <v>82</v>
      </c>
      <c r="I59" s="50">
        <v>4.7</v>
      </c>
    </row>
    <row r="60" spans="1:9" x14ac:dyDescent="0.35">
      <c r="A60" s="52" t="s">
        <v>78</v>
      </c>
      <c r="B60" s="51" t="s">
        <v>79</v>
      </c>
      <c r="C60" s="61">
        <v>394268090</v>
      </c>
      <c r="D60" s="62">
        <v>10</v>
      </c>
      <c r="E60" s="51">
        <v>202401</v>
      </c>
      <c r="F60" s="51" t="s">
        <v>38</v>
      </c>
      <c r="G60" s="51" t="s">
        <v>97</v>
      </c>
      <c r="H60" s="51" t="s">
        <v>82</v>
      </c>
      <c r="I60" s="50">
        <v>30</v>
      </c>
    </row>
    <row r="61" spans="1:9" x14ac:dyDescent="0.35">
      <c r="A61" s="52" t="s">
        <v>78</v>
      </c>
      <c r="B61" s="51" t="s">
        <v>79</v>
      </c>
      <c r="C61" s="61">
        <v>398601015</v>
      </c>
      <c r="D61" s="62">
        <v>10</v>
      </c>
      <c r="E61" s="51">
        <v>202401</v>
      </c>
      <c r="F61" s="51" t="s">
        <v>38</v>
      </c>
      <c r="G61" s="51" t="s">
        <v>97</v>
      </c>
      <c r="H61" s="51" t="s">
        <v>82</v>
      </c>
      <c r="I61" s="50">
        <v>4.7</v>
      </c>
    </row>
    <row r="62" spans="1:9" x14ac:dyDescent="0.35">
      <c r="A62" s="52" t="s">
        <v>78</v>
      </c>
      <c r="B62" s="51" t="s">
        <v>79</v>
      </c>
      <c r="C62" s="61">
        <v>302000854</v>
      </c>
      <c r="D62" s="62">
        <v>20</v>
      </c>
      <c r="E62" s="51">
        <v>202401</v>
      </c>
      <c r="F62" s="51" t="s">
        <v>38</v>
      </c>
      <c r="G62" s="51" t="s">
        <v>97</v>
      </c>
      <c r="H62" s="51" t="s">
        <v>82</v>
      </c>
      <c r="I62" s="50">
        <v>4.7</v>
      </c>
    </row>
    <row r="63" spans="1:9" x14ac:dyDescent="0.35">
      <c r="A63" s="52" t="s">
        <v>78</v>
      </c>
      <c r="B63" s="51" t="s">
        <v>79</v>
      </c>
      <c r="C63" s="61">
        <v>304098113</v>
      </c>
      <c r="D63" s="62">
        <v>20</v>
      </c>
      <c r="E63" s="51">
        <v>202401</v>
      </c>
      <c r="F63" s="51" t="s">
        <v>38</v>
      </c>
      <c r="G63" s="51" t="s">
        <v>97</v>
      </c>
      <c r="H63" s="51" t="s">
        <v>82</v>
      </c>
      <c r="I63" s="50">
        <v>30</v>
      </c>
    </row>
    <row r="64" spans="1:9" x14ac:dyDescent="0.35">
      <c r="A64" s="52" t="s">
        <v>78</v>
      </c>
      <c r="B64" s="51" t="s">
        <v>79</v>
      </c>
      <c r="C64" s="61">
        <v>304203143</v>
      </c>
      <c r="D64" s="62">
        <v>20</v>
      </c>
      <c r="E64" s="51">
        <v>202401</v>
      </c>
      <c r="F64" s="51" t="s">
        <v>38</v>
      </c>
      <c r="G64" s="51" t="s">
        <v>97</v>
      </c>
      <c r="H64" s="51" t="s">
        <v>82</v>
      </c>
      <c r="I64" s="50">
        <v>4.7</v>
      </c>
    </row>
    <row r="65" spans="1:9" x14ac:dyDescent="0.35">
      <c r="A65" s="52" t="s">
        <v>78</v>
      </c>
      <c r="B65" s="51" t="s">
        <v>79</v>
      </c>
      <c r="C65" s="61">
        <v>305200861</v>
      </c>
      <c r="D65" s="62">
        <v>20</v>
      </c>
      <c r="E65" s="51">
        <v>202401</v>
      </c>
      <c r="F65" s="51" t="s">
        <v>38</v>
      </c>
      <c r="G65" s="51" t="s">
        <v>97</v>
      </c>
      <c r="H65" s="51" t="s">
        <v>82</v>
      </c>
      <c r="I65" s="50">
        <v>4.7</v>
      </c>
    </row>
    <row r="66" spans="1:9" x14ac:dyDescent="0.35">
      <c r="A66" s="52" t="s">
        <v>78</v>
      </c>
      <c r="B66" s="51" t="s">
        <v>79</v>
      </c>
      <c r="C66" s="61">
        <v>306101212</v>
      </c>
      <c r="D66" s="62">
        <v>20</v>
      </c>
      <c r="E66" s="51">
        <v>202401</v>
      </c>
      <c r="F66" s="51" t="s">
        <v>38</v>
      </c>
      <c r="G66" s="51" t="s">
        <v>97</v>
      </c>
      <c r="H66" s="51" t="s">
        <v>82</v>
      </c>
      <c r="I66" s="50">
        <v>4.7</v>
      </c>
    </row>
    <row r="67" spans="1:9" x14ac:dyDescent="0.35">
      <c r="A67" s="52" t="s">
        <v>78</v>
      </c>
      <c r="B67" s="51" t="s">
        <v>79</v>
      </c>
      <c r="C67" s="61">
        <v>308001782</v>
      </c>
      <c r="D67" s="62">
        <v>20</v>
      </c>
      <c r="E67" s="51">
        <v>202401</v>
      </c>
      <c r="F67" s="51" t="s">
        <v>38</v>
      </c>
      <c r="G67" s="51" t="s">
        <v>97</v>
      </c>
      <c r="H67" s="51" t="s">
        <v>82</v>
      </c>
      <c r="I67" s="50">
        <v>30</v>
      </c>
    </row>
    <row r="68" spans="1:9" x14ac:dyDescent="0.35">
      <c r="A68" s="52" t="s">
        <v>78</v>
      </c>
      <c r="B68" s="51" t="s">
        <v>79</v>
      </c>
      <c r="C68" s="61">
        <v>308302716</v>
      </c>
      <c r="D68" s="62">
        <v>20</v>
      </c>
      <c r="E68" s="51">
        <v>202401</v>
      </c>
      <c r="F68" s="51" t="s">
        <v>38</v>
      </c>
      <c r="G68" s="51" t="s">
        <v>97</v>
      </c>
      <c r="H68" s="51" t="s">
        <v>82</v>
      </c>
      <c r="I68" s="50">
        <v>4.7</v>
      </c>
    </row>
    <row r="69" spans="1:9" x14ac:dyDescent="0.35">
      <c r="A69" s="52" t="s">
        <v>78</v>
      </c>
      <c r="B69" s="51" t="s">
        <v>79</v>
      </c>
      <c r="C69" s="61">
        <v>308502722</v>
      </c>
      <c r="D69" s="62">
        <v>20</v>
      </c>
      <c r="E69" s="51">
        <v>202401</v>
      </c>
      <c r="F69" s="51" t="s">
        <v>38</v>
      </c>
      <c r="G69" s="51" t="s">
        <v>97</v>
      </c>
      <c r="H69" s="51" t="s">
        <v>82</v>
      </c>
      <c r="I69" s="50">
        <v>4.7</v>
      </c>
    </row>
    <row r="70" spans="1:9" x14ac:dyDescent="0.35">
      <c r="A70" s="52" t="s">
        <v>78</v>
      </c>
      <c r="B70" s="51" t="s">
        <v>79</v>
      </c>
      <c r="C70" s="61">
        <v>308907004</v>
      </c>
      <c r="D70" s="62">
        <v>20</v>
      </c>
      <c r="E70" s="51">
        <v>202401</v>
      </c>
      <c r="F70" s="51" t="s">
        <v>38</v>
      </c>
      <c r="G70" s="51" t="s">
        <v>97</v>
      </c>
      <c r="H70" s="51" t="s">
        <v>82</v>
      </c>
      <c r="I70" s="50">
        <v>95</v>
      </c>
    </row>
    <row r="71" spans="1:9" x14ac:dyDescent="0.35">
      <c r="A71" s="52" t="s">
        <v>78</v>
      </c>
      <c r="B71" s="51" t="s">
        <v>79</v>
      </c>
      <c r="C71" s="61">
        <v>310601047</v>
      </c>
      <c r="D71" s="62">
        <v>20</v>
      </c>
      <c r="E71" s="51">
        <v>202401</v>
      </c>
      <c r="F71" s="51" t="s">
        <v>38</v>
      </c>
      <c r="G71" s="51" t="s">
        <v>97</v>
      </c>
      <c r="H71" s="51" t="s">
        <v>82</v>
      </c>
      <c r="I71" s="50">
        <v>4.7</v>
      </c>
    </row>
    <row r="72" spans="1:9" x14ac:dyDescent="0.35">
      <c r="A72" s="52" t="s">
        <v>78</v>
      </c>
      <c r="B72" s="51" t="s">
        <v>79</v>
      </c>
      <c r="C72" s="61">
        <v>311063314</v>
      </c>
      <c r="D72" s="62">
        <v>20</v>
      </c>
      <c r="E72" s="51">
        <v>202401</v>
      </c>
      <c r="F72" s="51" t="s">
        <v>38</v>
      </c>
      <c r="G72" s="51" t="s">
        <v>97</v>
      </c>
      <c r="H72" s="51" t="s">
        <v>82</v>
      </c>
      <c r="I72" s="50">
        <v>4.7</v>
      </c>
    </row>
    <row r="73" spans="1:9" x14ac:dyDescent="0.35">
      <c r="A73" s="52" t="s">
        <v>78</v>
      </c>
      <c r="B73" s="51" t="s">
        <v>79</v>
      </c>
      <c r="C73" s="61">
        <v>312503070</v>
      </c>
      <c r="D73" s="62">
        <v>20</v>
      </c>
      <c r="E73" s="51">
        <v>202401</v>
      </c>
      <c r="F73" s="51" t="s">
        <v>38</v>
      </c>
      <c r="G73" s="51" t="s">
        <v>97</v>
      </c>
      <c r="H73" s="51" t="s">
        <v>82</v>
      </c>
      <c r="I73" s="50">
        <v>4.7</v>
      </c>
    </row>
    <row r="74" spans="1:9" x14ac:dyDescent="0.35">
      <c r="A74" s="52" t="s">
        <v>78</v>
      </c>
      <c r="B74" s="51" t="s">
        <v>79</v>
      </c>
      <c r="C74" s="61">
        <v>314323101</v>
      </c>
      <c r="D74" s="62">
        <v>20</v>
      </c>
      <c r="E74" s="51">
        <v>202401</v>
      </c>
      <c r="F74" s="51" t="s">
        <v>38</v>
      </c>
      <c r="G74" s="51" t="s">
        <v>97</v>
      </c>
      <c r="H74" s="51" t="s">
        <v>82</v>
      </c>
      <c r="I74" s="50">
        <v>4.7</v>
      </c>
    </row>
    <row r="75" spans="1:9" x14ac:dyDescent="0.35">
      <c r="A75" s="52" t="s">
        <v>78</v>
      </c>
      <c r="B75" s="51" t="s">
        <v>79</v>
      </c>
      <c r="C75" s="61">
        <v>318902946</v>
      </c>
      <c r="D75" s="62">
        <v>20</v>
      </c>
      <c r="E75" s="51">
        <v>202401</v>
      </c>
      <c r="F75" s="51" t="s">
        <v>38</v>
      </c>
      <c r="G75" s="51" t="s">
        <v>97</v>
      </c>
      <c r="H75" s="51" t="s">
        <v>82</v>
      </c>
      <c r="I75" s="50">
        <v>4.7</v>
      </c>
    </row>
    <row r="76" spans="1:9" x14ac:dyDescent="0.35">
      <c r="A76" s="52" t="s">
        <v>78</v>
      </c>
      <c r="B76" s="51" t="s">
        <v>79</v>
      </c>
      <c r="C76" s="61">
        <v>319201178</v>
      </c>
      <c r="D76" s="62">
        <v>20</v>
      </c>
      <c r="E76" s="51">
        <v>202401</v>
      </c>
      <c r="F76" s="51" t="s">
        <v>38</v>
      </c>
      <c r="G76" s="51" t="s">
        <v>97</v>
      </c>
      <c r="H76" s="51" t="s">
        <v>82</v>
      </c>
      <c r="I76" s="50">
        <v>4.7</v>
      </c>
    </row>
    <row r="77" spans="1:9" x14ac:dyDescent="0.35">
      <c r="A77" s="52" t="s">
        <v>78</v>
      </c>
      <c r="B77" s="51" t="s">
        <v>79</v>
      </c>
      <c r="C77" s="61">
        <v>319336342</v>
      </c>
      <c r="D77" s="62">
        <v>20</v>
      </c>
      <c r="E77" s="51">
        <v>202401</v>
      </c>
      <c r="F77" s="51" t="s">
        <v>38</v>
      </c>
      <c r="G77" s="51" t="s">
        <v>97</v>
      </c>
      <c r="H77" s="51" t="s">
        <v>82</v>
      </c>
      <c r="I77" s="50">
        <v>4.7</v>
      </c>
    </row>
    <row r="78" spans="1:9" x14ac:dyDescent="0.35">
      <c r="A78" s="52" t="s">
        <v>78</v>
      </c>
      <c r="B78" s="51" t="s">
        <v>79</v>
      </c>
      <c r="C78" s="61">
        <v>320101503</v>
      </c>
      <c r="D78" s="62">
        <v>20</v>
      </c>
      <c r="E78" s="51">
        <v>202401</v>
      </c>
      <c r="F78" s="51" t="s">
        <v>38</v>
      </c>
      <c r="G78" s="51" t="s">
        <v>97</v>
      </c>
      <c r="H78" s="51" t="s">
        <v>82</v>
      </c>
      <c r="I78" s="50">
        <v>4.7</v>
      </c>
    </row>
    <row r="79" spans="1:9" x14ac:dyDescent="0.35">
      <c r="A79" s="52" t="s">
        <v>78</v>
      </c>
      <c r="B79" s="51" t="s">
        <v>79</v>
      </c>
      <c r="C79" s="61">
        <v>321758796</v>
      </c>
      <c r="D79" s="62">
        <v>20</v>
      </c>
      <c r="E79" s="51">
        <v>202401</v>
      </c>
      <c r="F79" s="51" t="s">
        <v>38</v>
      </c>
      <c r="G79" s="51" t="s">
        <v>97</v>
      </c>
      <c r="H79" s="51" t="s">
        <v>82</v>
      </c>
      <c r="I79" s="50">
        <v>4.7</v>
      </c>
    </row>
    <row r="80" spans="1:9" x14ac:dyDescent="0.35">
      <c r="A80" s="52" t="s">
        <v>78</v>
      </c>
      <c r="B80" s="51" t="s">
        <v>79</v>
      </c>
      <c r="C80" s="61">
        <v>323166761</v>
      </c>
      <c r="D80" s="62">
        <v>20</v>
      </c>
      <c r="E80" s="51">
        <v>202401</v>
      </c>
      <c r="F80" s="51" t="s">
        <v>38</v>
      </c>
      <c r="G80" s="51" t="s">
        <v>97</v>
      </c>
      <c r="H80" s="51" t="s">
        <v>82</v>
      </c>
      <c r="I80" s="50">
        <v>30</v>
      </c>
    </row>
    <row r="81" spans="1:9" x14ac:dyDescent="0.35">
      <c r="A81" s="52" t="s">
        <v>78</v>
      </c>
      <c r="B81" s="51" t="s">
        <v>79</v>
      </c>
      <c r="C81" s="61">
        <v>324602826</v>
      </c>
      <c r="D81" s="62">
        <v>20</v>
      </c>
      <c r="E81" s="51">
        <v>202401</v>
      </c>
      <c r="F81" s="51" t="s">
        <v>38</v>
      </c>
      <c r="G81" s="51" t="s">
        <v>97</v>
      </c>
      <c r="H81" s="51" t="s">
        <v>82</v>
      </c>
      <c r="I81" s="50">
        <v>4.7</v>
      </c>
    </row>
    <row r="82" spans="1:9" x14ac:dyDescent="0.35">
      <c r="A82" s="52" t="s">
        <v>78</v>
      </c>
      <c r="B82" s="51" t="s">
        <v>79</v>
      </c>
      <c r="C82" s="61">
        <v>324871284</v>
      </c>
      <c r="D82" s="62">
        <v>20</v>
      </c>
      <c r="E82" s="51">
        <v>202401</v>
      </c>
      <c r="F82" s="51" t="s">
        <v>38</v>
      </c>
      <c r="G82" s="51" t="s">
        <v>97</v>
      </c>
      <c r="H82" s="51" t="s">
        <v>82</v>
      </c>
      <c r="I82" s="50">
        <v>95</v>
      </c>
    </row>
    <row r="83" spans="1:9" x14ac:dyDescent="0.35">
      <c r="A83" s="52" t="s">
        <v>78</v>
      </c>
      <c r="B83" s="51" t="s">
        <v>79</v>
      </c>
      <c r="C83" s="61">
        <v>325250261</v>
      </c>
      <c r="D83" s="62">
        <v>20</v>
      </c>
      <c r="E83" s="51">
        <v>202401</v>
      </c>
      <c r="F83" s="51" t="s">
        <v>38</v>
      </c>
      <c r="G83" s="51" t="s">
        <v>97</v>
      </c>
      <c r="H83" s="51" t="s">
        <v>82</v>
      </c>
      <c r="I83" s="50">
        <v>4.7</v>
      </c>
    </row>
    <row r="84" spans="1:9" x14ac:dyDescent="0.35">
      <c r="A84" s="52" t="s">
        <v>78</v>
      </c>
      <c r="B84" s="51" t="s">
        <v>79</v>
      </c>
      <c r="C84" s="61">
        <v>325302001</v>
      </c>
      <c r="D84" s="62">
        <v>20</v>
      </c>
      <c r="E84" s="51">
        <v>202401</v>
      </c>
      <c r="F84" s="51" t="s">
        <v>38</v>
      </c>
      <c r="G84" s="51" t="s">
        <v>97</v>
      </c>
      <c r="H84" s="51" t="s">
        <v>82</v>
      </c>
      <c r="I84" s="50">
        <v>4.7</v>
      </c>
    </row>
    <row r="85" spans="1:9" x14ac:dyDescent="0.35">
      <c r="A85" s="52" t="s">
        <v>78</v>
      </c>
      <c r="B85" s="51" t="s">
        <v>79</v>
      </c>
      <c r="C85" s="61">
        <v>328300521</v>
      </c>
      <c r="D85" s="62">
        <v>20</v>
      </c>
      <c r="E85" s="51">
        <v>202401</v>
      </c>
      <c r="F85" s="51" t="s">
        <v>38</v>
      </c>
      <c r="G85" s="51" t="s">
        <v>97</v>
      </c>
      <c r="H85" s="51" t="s">
        <v>82</v>
      </c>
      <c r="I85" s="50">
        <v>4.7</v>
      </c>
    </row>
    <row r="86" spans="1:9" x14ac:dyDescent="0.35">
      <c r="A86" s="52" t="s">
        <v>78</v>
      </c>
      <c r="B86" s="51" t="s">
        <v>79</v>
      </c>
      <c r="C86" s="61">
        <v>328385606</v>
      </c>
      <c r="D86" s="62">
        <v>20</v>
      </c>
      <c r="E86" s="51">
        <v>202401</v>
      </c>
      <c r="F86" s="51" t="s">
        <v>38</v>
      </c>
      <c r="G86" s="51" t="s">
        <v>97</v>
      </c>
      <c r="H86" s="51" t="s">
        <v>82</v>
      </c>
      <c r="I86" s="50">
        <v>4.7</v>
      </c>
    </row>
    <row r="87" spans="1:9" x14ac:dyDescent="0.35">
      <c r="A87" s="52" t="s">
        <v>78</v>
      </c>
      <c r="B87" s="51" t="s">
        <v>79</v>
      </c>
      <c r="C87" s="61">
        <v>329938490</v>
      </c>
      <c r="D87" s="62">
        <v>20</v>
      </c>
      <c r="E87" s="51">
        <v>202401</v>
      </c>
      <c r="F87" s="51" t="s">
        <v>38</v>
      </c>
      <c r="G87" s="51" t="s">
        <v>97</v>
      </c>
      <c r="H87" s="51" t="s">
        <v>82</v>
      </c>
      <c r="I87" s="50">
        <v>4.7</v>
      </c>
    </row>
    <row r="88" spans="1:9" x14ac:dyDescent="0.35">
      <c r="A88" s="52" t="s">
        <v>78</v>
      </c>
      <c r="B88" s="51" t="s">
        <v>79</v>
      </c>
      <c r="C88" s="61">
        <v>330267001</v>
      </c>
      <c r="D88" s="62">
        <v>20</v>
      </c>
      <c r="E88" s="51">
        <v>202401</v>
      </c>
      <c r="F88" s="51" t="s">
        <v>38</v>
      </c>
      <c r="G88" s="51" t="s">
        <v>97</v>
      </c>
      <c r="H88" s="51" t="s">
        <v>82</v>
      </c>
      <c r="I88" s="50">
        <v>4.7</v>
      </c>
    </row>
    <row r="89" spans="1:9" x14ac:dyDescent="0.35">
      <c r="A89" s="52" t="s">
        <v>78</v>
      </c>
      <c r="B89" s="51" t="s">
        <v>79</v>
      </c>
      <c r="C89" s="61">
        <v>332500724</v>
      </c>
      <c r="D89" s="62">
        <v>20</v>
      </c>
      <c r="E89" s="51">
        <v>202401</v>
      </c>
      <c r="F89" s="51" t="s">
        <v>38</v>
      </c>
      <c r="G89" s="51" t="s">
        <v>97</v>
      </c>
      <c r="H89" s="51" t="s">
        <v>82</v>
      </c>
      <c r="I89" s="50">
        <v>95</v>
      </c>
    </row>
    <row r="90" spans="1:9" x14ac:dyDescent="0.35">
      <c r="A90" s="52" t="s">
        <v>78</v>
      </c>
      <c r="B90" s="51" t="s">
        <v>79</v>
      </c>
      <c r="C90" s="61">
        <v>333346830</v>
      </c>
      <c r="D90" s="62">
        <v>20</v>
      </c>
      <c r="E90" s="51">
        <v>202401</v>
      </c>
      <c r="F90" s="51" t="s">
        <v>38</v>
      </c>
      <c r="G90" s="51" t="s">
        <v>97</v>
      </c>
      <c r="H90" s="51" t="s">
        <v>82</v>
      </c>
      <c r="I90" s="50">
        <v>124</v>
      </c>
    </row>
    <row r="91" spans="1:9" x14ac:dyDescent="0.35">
      <c r="A91" s="52" t="s">
        <v>78</v>
      </c>
      <c r="B91" s="51" t="s">
        <v>79</v>
      </c>
      <c r="C91" s="61">
        <v>334801332</v>
      </c>
      <c r="D91" s="62">
        <v>20</v>
      </c>
      <c r="E91" s="51">
        <v>202401</v>
      </c>
      <c r="F91" s="51" t="s">
        <v>38</v>
      </c>
      <c r="G91" s="51" t="s">
        <v>97</v>
      </c>
      <c r="H91" s="51" t="s">
        <v>82</v>
      </c>
      <c r="I91" s="50">
        <v>4.7</v>
      </c>
    </row>
    <row r="92" spans="1:9" x14ac:dyDescent="0.35">
      <c r="A92" s="52" t="s">
        <v>78</v>
      </c>
      <c r="B92" s="51" t="s">
        <v>79</v>
      </c>
      <c r="C92" s="61">
        <v>335781321</v>
      </c>
      <c r="D92" s="62">
        <v>20</v>
      </c>
      <c r="E92" s="51">
        <v>202401</v>
      </c>
      <c r="F92" s="51" t="s">
        <v>38</v>
      </c>
      <c r="G92" s="51" t="s">
        <v>97</v>
      </c>
      <c r="H92" s="51" t="s">
        <v>82</v>
      </c>
      <c r="I92" s="50">
        <v>4.7</v>
      </c>
    </row>
    <row r="93" spans="1:9" x14ac:dyDescent="0.35">
      <c r="A93" s="52" t="s">
        <v>78</v>
      </c>
      <c r="B93" s="51" t="s">
        <v>79</v>
      </c>
      <c r="C93" s="61">
        <v>336630521</v>
      </c>
      <c r="D93" s="62">
        <v>20</v>
      </c>
      <c r="E93" s="51">
        <v>202401</v>
      </c>
      <c r="F93" s="51" t="s">
        <v>38</v>
      </c>
      <c r="G93" s="51" t="s">
        <v>97</v>
      </c>
      <c r="H93" s="51" t="s">
        <v>82</v>
      </c>
      <c r="I93" s="50">
        <v>4.7</v>
      </c>
    </row>
    <row r="94" spans="1:9" x14ac:dyDescent="0.35">
      <c r="A94" s="52" t="s">
        <v>78</v>
      </c>
      <c r="B94" s="51" t="s">
        <v>79</v>
      </c>
      <c r="C94" s="61">
        <v>337853551</v>
      </c>
      <c r="D94" s="62">
        <v>20</v>
      </c>
      <c r="E94" s="51">
        <v>202401</v>
      </c>
      <c r="F94" s="51" t="s">
        <v>38</v>
      </c>
      <c r="G94" s="51" t="s">
        <v>97</v>
      </c>
      <c r="H94" s="51" t="s">
        <v>82</v>
      </c>
      <c r="I94" s="50">
        <v>4.7</v>
      </c>
    </row>
    <row r="95" spans="1:9" x14ac:dyDescent="0.35">
      <c r="A95" s="52" t="s">
        <v>78</v>
      </c>
      <c r="B95" s="51" t="s">
        <v>79</v>
      </c>
      <c r="C95" s="61">
        <v>339146927</v>
      </c>
      <c r="D95" s="62">
        <v>20</v>
      </c>
      <c r="E95" s="51">
        <v>202401</v>
      </c>
      <c r="F95" s="51" t="s">
        <v>38</v>
      </c>
      <c r="G95" s="51" t="s">
        <v>97</v>
      </c>
      <c r="H95" s="51" t="s">
        <v>82</v>
      </c>
      <c r="I95" s="50">
        <v>4.7</v>
      </c>
    </row>
    <row r="96" spans="1:9" x14ac:dyDescent="0.35">
      <c r="A96" s="52" t="s">
        <v>78</v>
      </c>
      <c r="B96" s="51" t="s">
        <v>79</v>
      </c>
      <c r="C96" s="61">
        <v>339535887</v>
      </c>
      <c r="D96" s="62">
        <v>20</v>
      </c>
      <c r="E96" s="51">
        <v>202401</v>
      </c>
      <c r="F96" s="51" t="s">
        <v>38</v>
      </c>
      <c r="G96" s="51" t="s">
        <v>97</v>
      </c>
      <c r="H96" s="51" t="s">
        <v>82</v>
      </c>
      <c r="I96" s="50">
        <v>4.7</v>
      </c>
    </row>
    <row r="97" spans="1:9" x14ac:dyDescent="0.35">
      <c r="A97" s="52" t="s">
        <v>78</v>
      </c>
      <c r="B97" s="51" t="s">
        <v>79</v>
      </c>
      <c r="C97" s="61">
        <v>340290995</v>
      </c>
      <c r="D97" s="62">
        <v>20</v>
      </c>
      <c r="E97" s="51">
        <v>202401</v>
      </c>
      <c r="F97" s="51" t="s">
        <v>38</v>
      </c>
      <c r="G97" s="51" t="s">
        <v>97</v>
      </c>
      <c r="H97" s="51" t="s">
        <v>82</v>
      </c>
      <c r="I97" s="50">
        <v>4.7</v>
      </c>
    </row>
    <row r="98" spans="1:9" x14ac:dyDescent="0.35">
      <c r="A98" s="52" t="s">
        <v>78</v>
      </c>
      <c r="B98" s="51" t="s">
        <v>79</v>
      </c>
      <c r="C98" s="61">
        <v>342501158</v>
      </c>
      <c r="D98" s="62">
        <v>20</v>
      </c>
      <c r="E98" s="51">
        <v>202401</v>
      </c>
      <c r="F98" s="51" t="s">
        <v>38</v>
      </c>
      <c r="G98" s="51" t="s">
        <v>97</v>
      </c>
      <c r="H98" s="51" t="s">
        <v>82</v>
      </c>
      <c r="I98" s="50">
        <v>124</v>
      </c>
    </row>
    <row r="99" spans="1:9" x14ac:dyDescent="0.35">
      <c r="A99" s="52" t="s">
        <v>78</v>
      </c>
      <c r="B99" s="51" t="s">
        <v>79</v>
      </c>
      <c r="C99" s="61">
        <v>343904740</v>
      </c>
      <c r="D99" s="62">
        <v>20</v>
      </c>
      <c r="E99" s="51">
        <v>202401</v>
      </c>
      <c r="F99" s="51" t="s">
        <v>38</v>
      </c>
      <c r="G99" s="51" t="s">
        <v>97</v>
      </c>
      <c r="H99" s="51" t="s">
        <v>82</v>
      </c>
      <c r="I99" s="50">
        <v>4.7</v>
      </c>
    </row>
    <row r="100" spans="1:9" x14ac:dyDescent="0.35">
      <c r="A100" s="52" t="s">
        <v>78</v>
      </c>
      <c r="B100" s="51" t="s">
        <v>79</v>
      </c>
      <c r="C100" s="61">
        <v>345482021</v>
      </c>
      <c r="D100" s="62">
        <v>20</v>
      </c>
      <c r="E100" s="51">
        <v>202401</v>
      </c>
      <c r="F100" s="51" t="s">
        <v>38</v>
      </c>
      <c r="G100" s="51" t="s">
        <v>97</v>
      </c>
      <c r="H100" s="51" t="s">
        <v>82</v>
      </c>
      <c r="I100" s="50">
        <v>30</v>
      </c>
    </row>
    <row r="101" spans="1:9" x14ac:dyDescent="0.35">
      <c r="A101" s="52" t="s">
        <v>78</v>
      </c>
      <c r="B101" s="51" t="s">
        <v>79</v>
      </c>
      <c r="C101" s="61">
        <v>348805822</v>
      </c>
      <c r="D101" s="62">
        <v>20</v>
      </c>
      <c r="E101" s="51">
        <v>202401</v>
      </c>
      <c r="F101" s="51" t="s">
        <v>38</v>
      </c>
      <c r="G101" s="51" t="s">
        <v>97</v>
      </c>
      <c r="H101" s="51" t="s">
        <v>82</v>
      </c>
      <c r="I101" s="50">
        <v>30</v>
      </c>
    </row>
    <row r="102" spans="1:9" x14ac:dyDescent="0.35">
      <c r="A102" s="52" t="s">
        <v>78</v>
      </c>
      <c r="B102" s="51" t="s">
        <v>79</v>
      </c>
      <c r="C102" s="61">
        <v>350117233</v>
      </c>
      <c r="D102" s="62">
        <v>20</v>
      </c>
      <c r="E102" s="51">
        <v>202401</v>
      </c>
      <c r="F102" s="51" t="s">
        <v>38</v>
      </c>
      <c r="G102" s="51" t="s">
        <v>97</v>
      </c>
      <c r="H102" s="51" t="s">
        <v>82</v>
      </c>
      <c r="I102" s="50">
        <v>4.7</v>
      </c>
    </row>
    <row r="103" spans="1:9" x14ac:dyDescent="0.35">
      <c r="A103" s="52" t="s">
        <v>78</v>
      </c>
      <c r="B103" s="51" t="s">
        <v>79</v>
      </c>
      <c r="C103" s="61">
        <v>351848382</v>
      </c>
      <c r="D103" s="62">
        <v>20</v>
      </c>
      <c r="E103" s="51">
        <v>202401</v>
      </c>
      <c r="F103" s="51" t="s">
        <v>38</v>
      </c>
      <c r="G103" s="51" t="s">
        <v>97</v>
      </c>
      <c r="H103" s="51" t="s">
        <v>82</v>
      </c>
      <c r="I103" s="50">
        <v>4.7</v>
      </c>
    </row>
    <row r="104" spans="1:9" x14ac:dyDescent="0.35">
      <c r="A104" s="52" t="s">
        <v>78</v>
      </c>
      <c r="B104" s="51" t="s">
        <v>79</v>
      </c>
      <c r="C104" s="61">
        <v>354547356</v>
      </c>
      <c r="D104" s="62">
        <v>20</v>
      </c>
      <c r="E104" s="51">
        <v>202401</v>
      </c>
      <c r="F104" s="51" t="s">
        <v>38</v>
      </c>
      <c r="G104" s="51" t="s">
        <v>97</v>
      </c>
      <c r="H104" s="51" t="s">
        <v>82</v>
      </c>
      <c r="I104" s="50">
        <v>4.7</v>
      </c>
    </row>
    <row r="105" spans="1:9" x14ac:dyDescent="0.35">
      <c r="A105" s="52" t="s">
        <v>78</v>
      </c>
      <c r="B105" s="51" t="s">
        <v>79</v>
      </c>
      <c r="C105" s="61">
        <v>354635403</v>
      </c>
      <c r="D105" s="62">
        <v>20</v>
      </c>
      <c r="E105" s="51">
        <v>202401</v>
      </c>
      <c r="F105" s="51" t="s">
        <v>38</v>
      </c>
      <c r="G105" s="51" t="s">
        <v>97</v>
      </c>
      <c r="H105" s="51" t="s">
        <v>82</v>
      </c>
      <c r="I105" s="50">
        <v>4.7</v>
      </c>
    </row>
    <row r="106" spans="1:9" x14ac:dyDescent="0.35">
      <c r="A106" s="52" t="s">
        <v>78</v>
      </c>
      <c r="B106" s="51" t="s">
        <v>79</v>
      </c>
      <c r="C106" s="61">
        <v>358123483</v>
      </c>
      <c r="D106" s="62">
        <v>20</v>
      </c>
      <c r="E106" s="51">
        <v>202401</v>
      </c>
      <c r="F106" s="51" t="s">
        <v>38</v>
      </c>
      <c r="G106" s="51" t="s">
        <v>97</v>
      </c>
      <c r="H106" s="51" t="s">
        <v>82</v>
      </c>
      <c r="I106" s="50">
        <v>30</v>
      </c>
    </row>
    <row r="107" spans="1:9" x14ac:dyDescent="0.35">
      <c r="A107" s="52" t="s">
        <v>78</v>
      </c>
      <c r="B107" s="51" t="s">
        <v>79</v>
      </c>
      <c r="C107" s="61">
        <v>358703686</v>
      </c>
      <c r="D107" s="62">
        <v>20</v>
      </c>
      <c r="E107" s="51">
        <v>202401</v>
      </c>
      <c r="F107" s="51" t="s">
        <v>38</v>
      </c>
      <c r="G107" s="51" t="s">
        <v>97</v>
      </c>
      <c r="H107" s="51" t="s">
        <v>82</v>
      </c>
      <c r="I107" s="50">
        <v>30</v>
      </c>
    </row>
    <row r="108" spans="1:9" x14ac:dyDescent="0.35">
      <c r="A108" s="52" t="s">
        <v>78</v>
      </c>
      <c r="B108" s="51" t="s">
        <v>79</v>
      </c>
      <c r="C108" s="61">
        <v>359359470</v>
      </c>
      <c r="D108" s="62">
        <v>20</v>
      </c>
      <c r="E108" s="51">
        <v>202401</v>
      </c>
      <c r="F108" s="51" t="s">
        <v>38</v>
      </c>
      <c r="G108" s="51" t="s">
        <v>97</v>
      </c>
      <c r="H108" s="51" t="s">
        <v>82</v>
      </c>
      <c r="I108" s="50">
        <v>4.7</v>
      </c>
    </row>
    <row r="109" spans="1:9" x14ac:dyDescent="0.35">
      <c r="A109" s="52" t="s">
        <v>78</v>
      </c>
      <c r="B109" s="51" t="s">
        <v>79</v>
      </c>
      <c r="C109" s="61">
        <v>359601632</v>
      </c>
      <c r="D109" s="62">
        <v>20</v>
      </c>
      <c r="E109" s="51">
        <v>202401</v>
      </c>
      <c r="F109" s="51" t="s">
        <v>38</v>
      </c>
      <c r="G109" s="51" t="s">
        <v>97</v>
      </c>
      <c r="H109" s="51" t="s">
        <v>82</v>
      </c>
      <c r="I109" s="50">
        <v>4.7</v>
      </c>
    </row>
    <row r="110" spans="1:9" x14ac:dyDescent="0.35">
      <c r="A110" s="52" t="s">
        <v>78</v>
      </c>
      <c r="B110" s="51" t="s">
        <v>79</v>
      </c>
      <c r="C110" s="61">
        <v>359601632</v>
      </c>
      <c r="D110" s="62">
        <v>20</v>
      </c>
      <c r="E110" s="51">
        <v>202401</v>
      </c>
      <c r="F110" s="51" t="s">
        <v>38</v>
      </c>
      <c r="G110" s="51" t="s">
        <v>97</v>
      </c>
      <c r="H110" s="51" t="s">
        <v>82</v>
      </c>
      <c r="I110" s="50">
        <v>4.7</v>
      </c>
    </row>
    <row r="111" spans="1:9" x14ac:dyDescent="0.35">
      <c r="A111" s="52" t="s">
        <v>78</v>
      </c>
      <c r="B111" s="51" t="s">
        <v>79</v>
      </c>
      <c r="C111" s="61">
        <v>360003743</v>
      </c>
      <c r="D111" s="62">
        <v>20</v>
      </c>
      <c r="E111" s="51">
        <v>202401</v>
      </c>
      <c r="F111" s="51" t="s">
        <v>38</v>
      </c>
      <c r="G111" s="51" t="s">
        <v>97</v>
      </c>
      <c r="H111" s="51" t="s">
        <v>82</v>
      </c>
      <c r="I111" s="50">
        <v>4.7</v>
      </c>
    </row>
    <row r="112" spans="1:9" x14ac:dyDescent="0.35">
      <c r="A112" s="52" t="s">
        <v>78</v>
      </c>
      <c r="B112" s="51" t="s">
        <v>79</v>
      </c>
      <c r="C112" s="61">
        <v>360013440</v>
      </c>
      <c r="D112" s="62">
        <v>20</v>
      </c>
      <c r="E112" s="51">
        <v>202401</v>
      </c>
      <c r="F112" s="51" t="s">
        <v>38</v>
      </c>
      <c r="G112" s="51" t="s">
        <v>97</v>
      </c>
      <c r="H112" s="51" t="s">
        <v>82</v>
      </c>
      <c r="I112" s="50">
        <v>4.7</v>
      </c>
    </row>
    <row r="113" spans="1:9" x14ac:dyDescent="0.35">
      <c r="A113" s="52" t="s">
        <v>78</v>
      </c>
      <c r="B113" s="51" t="s">
        <v>79</v>
      </c>
      <c r="C113" s="61">
        <v>363101217</v>
      </c>
      <c r="D113" s="62">
        <v>20</v>
      </c>
      <c r="E113" s="51">
        <v>202401</v>
      </c>
      <c r="F113" s="51" t="s">
        <v>38</v>
      </c>
      <c r="G113" s="51" t="s">
        <v>97</v>
      </c>
      <c r="H113" s="51" t="s">
        <v>82</v>
      </c>
      <c r="I113" s="50">
        <v>4.7</v>
      </c>
    </row>
    <row r="114" spans="1:9" x14ac:dyDescent="0.35">
      <c r="A114" s="52" t="s">
        <v>78</v>
      </c>
      <c r="B114" s="51" t="s">
        <v>79</v>
      </c>
      <c r="C114" s="61">
        <v>363705073</v>
      </c>
      <c r="D114" s="62">
        <v>20</v>
      </c>
      <c r="E114" s="51">
        <v>202401</v>
      </c>
      <c r="F114" s="51" t="s">
        <v>38</v>
      </c>
      <c r="G114" s="51" t="s">
        <v>97</v>
      </c>
      <c r="H114" s="51" t="s">
        <v>82</v>
      </c>
      <c r="I114" s="50">
        <v>4.7</v>
      </c>
    </row>
    <row r="115" spans="1:9" x14ac:dyDescent="0.35">
      <c r="A115" s="52" t="s">
        <v>78</v>
      </c>
      <c r="B115" s="51" t="s">
        <v>79</v>
      </c>
      <c r="C115" s="61">
        <v>364202281</v>
      </c>
      <c r="D115" s="62">
        <v>20</v>
      </c>
      <c r="E115" s="51">
        <v>202401</v>
      </c>
      <c r="F115" s="51" t="s">
        <v>38</v>
      </c>
      <c r="G115" s="51" t="s">
        <v>97</v>
      </c>
      <c r="H115" s="51" t="s">
        <v>82</v>
      </c>
      <c r="I115" s="50">
        <v>4.7</v>
      </c>
    </row>
    <row r="116" spans="1:9" x14ac:dyDescent="0.35">
      <c r="A116" s="52" t="s">
        <v>78</v>
      </c>
      <c r="B116" s="51" t="s">
        <v>79</v>
      </c>
      <c r="C116" s="61">
        <v>367755760</v>
      </c>
      <c r="D116" s="62">
        <v>20</v>
      </c>
      <c r="E116" s="51">
        <v>202401</v>
      </c>
      <c r="F116" s="51" t="s">
        <v>38</v>
      </c>
      <c r="G116" s="51" t="s">
        <v>97</v>
      </c>
      <c r="H116" s="51" t="s">
        <v>82</v>
      </c>
      <c r="I116" s="50">
        <v>4.7</v>
      </c>
    </row>
    <row r="117" spans="1:9" x14ac:dyDescent="0.35">
      <c r="A117" s="52" t="s">
        <v>78</v>
      </c>
      <c r="B117" s="51" t="s">
        <v>79</v>
      </c>
      <c r="C117" s="61">
        <v>367755760</v>
      </c>
      <c r="D117" s="62">
        <v>20</v>
      </c>
      <c r="E117" s="51">
        <v>202401</v>
      </c>
      <c r="F117" s="51" t="s">
        <v>38</v>
      </c>
      <c r="G117" s="51" t="s">
        <v>97</v>
      </c>
      <c r="H117" s="51" t="s">
        <v>82</v>
      </c>
      <c r="I117" s="50">
        <v>4.7</v>
      </c>
    </row>
    <row r="118" spans="1:9" x14ac:dyDescent="0.35">
      <c r="A118" s="52" t="s">
        <v>78</v>
      </c>
      <c r="B118" s="51" t="s">
        <v>79</v>
      </c>
      <c r="C118" s="61">
        <v>370302749</v>
      </c>
      <c r="D118" s="62">
        <v>20</v>
      </c>
      <c r="E118" s="51">
        <v>202401</v>
      </c>
      <c r="F118" s="51" t="s">
        <v>38</v>
      </c>
      <c r="G118" s="51" t="s">
        <v>97</v>
      </c>
      <c r="H118" s="51" t="s">
        <v>82</v>
      </c>
      <c r="I118" s="50">
        <v>4.7</v>
      </c>
    </row>
    <row r="119" spans="1:9" x14ac:dyDescent="0.35">
      <c r="A119" s="52" t="s">
        <v>78</v>
      </c>
      <c r="B119" s="51" t="s">
        <v>79</v>
      </c>
      <c r="C119" s="61">
        <v>370761454</v>
      </c>
      <c r="D119" s="62">
        <v>20</v>
      </c>
      <c r="E119" s="51">
        <v>202401</v>
      </c>
      <c r="F119" s="51" t="s">
        <v>38</v>
      </c>
      <c r="G119" s="51" t="s">
        <v>97</v>
      </c>
      <c r="H119" s="51" t="s">
        <v>82</v>
      </c>
      <c r="I119" s="50">
        <v>4.7</v>
      </c>
    </row>
    <row r="120" spans="1:9" x14ac:dyDescent="0.35">
      <c r="A120" s="52" t="s">
        <v>78</v>
      </c>
      <c r="B120" s="51" t="s">
        <v>79</v>
      </c>
      <c r="C120" s="61">
        <v>375601105</v>
      </c>
      <c r="D120" s="62">
        <v>20</v>
      </c>
      <c r="E120" s="51">
        <v>202401</v>
      </c>
      <c r="F120" s="51" t="s">
        <v>38</v>
      </c>
      <c r="G120" s="51" t="s">
        <v>97</v>
      </c>
      <c r="H120" s="51" t="s">
        <v>82</v>
      </c>
      <c r="I120" s="50">
        <v>4.7</v>
      </c>
    </row>
    <row r="121" spans="1:9" x14ac:dyDescent="0.35">
      <c r="A121" s="52" t="s">
        <v>78</v>
      </c>
      <c r="B121" s="51" t="s">
        <v>79</v>
      </c>
      <c r="C121" s="61">
        <v>376101150</v>
      </c>
      <c r="D121" s="62">
        <v>20</v>
      </c>
      <c r="E121" s="51">
        <v>202401</v>
      </c>
      <c r="F121" s="51" t="s">
        <v>38</v>
      </c>
      <c r="G121" s="51" t="s">
        <v>97</v>
      </c>
      <c r="H121" s="51" t="s">
        <v>82</v>
      </c>
      <c r="I121" s="50">
        <v>4.7</v>
      </c>
    </row>
    <row r="122" spans="1:9" x14ac:dyDescent="0.35">
      <c r="A122" s="52" t="s">
        <v>78</v>
      </c>
      <c r="B122" s="51" t="s">
        <v>79</v>
      </c>
      <c r="C122" s="61">
        <v>376386821</v>
      </c>
      <c r="D122" s="62">
        <v>20</v>
      </c>
      <c r="E122" s="51">
        <v>202401</v>
      </c>
      <c r="F122" s="51" t="s">
        <v>38</v>
      </c>
      <c r="G122" s="51" t="s">
        <v>97</v>
      </c>
      <c r="H122" s="51" t="s">
        <v>82</v>
      </c>
      <c r="I122" s="50">
        <v>4.7</v>
      </c>
    </row>
    <row r="123" spans="1:9" x14ac:dyDescent="0.35">
      <c r="A123" s="52" t="s">
        <v>78</v>
      </c>
      <c r="B123" s="51" t="s">
        <v>79</v>
      </c>
      <c r="C123" s="61">
        <v>376801496</v>
      </c>
      <c r="D123" s="62">
        <v>20</v>
      </c>
      <c r="E123" s="51">
        <v>202401</v>
      </c>
      <c r="F123" s="51" t="s">
        <v>38</v>
      </c>
      <c r="G123" s="51" t="s">
        <v>97</v>
      </c>
      <c r="H123" s="51" t="s">
        <v>82</v>
      </c>
      <c r="I123" s="50">
        <v>30</v>
      </c>
    </row>
    <row r="124" spans="1:9" x14ac:dyDescent="0.35">
      <c r="A124" s="52" t="s">
        <v>78</v>
      </c>
      <c r="B124" s="51" t="s">
        <v>79</v>
      </c>
      <c r="C124" s="61">
        <v>378229330</v>
      </c>
      <c r="D124" s="62">
        <v>20</v>
      </c>
      <c r="E124" s="51">
        <v>202401</v>
      </c>
      <c r="F124" s="51" t="s">
        <v>38</v>
      </c>
      <c r="G124" s="51" t="s">
        <v>97</v>
      </c>
      <c r="H124" s="51" t="s">
        <v>82</v>
      </c>
      <c r="I124" s="50">
        <v>4.7</v>
      </c>
    </row>
    <row r="125" spans="1:9" x14ac:dyDescent="0.35">
      <c r="A125" s="52" t="s">
        <v>78</v>
      </c>
      <c r="B125" s="51" t="s">
        <v>79</v>
      </c>
      <c r="C125" s="61">
        <v>380388092</v>
      </c>
      <c r="D125" s="62">
        <v>20</v>
      </c>
      <c r="E125" s="51">
        <v>202401</v>
      </c>
      <c r="F125" s="51" t="s">
        <v>38</v>
      </c>
      <c r="G125" s="51" t="s">
        <v>97</v>
      </c>
      <c r="H125" s="51" t="s">
        <v>82</v>
      </c>
      <c r="I125" s="50">
        <v>4.7</v>
      </c>
    </row>
    <row r="126" spans="1:9" x14ac:dyDescent="0.35">
      <c r="A126" s="52" t="s">
        <v>78</v>
      </c>
      <c r="B126" s="51" t="s">
        <v>79</v>
      </c>
      <c r="C126" s="61">
        <v>381544352</v>
      </c>
      <c r="D126" s="62">
        <v>20</v>
      </c>
      <c r="E126" s="51">
        <v>202401</v>
      </c>
      <c r="F126" s="51" t="s">
        <v>38</v>
      </c>
      <c r="G126" s="51" t="s">
        <v>97</v>
      </c>
      <c r="H126" s="51" t="s">
        <v>82</v>
      </c>
      <c r="I126" s="50">
        <v>4.7</v>
      </c>
    </row>
    <row r="127" spans="1:9" x14ac:dyDescent="0.35">
      <c r="A127" s="52" t="s">
        <v>78</v>
      </c>
      <c r="B127" s="51" t="s">
        <v>79</v>
      </c>
      <c r="C127" s="61">
        <v>383802083</v>
      </c>
      <c r="D127" s="62">
        <v>20</v>
      </c>
      <c r="E127" s="51">
        <v>202401</v>
      </c>
      <c r="F127" s="51" t="s">
        <v>38</v>
      </c>
      <c r="G127" s="51" t="s">
        <v>97</v>
      </c>
      <c r="H127" s="51" t="s">
        <v>82</v>
      </c>
      <c r="I127" s="50">
        <v>30</v>
      </c>
    </row>
    <row r="128" spans="1:9" x14ac:dyDescent="0.35">
      <c r="A128" s="52" t="s">
        <v>78</v>
      </c>
      <c r="B128" s="51" t="s">
        <v>79</v>
      </c>
      <c r="C128" s="61">
        <v>384402113</v>
      </c>
      <c r="D128" s="62">
        <v>20</v>
      </c>
      <c r="E128" s="51">
        <v>202401</v>
      </c>
      <c r="F128" s="51" t="s">
        <v>38</v>
      </c>
      <c r="G128" s="51" t="s">
        <v>97</v>
      </c>
      <c r="H128" s="51" t="s">
        <v>82</v>
      </c>
      <c r="I128" s="50">
        <v>4.7</v>
      </c>
    </row>
    <row r="129" spans="1:9" x14ac:dyDescent="0.35">
      <c r="A129" s="52" t="s">
        <v>78</v>
      </c>
      <c r="B129" s="51" t="s">
        <v>79</v>
      </c>
      <c r="C129" s="61">
        <v>384601049</v>
      </c>
      <c r="D129" s="62">
        <v>20</v>
      </c>
      <c r="E129" s="51">
        <v>202401</v>
      </c>
      <c r="F129" s="51" t="s">
        <v>38</v>
      </c>
      <c r="G129" s="51" t="s">
        <v>97</v>
      </c>
      <c r="H129" s="51" t="s">
        <v>82</v>
      </c>
      <c r="I129" s="50">
        <v>4.7</v>
      </c>
    </row>
    <row r="130" spans="1:9" x14ac:dyDescent="0.35">
      <c r="A130" s="52" t="s">
        <v>78</v>
      </c>
      <c r="B130" s="51" t="s">
        <v>79</v>
      </c>
      <c r="C130" s="61">
        <v>384936438</v>
      </c>
      <c r="D130" s="62">
        <v>20</v>
      </c>
      <c r="E130" s="51">
        <v>202401</v>
      </c>
      <c r="F130" s="51" t="s">
        <v>38</v>
      </c>
      <c r="G130" s="51" t="s">
        <v>97</v>
      </c>
      <c r="H130" s="51" t="s">
        <v>82</v>
      </c>
      <c r="I130" s="50">
        <v>4.7</v>
      </c>
    </row>
    <row r="131" spans="1:9" x14ac:dyDescent="0.35">
      <c r="A131" s="52" t="s">
        <v>78</v>
      </c>
      <c r="B131" s="51" t="s">
        <v>79</v>
      </c>
      <c r="C131" s="61">
        <v>386825312</v>
      </c>
      <c r="D131" s="62">
        <v>20</v>
      </c>
      <c r="E131" s="51">
        <v>202401</v>
      </c>
      <c r="F131" s="51" t="s">
        <v>38</v>
      </c>
      <c r="G131" s="51" t="s">
        <v>97</v>
      </c>
      <c r="H131" s="51" t="s">
        <v>82</v>
      </c>
      <c r="I131" s="50">
        <v>4.7</v>
      </c>
    </row>
    <row r="132" spans="1:9" x14ac:dyDescent="0.35">
      <c r="A132" s="52" t="s">
        <v>78</v>
      </c>
      <c r="B132" s="51" t="s">
        <v>79</v>
      </c>
      <c r="C132" s="61">
        <v>388266288</v>
      </c>
      <c r="D132" s="62">
        <v>20</v>
      </c>
      <c r="E132" s="51">
        <v>202401</v>
      </c>
      <c r="F132" s="51" t="s">
        <v>38</v>
      </c>
      <c r="G132" s="51" t="s">
        <v>97</v>
      </c>
      <c r="H132" s="51" t="s">
        <v>82</v>
      </c>
      <c r="I132" s="50">
        <v>4.7</v>
      </c>
    </row>
    <row r="133" spans="1:9" x14ac:dyDescent="0.35">
      <c r="A133" s="52" t="s">
        <v>78</v>
      </c>
      <c r="B133" s="51" t="s">
        <v>79</v>
      </c>
      <c r="C133" s="61">
        <v>388705413</v>
      </c>
      <c r="D133" s="62">
        <v>20</v>
      </c>
      <c r="E133" s="51">
        <v>202401</v>
      </c>
      <c r="F133" s="51" t="s">
        <v>38</v>
      </c>
      <c r="G133" s="51" t="s">
        <v>97</v>
      </c>
      <c r="H133" s="51" t="s">
        <v>82</v>
      </c>
      <c r="I133" s="50">
        <v>4.7</v>
      </c>
    </row>
    <row r="134" spans="1:9" x14ac:dyDescent="0.35">
      <c r="A134" s="52" t="s">
        <v>78</v>
      </c>
      <c r="B134" s="51" t="s">
        <v>79</v>
      </c>
      <c r="C134" s="61">
        <v>389243651</v>
      </c>
      <c r="D134" s="62">
        <v>20</v>
      </c>
      <c r="E134" s="51">
        <v>202401</v>
      </c>
      <c r="F134" s="51" t="s">
        <v>38</v>
      </c>
      <c r="G134" s="51" t="s">
        <v>97</v>
      </c>
      <c r="H134" s="51" t="s">
        <v>82</v>
      </c>
      <c r="I134" s="50">
        <v>4.7</v>
      </c>
    </row>
    <row r="135" spans="1:9" x14ac:dyDescent="0.35">
      <c r="A135" s="52" t="s">
        <v>78</v>
      </c>
      <c r="B135" s="51" t="s">
        <v>79</v>
      </c>
      <c r="C135" s="61">
        <v>389302717</v>
      </c>
      <c r="D135" s="62">
        <v>20</v>
      </c>
      <c r="E135" s="51">
        <v>202401</v>
      </c>
      <c r="F135" s="51" t="s">
        <v>38</v>
      </c>
      <c r="G135" s="51" t="s">
        <v>97</v>
      </c>
      <c r="H135" s="51" t="s">
        <v>82</v>
      </c>
      <c r="I135" s="50">
        <v>4.7</v>
      </c>
    </row>
    <row r="136" spans="1:9" x14ac:dyDescent="0.35">
      <c r="A136" s="52" t="s">
        <v>78</v>
      </c>
      <c r="B136" s="51" t="s">
        <v>79</v>
      </c>
      <c r="C136" s="61">
        <v>390271107</v>
      </c>
      <c r="D136" s="62">
        <v>20</v>
      </c>
      <c r="E136" s="51">
        <v>202401</v>
      </c>
      <c r="F136" s="51" t="s">
        <v>38</v>
      </c>
      <c r="G136" s="51" t="s">
        <v>97</v>
      </c>
      <c r="H136" s="51" t="s">
        <v>82</v>
      </c>
      <c r="I136" s="50">
        <v>4.7</v>
      </c>
    </row>
    <row r="137" spans="1:9" x14ac:dyDescent="0.35">
      <c r="A137" s="52" t="s">
        <v>78</v>
      </c>
      <c r="B137" s="51" t="s">
        <v>79</v>
      </c>
      <c r="C137" s="61">
        <v>391800736</v>
      </c>
      <c r="D137" s="62">
        <v>20</v>
      </c>
      <c r="E137" s="51">
        <v>202401</v>
      </c>
      <c r="F137" s="51" t="s">
        <v>38</v>
      </c>
      <c r="G137" s="51" t="s">
        <v>97</v>
      </c>
      <c r="H137" s="51" t="s">
        <v>82</v>
      </c>
      <c r="I137" s="50">
        <v>4.7</v>
      </c>
    </row>
    <row r="138" spans="1:9" x14ac:dyDescent="0.35">
      <c r="A138" s="52" t="s">
        <v>78</v>
      </c>
      <c r="B138" s="51" t="s">
        <v>79</v>
      </c>
      <c r="C138" s="61">
        <v>392501378</v>
      </c>
      <c r="D138" s="62">
        <v>20</v>
      </c>
      <c r="E138" s="51">
        <v>202401</v>
      </c>
      <c r="F138" s="51" t="s">
        <v>38</v>
      </c>
      <c r="G138" s="51" t="s">
        <v>97</v>
      </c>
      <c r="H138" s="51" t="s">
        <v>82</v>
      </c>
      <c r="I138" s="50">
        <v>4.7</v>
      </c>
    </row>
    <row r="139" spans="1:9" x14ac:dyDescent="0.35">
      <c r="A139" s="52" t="s">
        <v>78</v>
      </c>
      <c r="B139" s="51" t="s">
        <v>79</v>
      </c>
      <c r="C139" s="61">
        <v>393510337</v>
      </c>
      <c r="D139" s="62">
        <v>20</v>
      </c>
      <c r="E139" s="51">
        <v>202401</v>
      </c>
      <c r="F139" s="51" t="s">
        <v>38</v>
      </c>
      <c r="G139" s="51" t="s">
        <v>97</v>
      </c>
      <c r="H139" s="51" t="s">
        <v>82</v>
      </c>
      <c r="I139" s="50">
        <v>4.7</v>
      </c>
    </row>
    <row r="140" spans="1:9" x14ac:dyDescent="0.35">
      <c r="A140" s="52" t="s">
        <v>78</v>
      </c>
      <c r="B140" s="51" t="s">
        <v>79</v>
      </c>
      <c r="C140" s="61">
        <v>393872070</v>
      </c>
      <c r="D140" s="62">
        <v>20</v>
      </c>
      <c r="E140" s="51">
        <v>202401</v>
      </c>
      <c r="F140" s="51" t="s">
        <v>38</v>
      </c>
      <c r="G140" s="51" t="s">
        <v>97</v>
      </c>
      <c r="H140" s="51" t="s">
        <v>82</v>
      </c>
      <c r="I140" s="50">
        <v>4.7</v>
      </c>
    </row>
    <row r="141" spans="1:9" x14ac:dyDescent="0.35">
      <c r="A141" s="52" t="s">
        <v>78</v>
      </c>
      <c r="B141" s="51" t="s">
        <v>79</v>
      </c>
      <c r="C141" s="61">
        <v>394206635</v>
      </c>
      <c r="D141" s="62">
        <v>20</v>
      </c>
      <c r="E141" s="51">
        <v>202401</v>
      </c>
      <c r="F141" s="51" t="s">
        <v>38</v>
      </c>
      <c r="G141" s="51" t="s">
        <v>97</v>
      </c>
      <c r="H141" s="51" t="s">
        <v>82</v>
      </c>
      <c r="I141" s="50">
        <v>30</v>
      </c>
    </row>
    <row r="142" spans="1:9" x14ac:dyDescent="0.35">
      <c r="A142" s="52" t="s">
        <v>78</v>
      </c>
      <c r="B142" s="51" t="s">
        <v>79</v>
      </c>
      <c r="C142" s="61">
        <v>396700861</v>
      </c>
      <c r="D142" s="62">
        <v>20</v>
      </c>
      <c r="E142" s="51">
        <v>202401</v>
      </c>
      <c r="F142" s="51" t="s">
        <v>38</v>
      </c>
      <c r="G142" s="51" t="s">
        <v>97</v>
      </c>
      <c r="H142" s="51" t="s">
        <v>82</v>
      </c>
      <c r="I142" s="50">
        <v>4.7</v>
      </c>
    </row>
    <row r="143" spans="1:9" x14ac:dyDescent="0.35">
      <c r="A143" s="52" t="s">
        <v>78</v>
      </c>
      <c r="B143" s="51" t="s">
        <v>79</v>
      </c>
      <c r="C143" s="61">
        <v>398800815</v>
      </c>
      <c r="D143" s="62">
        <v>20</v>
      </c>
      <c r="E143" s="51">
        <v>202401</v>
      </c>
      <c r="F143" s="51" t="s">
        <v>38</v>
      </c>
      <c r="G143" s="51" t="s">
        <v>97</v>
      </c>
      <c r="H143" s="51" t="s">
        <v>82</v>
      </c>
      <c r="I143" s="50">
        <v>4.7</v>
      </c>
    </row>
    <row r="144" spans="1:9" x14ac:dyDescent="0.35">
      <c r="A144" s="52" t="s">
        <v>78</v>
      </c>
      <c r="B144" s="51" t="s">
        <v>79</v>
      </c>
      <c r="C144" s="61">
        <v>304327225</v>
      </c>
      <c r="D144" s="62">
        <v>211</v>
      </c>
      <c r="E144" s="51">
        <v>202401</v>
      </c>
      <c r="F144" s="51" t="s">
        <v>38</v>
      </c>
      <c r="G144" s="51" t="s">
        <v>97</v>
      </c>
      <c r="H144" s="51" t="s">
        <v>82</v>
      </c>
      <c r="I144" s="50">
        <v>4.7</v>
      </c>
    </row>
    <row r="145" spans="1:9" x14ac:dyDescent="0.35">
      <c r="A145" s="52" t="s">
        <v>78</v>
      </c>
      <c r="B145" s="51" t="s">
        <v>79</v>
      </c>
      <c r="C145" s="61">
        <v>309678752</v>
      </c>
      <c r="D145" s="62">
        <v>211</v>
      </c>
      <c r="E145" s="51">
        <v>202401</v>
      </c>
      <c r="F145" s="51" t="s">
        <v>38</v>
      </c>
      <c r="G145" s="51" t="s">
        <v>97</v>
      </c>
      <c r="H145" s="51" t="s">
        <v>82</v>
      </c>
      <c r="I145" s="50">
        <v>4.7</v>
      </c>
    </row>
    <row r="146" spans="1:9" x14ac:dyDescent="0.35">
      <c r="A146" s="52" t="s">
        <v>78</v>
      </c>
      <c r="B146" s="51" t="s">
        <v>79</v>
      </c>
      <c r="C146" s="61">
        <v>310302363</v>
      </c>
      <c r="D146" s="62">
        <v>211</v>
      </c>
      <c r="E146" s="51">
        <v>202401</v>
      </c>
      <c r="F146" s="51" t="s">
        <v>38</v>
      </c>
      <c r="G146" s="51" t="s">
        <v>97</v>
      </c>
      <c r="H146" s="51" t="s">
        <v>82</v>
      </c>
      <c r="I146" s="50">
        <v>4.7</v>
      </c>
    </row>
    <row r="147" spans="1:9" x14ac:dyDescent="0.35">
      <c r="A147" s="52" t="s">
        <v>78</v>
      </c>
      <c r="B147" s="51" t="s">
        <v>79</v>
      </c>
      <c r="C147" s="61">
        <v>311378650</v>
      </c>
      <c r="D147" s="62">
        <v>211</v>
      </c>
      <c r="E147" s="51">
        <v>202401</v>
      </c>
      <c r="F147" s="51" t="s">
        <v>38</v>
      </c>
      <c r="G147" s="51" t="s">
        <v>97</v>
      </c>
      <c r="H147" s="51" t="s">
        <v>82</v>
      </c>
      <c r="I147" s="50">
        <v>4.7</v>
      </c>
    </row>
    <row r="148" spans="1:9" x14ac:dyDescent="0.35">
      <c r="A148" s="52" t="s">
        <v>78</v>
      </c>
      <c r="B148" s="51" t="s">
        <v>79</v>
      </c>
      <c r="C148" s="61">
        <v>320461732</v>
      </c>
      <c r="D148" s="62">
        <v>211</v>
      </c>
      <c r="E148" s="51">
        <v>202401</v>
      </c>
      <c r="F148" s="51" t="s">
        <v>38</v>
      </c>
      <c r="G148" s="51" t="s">
        <v>97</v>
      </c>
      <c r="H148" s="51" t="s">
        <v>82</v>
      </c>
      <c r="I148" s="50">
        <v>4.7</v>
      </c>
    </row>
    <row r="149" spans="1:9" x14ac:dyDescent="0.35">
      <c r="A149" s="52" t="s">
        <v>78</v>
      </c>
      <c r="B149" s="51" t="s">
        <v>79</v>
      </c>
      <c r="C149" s="61">
        <v>320704540</v>
      </c>
      <c r="D149" s="62">
        <v>211</v>
      </c>
      <c r="E149" s="51">
        <v>202401</v>
      </c>
      <c r="F149" s="51" t="s">
        <v>38</v>
      </c>
      <c r="G149" s="51" t="s">
        <v>97</v>
      </c>
      <c r="H149" s="51" t="s">
        <v>82</v>
      </c>
      <c r="I149" s="50">
        <v>4.7</v>
      </c>
    </row>
    <row r="150" spans="1:9" x14ac:dyDescent="0.35">
      <c r="A150" s="52" t="s">
        <v>78</v>
      </c>
      <c r="B150" s="51" t="s">
        <v>79</v>
      </c>
      <c r="C150" s="61">
        <v>329742780</v>
      </c>
      <c r="D150" s="62">
        <v>211</v>
      </c>
      <c r="E150" s="51">
        <v>202401</v>
      </c>
      <c r="F150" s="51" t="s">
        <v>38</v>
      </c>
      <c r="G150" s="51" t="s">
        <v>97</v>
      </c>
      <c r="H150" s="51" t="s">
        <v>82</v>
      </c>
      <c r="I150" s="50">
        <v>4.7</v>
      </c>
    </row>
    <row r="151" spans="1:9" x14ac:dyDescent="0.35">
      <c r="A151" s="52" t="s">
        <v>78</v>
      </c>
      <c r="B151" s="51" t="s">
        <v>79</v>
      </c>
      <c r="C151" s="61">
        <v>337992591</v>
      </c>
      <c r="D151" s="62">
        <v>211</v>
      </c>
      <c r="E151" s="51">
        <v>202401</v>
      </c>
      <c r="F151" s="51" t="s">
        <v>38</v>
      </c>
      <c r="G151" s="51" t="s">
        <v>97</v>
      </c>
      <c r="H151" s="51" t="s">
        <v>82</v>
      </c>
      <c r="I151" s="50">
        <v>4.7</v>
      </c>
    </row>
    <row r="152" spans="1:9" x14ac:dyDescent="0.35">
      <c r="A152" s="52" t="s">
        <v>78</v>
      </c>
      <c r="B152" s="51" t="s">
        <v>79</v>
      </c>
      <c r="C152" s="61">
        <v>339422842</v>
      </c>
      <c r="D152" s="62">
        <v>211</v>
      </c>
      <c r="E152" s="51">
        <v>202401</v>
      </c>
      <c r="F152" s="51" t="s">
        <v>38</v>
      </c>
      <c r="G152" s="51" t="s">
        <v>97</v>
      </c>
      <c r="H152" s="51" t="s">
        <v>82</v>
      </c>
      <c r="I152" s="50">
        <v>4.7</v>
      </c>
    </row>
    <row r="153" spans="1:9" x14ac:dyDescent="0.35">
      <c r="A153" s="52" t="s">
        <v>78</v>
      </c>
      <c r="B153" s="51" t="s">
        <v>79</v>
      </c>
      <c r="C153" s="61">
        <v>347702325</v>
      </c>
      <c r="D153" s="62">
        <v>211</v>
      </c>
      <c r="E153" s="51">
        <v>202401</v>
      </c>
      <c r="F153" s="51" t="s">
        <v>38</v>
      </c>
      <c r="G153" s="51" t="s">
        <v>97</v>
      </c>
      <c r="H153" s="51" t="s">
        <v>82</v>
      </c>
      <c r="I153" s="50">
        <v>4.7</v>
      </c>
    </row>
    <row r="154" spans="1:9" x14ac:dyDescent="0.35">
      <c r="A154" s="52" t="s">
        <v>78</v>
      </c>
      <c r="B154" s="51" t="s">
        <v>79</v>
      </c>
      <c r="C154" s="61">
        <v>347803625</v>
      </c>
      <c r="D154" s="62">
        <v>211</v>
      </c>
      <c r="E154" s="51">
        <v>202401</v>
      </c>
      <c r="F154" s="51" t="s">
        <v>38</v>
      </c>
      <c r="G154" s="51" t="s">
        <v>97</v>
      </c>
      <c r="H154" s="51" t="s">
        <v>82</v>
      </c>
      <c r="I154" s="50">
        <v>4.7</v>
      </c>
    </row>
    <row r="155" spans="1:9" x14ac:dyDescent="0.35">
      <c r="A155" s="52" t="s">
        <v>78</v>
      </c>
      <c r="B155" s="51" t="s">
        <v>79</v>
      </c>
      <c r="C155" s="61">
        <v>349820992</v>
      </c>
      <c r="D155" s="62">
        <v>211</v>
      </c>
      <c r="E155" s="51">
        <v>202401</v>
      </c>
      <c r="F155" s="51" t="s">
        <v>38</v>
      </c>
      <c r="G155" s="51" t="s">
        <v>97</v>
      </c>
      <c r="H155" s="51" t="s">
        <v>82</v>
      </c>
      <c r="I155" s="50">
        <v>30</v>
      </c>
    </row>
    <row r="156" spans="1:9" x14ac:dyDescent="0.35">
      <c r="A156" s="52" t="s">
        <v>78</v>
      </c>
      <c r="B156" s="51" t="s">
        <v>79</v>
      </c>
      <c r="C156" s="61">
        <v>383644051</v>
      </c>
      <c r="D156" s="62">
        <v>211</v>
      </c>
      <c r="E156" s="51">
        <v>202401</v>
      </c>
      <c r="F156" s="51" t="s">
        <v>38</v>
      </c>
      <c r="G156" s="51" t="s">
        <v>97</v>
      </c>
      <c r="H156" s="51" t="s">
        <v>82</v>
      </c>
      <c r="I156" s="50">
        <v>4.7</v>
      </c>
    </row>
    <row r="157" spans="1:9" x14ac:dyDescent="0.35">
      <c r="A157" s="52" t="s">
        <v>78</v>
      </c>
      <c r="B157" s="51" t="s">
        <v>79</v>
      </c>
      <c r="C157" s="61">
        <v>396884461</v>
      </c>
      <c r="D157" s="62">
        <v>211</v>
      </c>
      <c r="E157" s="51">
        <v>202401</v>
      </c>
      <c r="F157" s="51" t="s">
        <v>38</v>
      </c>
      <c r="G157" s="51" t="s">
        <v>97</v>
      </c>
      <c r="H157" s="51" t="s">
        <v>82</v>
      </c>
      <c r="I157" s="50">
        <v>4.7</v>
      </c>
    </row>
    <row r="158" spans="1:9" x14ac:dyDescent="0.35">
      <c r="A158" s="52" t="s">
        <v>78</v>
      </c>
      <c r="B158" s="51" t="s">
        <v>79</v>
      </c>
      <c r="C158" s="61">
        <v>398760011</v>
      </c>
      <c r="D158" s="62">
        <v>211</v>
      </c>
      <c r="E158" s="51">
        <v>202401</v>
      </c>
      <c r="F158" s="51" t="s">
        <v>38</v>
      </c>
      <c r="G158" s="51" t="s">
        <v>97</v>
      </c>
      <c r="H158" s="51" t="s">
        <v>82</v>
      </c>
      <c r="I158" s="50">
        <v>4.7</v>
      </c>
    </row>
    <row r="159" spans="1:9" x14ac:dyDescent="0.35">
      <c r="A159" s="52" t="s">
        <v>78</v>
      </c>
      <c r="B159" s="51" t="s">
        <v>79</v>
      </c>
      <c r="C159" s="61">
        <v>336073630</v>
      </c>
      <c r="D159" s="62">
        <v>212</v>
      </c>
      <c r="E159" s="51">
        <v>202401</v>
      </c>
      <c r="F159" s="51" t="s">
        <v>38</v>
      </c>
      <c r="G159" s="51" t="s">
        <v>97</v>
      </c>
      <c r="H159" s="51" t="s">
        <v>82</v>
      </c>
      <c r="I159" s="50">
        <v>30</v>
      </c>
    </row>
    <row r="160" spans="1:9" x14ac:dyDescent="0.35">
      <c r="A160" s="52" t="s">
        <v>78</v>
      </c>
      <c r="B160" s="51" t="s">
        <v>79</v>
      </c>
      <c r="C160" s="61">
        <v>370300621</v>
      </c>
      <c r="D160" s="62">
        <v>212</v>
      </c>
      <c r="E160" s="51">
        <v>202401</v>
      </c>
      <c r="F160" s="51" t="s">
        <v>38</v>
      </c>
      <c r="G160" s="51" t="s">
        <v>97</v>
      </c>
      <c r="H160" s="51" t="s">
        <v>82</v>
      </c>
      <c r="I160" s="50">
        <v>4.7</v>
      </c>
    </row>
    <row r="161" spans="1:9" x14ac:dyDescent="0.35">
      <c r="A161" s="52" t="s">
        <v>78</v>
      </c>
      <c r="B161" s="51" t="s">
        <v>79</v>
      </c>
      <c r="C161" s="61">
        <v>332893704</v>
      </c>
      <c r="D161" s="62">
        <v>221</v>
      </c>
      <c r="E161" s="51">
        <v>202401</v>
      </c>
      <c r="F161" s="51" t="s">
        <v>38</v>
      </c>
      <c r="G161" s="51" t="s">
        <v>97</v>
      </c>
      <c r="H161" s="51" t="s">
        <v>82</v>
      </c>
      <c r="I161" s="50">
        <v>4.7</v>
      </c>
    </row>
    <row r="162" spans="1:9" x14ac:dyDescent="0.35">
      <c r="A162" s="52" t="s">
        <v>78</v>
      </c>
      <c r="B162" s="51" t="s">
        <v>79</v>
      </c>
      <c r="C162" s="61">
        <v>308705800</v>
      </c>
      <c r="D162" s="62">
        <v>230</v>
      </c>
      <c r="E162" s="51">
        <v>202401</v>
      </c>
      <c r="F162" s="51" t="s">
        <v>38</v>
      </c>
      <c r="G162" s="51" t="s">
        <v>97</v>
      </c>
      <c r="H162" s="51" t="s">
        <v>82</v>
      </c>
      <c r="I162" s="50">
        <v>4.7</v>
      </c>
    </row>
    <row r="163" spans="1:9" x14ac:dyDescent="0.35">
      <c r="A163" s="52" t="s">
        <v>78</v>
      </c>
      <c r="B163" s="51" t="s">
        <v>79</v>
      </c>
      <c r="C163" s="61">
        <v>303702791</v>
      </c>
      <c r="D163" s="62">
        <v>10</v>
      </c>
      <c r="E163" s="51">
        <v>202402</v>
      </c>
      <c r="F163" s="51" t="s">
        <v>38</v>
      </c>
      <c r="G163" s="51" t="s">
        <v>97</v>
      </c>
      <c r="H163" s="51" t="s">
        <v>82</v>
      </c>
      <c r="I163" s="50">
        <v>4.7</v>
      </c>
    </row>
    <row r="164" spans="1:9" x14ac:dyDescent="0.35">
      <c r="A164" s="52" t="s">
        <v>78</v>
      </c>
      <c r="B164" s="51" t="s">
        <v>79</v>
      </c>
      <c r="C164" s="61">
        <v>311601045</v>
      </c>
      <c r="D164" s="62">
        <v>10</v>
      </c>
      <c r="E164" s="51">
        <v>202402</v>
      </c>
      <c r="F164" s="51" t="s">
        <v>38</v>
      </c>
      <c r="G164" s="51" t="s">
        <v>97</v>
      </c>
      <c r="H164" s="51" t="s">
        <v>82</v>
      </c>
      <c r="I164" s="50">
        <v>4.7</v>
      </c>
    </row>
    <row r="165" spans="1:9" x14ac:dyDescent="0.35">
      <c r="A165" s="52" t="s">
        <v>78</v>
      </c>
      <c r="B165" s="51" t="s">
        <v>79</v>
      </c>
      <c r="C165" s="61">
        <v>313324777</v>
      </c>
      <c r="D165" s="62">
        <v>10</v>
      </c>
      <c r="E165" s="51">
        <v>202402</v>
      </c>
      <c r="F165" s="51" t="s">
        <v>38</v>
      </c>
      <c r="G165" s="51" t="s">
        <v>97</v>
      </c>
      <c r="H165" s="51" t="s">
        <v>82</v>
      </c>
      <c r="I165" s="50">
        <v>4.7</v>
      </c>
    </row>
    <row r="166" spans="1:9" x14ac:dyDescent="0.35">
      <c r="A166" s="52" t="s">
        <v>78</v>
      </c>
      <c r="B166" s="51" t="s">
        <v>79</v>
      </c>
      <c r="C166" s="61">
        <v>314951529</v>
      </c>
      <c r="D166" s="62">
        <v>10</v>
      </c>
      <c r="E166" s="51">
        <v>202402</v>
      </c>
      <c r="F166" s="51" t="s">
        <v>38</v>
      </c>
      <c r="G166" s="51" t="s">
        <v>97</v>
      </c>
      <c r="H166" s="51" t="s">
        <v>82</v>
      </c>
      <c r="I166" s="50">
        <v>4.7</v>
      </c>
    </row>
    <row r="167" spans="1:9" x14ac:dyDescent="0.35">
      <c r="A167" s="52" t="s">
        <v>78</v>
      </c>
      <c r="B167" s="51" t="s">
        <v>79</v>
      </c>
      <c r="C167" s="61">
        <v>317100061</v>
      </c>
      <c r="D167" s="62">
        <v>10</v>
      </c>
      <c r="E167" s="51">
        <v>202402</v>
      </c>
      <c r="F167" s="51" t="s">
        <v>38</v>
      </c>
      <c r="G167" s="51" t="s">
        <v>97</v>
      </c>
      <c r="H167" s="51" t="s">
        <v>82</v>
      </c>
      <c r="I167" s="50">
        <v>4.7</v>
      </c>
    </row>
    <row r="168" spans="1:9" x14ac:dyDescent="0.35">
      <c r="A168" s="52" t="s">
        <v>78</v>
      </c>
      <c r="B168" s="51" t="s">
        <v>79</v>
      </c>
      <c r="C168" s="61">
        <v>317601756</v>
      </c>
      <c r="D168" s="62">
        <v>10</v>
      </c>
      <c r="E168" s="51">
        <v>202402</v>
      </c>
      <c r="F168" s="51" t="s">
        <v>38</v>
      </c>
      <c r="G168" s="51" t="s">
        <v>97</v>
      </c>
      <c r="H168" s="51" t="s">
        <v>82</v>
      </c>
      <c r="I168" s="50">
        <v>4.7</v>
      </c>
    </row>
    <row r="169" spans="1:9" x14ac:dyDescent="0.35">
      <c r="A169" s="52" t="s">
        <v>78</v>
      </c>
      <c r="B169" s="51" t="s">
        <v>79</v>
      </c>
      <c r="C169" s="61">
        <v>317628152</v>
      </c>
      <c r="D169" s="62">
        <v>10</v>
      </c>
      <c r="E169" s="51">
        <v>202402</v>
      </c>
      <c r="F169" s="51" t="s">
        <v>38</v>
      </c>
      <c r="G169" s="51" t="s">
        <v>97</v>
      </c>
      <c r="H169" s="51" t="s">
        <v>82</v>
      </c>
      <c r="I169" s="50">
        <v>4.7</v>
      </c>
    </row>
    <row r="170" spans="1:9" x14ac:dyDescent="0.35">
      <c r="A170" s="52" t="s">
        <v>78</v>
      </c>
      <c r="B170" s="51" t="s">
        <v>79</v>
      </c>
      <c r="C170" s="61">
        <v>317801108</v>
      </c>
      <c r="D170" s="62">
        <v>10</v>
      </c>
      <c r="E170" s="51">
        <v>202402</v>
      </c>
      <c r="F170" s="51" t="s">
        <v>38</v>
      </c>
      <c r="G170" s="51" t="s">
        <v>97</v>
      </c>
      <c r="H170" s="51" t="s">
        <v>82</v>
      </c>
      <c r="I170" s="50">
        <v>4.7</v>
      </c>
    </row>
    <row r="171" spans="1:9" x14ac:dyDescent="0.35">
      <c r="A171" s="52" t="s">
        <v>78</v>
      </c>
      <c r="B171" s="51" t="s">
        <v>79</v>
      </c>
      <c r="C171" s="61">
        <v>325261245</v>
      </c>
      <c r="D171" s="62">
        <v>10</v>
      </c>
      <c r="E171" s="51">
        <v>202402</v>
      </c>
      <c r="F171" s="51" t="s">
        <v>38</v>
      </c>
      <c r="G171" s="51" t="s">
        <v>97</v>
      </c>
      <c r="H171" s="51" t="s">
        <v>82</v>
      </c>
      <c r="I171" s="50">
        <v>4.7</v>
      </c>
    </row>
    <row r="172" spans="1:9" x14ac:dyDescent="0.35">
      <c r="A172" s="52" t="s">
        <v>78</v>
      </c>
      <c r="B172" s="51" t="s">
        <v>79</v>
      </c>
      <c r="C172" s="61">
        <v>328700701</v>
      </c>
      <c r="D172" s="62">
        <v>10</v>
      </c>
      <c r="E172" s="51">
        <v>202402</v>
      </c>
      <c r="F172" s="51" t="s">
        <v>38</v>
      </c>
      <c r="G172" s="51" t="s">
        <v>97</v>
      </c>
      <c r="H172" s="51" t="s">
        <v>82</v>
      </c>
      <c r="I172" s="50">
        <v>4.7</v>
      </c>
    </row>
    <row r="173" spans="1:9" x14ac:dyDescent="0.35">
      <c r="A173" s="52" t="s">
        <v>78</v>
      </c>
      <c r="B173" s="51" t="s">
        <v>79</v>
      </c>
      <c r="C173" s="61">
        <v>330400741</v>
      </c>
      <c r="D173" s="62">
        <v>10</v>
      </c>
      <c r="E173" s="51">
        <v>202402</v>
      </c>
      <c r="F173" s="51" t="s">
        <v>38</v>
      </c>
      <c r="G173" s="51" t="s">
        <v>97</v>
      </c>
      <c r="H173" s="51" t="s">
        <v>82</v>
      </c>
      <c r="I173" s="50">
        <v>4.7</v>
      </c>
    </row>
    <row r="174" spans="1:9" x14ac:dyDescent="0.35">
      <c r="A174" s="52" t="s">
        <v>78</v>
      </c>
      <c r="B174" s="51" t="s">
        <v>79</v>
      </c>
      <c r="C174" s="61">
        <v>330701975</v>
      </c>
      <c r="D174" s="62">
        <v>10</v>
      </c>
      <c r="E174" s="51">
        <v>202402</v>
      </c>
      <c r="F174" s="51" t="s">
        <v>38</v>
      </c>
      <c r="G174" s="51" t="s">
        <v>97</v>
      </c>
      <c r="H174" s="51" t="s">
        <v>82</v>
      </c>
      <c r="I174" s="50">
        <v>4.7</v>
      </c>
    </row>
    <row r="175" spans="1:9" x14ac:dyDescent="0.35">
      <c r="A175" s="52" t="s">
        <v>78</v>
      </c>
      <c r="B175" s="51" t="s">
        <v>79</v>
      </c>
      <c r="C175" s="61">
        <v>331300054</v>
      </c>
      <c r="D175" s="62">
        <v>10</v>
      </c>
      <c r="E175" s="51">
        <v>202402</v>
      </c>
      <c r="F175" s="51" t="s">
        <v>38</v>
      </c>
      <c r="G175" s="51" t="s">
        <v>97</v>
      </c>
      <c r="H175" s="51" t="s">
        <v>82</v>
      </c>
      <c r="I175" s="50">
        <v>4.7</v>
      </c>
    </row>
    <row r="176" spans="1:9" x14ac:dyDescent="0.35">
      <c r="A176" s="52" t="s">
        <v>78</v>
      </c>
      <c r="B176" s="51" t="s">
        <v>79</v>
      </c>
      <c r="C176" s="61">
        <v>333500408</v>
      </c>
      <c r="D176" s="62">
        <v>10</v>
      </c>
      <c r="E176" s="51">
        <v>202402</v>
      </c>
      <c r="F176" s="51" t="s">
        <v>38</v>
      </c>
      <c r="G176" s="51" t="s">
        <v>97</v>
      </c>
      <c r="H176" s="51" t="s">
        <v>82</v>
      </c>
      <c r="I176" s="50">
        <v>4.7</v>
      </c>
    </row>
    <row r="177" spans="1:9" x14ac:dyDescent="0.35">
      <c r="A177" s="52" t="s">
        <v>78</v>
      </c>
      <c r="B177" s="51" t="s">
        <v>79</v>
      </c>
      <c r="C177" s="61">
        <v>337800726</v>
      </c>
      <c r="D177" s="62">
        <v>10</v>
      </c>
      <c r="E177" s="51">
        <v>202402</v>
      </c>
      <c r="F177" s="51" t="s">
        <v>38</v>
      </c>
      <c r="G177" s="51" t="s">
        <v>97</v>
      </c>
      <c r="H177" s="51" t="s">
        <v>82</v>
      </c>
      <c r="I177" s="50">
        <v>4.7</v>
      </c>
    </row>
    <row r="178" spans="1:9" x14ac:dyDescent="0.35">
      <c r="A178" s="52" t="s">
        <v>78</v>
      </c>
      <c r="B178" s="51" t="s">
        <v>79</v>
      </c>
      <c r="C178" s="61">
        <v>338101154</v>
      </c>
      <c r="D178" s="62">
        <v>10</v>
      </c>
      <c r="E178" s="51">
        <v>202402</v>
      </c>
      <c r="F178" s="51" t="s">
        <v>38</v>
      </c>
      <c r="G178" s="51" t="s">
        <v>97</v>
      </c>
      <c r="H178" s="51" t="s">
        <v>82</v>
      </c>
      <c r="I178" s="50">
        <v>4.7</v>
      </c>
    </row>
    <row r="179" spans="1:9" x14ac:dyDescent="0.35">
      <c r="A179" s="52" t="s">
        <v>78</v>
      </c>
      <c r="B179" s="51" t="s">
        <v>79</v>
      </c>
      <c r="C179" s="61">
        <v>338701890</v>
      </c>
      <c r="D179" s="62">
        <v>10</v>
      </c>
      <c r="E179" s="51">
        <v>202402</v>
      </c>
      <c r="F179" s="51" t="s">
        <v>38</v>
      </c>
      <c r="G179" s="51" t="s">
        <v>97</v>
      </c>
      <c r="H179" s="51" t="s">
        <v>82</v>
      </c>
      <c r="I179" s="50">
        <v>4.7</v>
      </c>
    </row>
    <row r="180" spans="1:9" x14ac:dyDescent="0.35">
      <c r="A180" s="52" t="s">
        <v>78</v>
      </c>
      <c r="B180" s="51" t="s">
        <v>79</v>
      </c>
      <c r="C180" s="61">
        <v>340201801</v>
      </c>
      <c r="D180" s="62">
        <v>10</v>
      </c>
      <c r="E180" s="51">
        <v>202402</v>
      </c>
      <c r="F180" s="51" t="s">
        <v>38</v>
      </c>
      <c r="G180" s="51" t="s">
        <v>97</v>
      </c>
      <c r="H180" s="51" t="s">
        <v>82</v>
      </c>
      <c r="I180" s="50">
        <v>4.7</v>
      </c>
    </row>
    <row r="181" spans="1:9" x14ac:dyDescent="0.35">
      <c r="A181" s="52" t="s">
        <v>78</v>
      </c>
      <c r="B181" s="51" t="s">
        <v>79</v>
      </c>
      <c r="C181" s="61">
        <v>340400126</v>
      </c>
      <c r="D181" s="62">
        <v>10</v>
      </c>
      <c r="E181" s="51">
        <v>202402</v>
      </c>
      <c r="F181" s="51" t="s">
        <v>38</v>
      </c>
      <c r="G181" s="51" t="s">
        <v>97</v>
      </c>
      <c r="H181" s="51" t="s">
        <v>82</v>
      </c>
      <c r="I181" s="50">
        <v>4.7</v>
      </c>
    </row>
    <row r="182" spans="1:9" x14ac:dyDescent="0.35">
      <c r="A182" s="52" t="s">
        <v>78</v>
      </c>
      <c r="B182" s="51" t="s">
        <v>79</v>
      </c>
      <c r="C182" s="61">
        <v>340901305</v>
      </c>
      <c r="D182" s="62">
        <v>10</v>
      </c>
      <c r="E182" s="51">
        <v>202402</v>
      </c>
      <c r="F182" s="51" t="s">
        <v>38</v>
      </c>
      <c r="G182" s="51" t="s">
        <v>97</v>
      </c>
      <c r="H182" s="51" t="s">
        <v>82</v>
      </c>
      <c r="I182" s="50">
        <v>4.7</v>
      </c>
    </row>
    <row r="183" spans="1:9" x14ac:dyDescent="0.35">
      <c r="A183" s="52" t="s">
        <v>78</v>
      </c>
      <c r="B183" s="51" t="s">
        <v>79</v>
      </c>
      <c r="C183" s="61">
        <v>341801738</v>
      </c>
      <c r="D183" s="62">
        <v>10</v>
      </c>
      <c r="E183" s="51">
        <v>202402</v>
      </c>
      <c r="F183" s="51" t="s">
        <v>38</v>
      </c>
      <c r="G183" s="51" t="s">
        <v>97</v>
      </c>
      <c r="H183" s="51" t="s">
        <v>82</v>
      </c>
      <c r="I183" s="50">
        <v>4.7</v>
      </c>
    </row>
    <row r="184" spans="1:9" x14ac:dyDescent="0.35">
      <c r="A184" s="52" t="s">
        <v>78</v>
      </c>
      <c r="B184" s="51" t="s">
        <v>79</v>
      </c>
      <c r="C184" s="61">
        <v>342912761</v>
      </c>
      <c r="D184" s="62">
        <v>10</v>
      </c>
      <c r="E184" s="51">
        <v>202402</v>
      </c>
      <c r="F184" s="51" t="s">
        <v>38</v>
      </c>
      <c r="G184" s="51" t="s">
        <v>97</v>
      </c>
      <c r="H184" s="51" t="s">
        <v>82</v>
      </c>
      <c r="I184" s="50">
        <v>95</v>
      </c>
    </row>
    <row r="185" spans="1:9" x14ac:dyDescent="0.35">
      <c r="A185" s="52" t="s">
        <v>78</v>
      </c>
      <c r="B185" s="51" t="s">
        <v>79</v>
      </c>
      <c r="C185" s="61">
        <v>343000505</v>
      </c>
      <c r="D185" s="62">
        <v>10</v>
      </c>
      <c r="E185" s="51">
        <v>202402</v>
      </c>
      <c r="F185" s="51" t="s">
        <v>38</v>
      </c>
      <c r="G185" s="51" t="s">
        <v>97</v>
      </c>
      <c r="H185" s="51" t="s">
        <v>82</v>
      </c>
      <c r="I185" s="50">
        <v>4.7</v>
      </c>
    </row>
    <row r="186" spans="1:9" x14ac:dyDescent="0.35">
      <c r="A186" s="52" t="s">
        <v>78</v>
      </c>
      <c r="B186" s="51" t="s">
        <v>79</v>
      </c>
      <c r="C186" s="61">
        <v>344601900</v>
      </c>
      <c r="D186" s="62">
        <v>10</v>
      </c>
      <c r="E186" s="51">
        <v>202402</v>
      </c>
      <c r="F186" s="51" t="s">
        <v>38</v>
      </c>
      <c r="G186" s="51" t="s">
        <v>97</v>
      </c>
      <c r="H186" s="51" t="s">
        <v>82</v>
      </c>
      <c r="I186" s="50">
        <v>4.7</v>
      </c>
    </row>
    <row r="187" spans="1:9" x14ac:dyDescent="0.35">
      <c r="A187" s="52" t="s">
        <v>78</v>
      </c>
      <c r="B187" s="51" t="s">
        <v>79</v>
      </c>
      <c r="C187" s="61">
        <v>350737634</v>
      </c>
      <c r="D187" s="62">
        <v>10</v>
      </c>
      <c r="E187" s="51">
        <v>202402</v>
      </c>
      <c r="F187" s="51" t="s">
        <v>38</v>
      </c>
      <c r="G187" s="51" t="s">
        <v>97</v>
      </c>
      <c r="H187" s="51" t="s">
        <v>82</v>
      </c>
      <c r="I187" s="50">
        <v>4.7</v>
      </c>
    </row>
    <row r="188" spans="1:9" x14ac:dyDescent="0.35">
      <c r="A188" s="52" t="s">
        <v>78</v>
      </c>
      <c r="B188" s="51" t="s">
        <v>79</v>
      </c>
      <c r="C188" s="61">
        <v>352302687</v>
      </c>
      <c r="D188" s="62">
        <v>10</v>
      </c>
      <c r="E188" s="51">
        <v>202402</v>
      </c>
      <c r="F188" s="51" t="s">
        <v>38</v>
      </c>
      <c r="G188" s="51" t="s">
        <v>97</v>
      </c>
      <c r="H188" s="51" t="s">
        <v>82</v>
      </c>
      <c r="I188" s="50">
        <v>4.7</v>
      </c>
    </row>
    <row r="189" spans="1:9" x14ac:dyDescent="0.35">
      <c r="A189" s="52" t="s">
        <v>78</v>
      </c>
      <c r="B189" s="51" t="s">
        <v>79</v>
      </c>
      <c r="C189" s="61">
        <v>352731682</v>
      </c>
      <c r="D189" s="62">
        <v>10</v>
      </c>
      <c r="E189" s="51">
        <v>202402</v>
      </c>
      <c r="F189" s="51" t="s">
        <v>38</v>
      </c>
      <c r="G189" s="51" t="s">
        <v>97</v>
      </c>
      <c r="H189" s="51" t="s">
        <v>82</v>
      </c>
      <c r="I189" s="50">
        <v>4.7</v>
      </c>
    </row>
    <row r="190" spans="1:9" x14ac:dyDescent="0.35">
      <c r="A190" s="52" t="s">
        <v>78</v>
      </c>
      <c r="B190" s="51" t="s">
        <v>79</v>
      </c>
      <c r="C190" s="61">
        <v>353500814</v>
      </c>
      <c r="D190" s="62">
        <v>10</v>
      </c>
      <c r="E190" s="51">
        <v>202402</v>
      </c>
      <c r="F190" s="51" t="s">
        <v>38</v>
      </c>
      <c r="G190" s="51" t="s">
        <v>97</v>
      </c>
      <c r="H190" s="51" t="s">
        <v>82</v>
      </c>
      <c r="I190" s="50">
        <v>30</v>
      </c>
    </row>
    <row r="191" spans="1:9" x14ac:dyDescent="0.35">
      <c r="A191" s="52" t="s">
        <v>78</v>
      </c>
      <c r="B191" s="51" t="s">
        <v>79</v>
      </c>
      <c r="C191" s="61">
        <v>354002343</v>
      </c>
      <c r="D191" s="62">
        <v>10</v>
      </c>
      <c r="E191" s="51">
        <v>202402</v>
      </c>
      <c r="F191" s="51" t="s">
        <v>38</v>
      </c>
      <c r="G191" s="51" t="s">
        <v>97</v>
      </c>
      <c r="H191" s="51" t="s">
        <v>82</v>
      </c>
      <c r="I191" s="50">
        <v>4.7</v>
      </c>
    </row>
    <row r="192" spans="1:9" x14ac:dyDescent="0.35">
      <c r="A192" s="52" t="s">
        <v>78</v>
      </c>
      <c r="B192" s="51" t="s">
        <v>79</v>
      </c>
      <c r="C192" s="61">
        <v>355104844</v>
      </c>
      <c r="D192" s="62">
        <v>10</v>
      </c>
      <c r="E192" s="51">
        <v>202402</v>
      </c>
      <c r="F192" s="51" t="s">
        <v>38</v>
      </c>
      <c r="G192" s="51" t="s">
        <v>97</v>
      </c>
      <c r="H192" s="51" t="s">
        <v>82</v>
      </c>
      <c r="I192" s="50">
        <v>4.7</v>
      </c>
    </row>
    <row r="193" spans="1:9" x14ac:dyDescent="0.35">
      <c r="A193" s="52" t="s">
        <v>78</v>
      </c>
      <c r="B193" s="51" t="s">
        <v>79</v>
      </c>
      <c r="C193" s="61">
        <v>357300280</v>
      </c>
      <c r="D193" s="62">
        <v>10</v>
      </c>
      <c r="E193" s="51">
        <v>202402</v>
      </c>
      <c r="F193" s="51" t="s">
        <v>38</v>
      </c>
      <c r="G193" s="51" t="s">
        <v>97</v>
      </c>
      <c r="H193" s="51" t="s">
        <v>82</v>
      </c>
      <c r="I193" s="50">
        <v>4.7</v>
      </c>
    </row>
    <row r="194" spans="1:9" x14ac:dyDescent="0.35">
      <c r="A194" s="52" t="s">
        <v>78</v>
      </c>
      <c r="B194" s="51" t="s">
        <v>79</v>
      </c>
      <c r="C194" s="61">
        <v>357764541</v>
      </c>
      <c r="D194" s="62">
        <v>10</v>
      </c>
      <c r="E194" s="51">
        <v>202402</v>
      </c>
      <c r="F194" s="51" t="s">
        <v>38</v>
      </c>
      <c r="G194" s="51" t="s">
        <v>97</v>
      </c>
      <c r="H194" s="51" t="s">
        <v>82</v>
      </c>
      <c r="I194" s="50">
        <v>4.7</v>
      </c>
    </row>
    <row r="195" spans="1:9" x14ac:dyDescent="0.35">
      <c r="A195" s="52" t="s">
        <v>78</v>
      </c>
      <c r="B195" s="51" t="s">
        <v>79</v>
      </c>
      <c r="C195" s="61">
        <v>362801743</v>
      </c>
      <c r="D195" s="62">
        <v>10</v>
      </c>
      <c r="E195" s="51">
        <v>202402</v>
      </c>
      <c r="F195" s="51" t="s">
        <v>38</v>
      </c>
      <c r="G195" s="51" t="s">
        <v>97</v>
      </c>
      <c r="H195" s="51" t="s">
        <v>82</v>
      </c>
      <c r="I195" s="50">
        <v>4.7</v>
      </c>
    </row>
    <row r="196" spans="1:9" x14ac:dyDescent="0.35">
      <c r="A196" s="52" t="s">
        <v>78</v>
      </c>
      <c r="B196" s="51" t="s">
        <v>79</v>
      </c>
      <c r="C196" s="61">
        <v>363802232</v>
      </c>
      <c r="D196" s="62">
        <v>10</v>
      </c>
      <c r="E196" s="51">
        <v>202402</v>
      </c>
      <c r="F196" s="51" t="s">
        <v>38</v>
      </c>
      <c r="G196" s="51" t="s">
        <v>97</v>
      </c>
      <c r="H196" s="51" t="s">
        <v>82</v>
      </c>
      <c r="I196" s="50">
        <v>30</v>
      </c>
    </row>
    <row r="197" spans="1:9" x14ac:dyDescent="0.35">
      <c r="A197" s="52" t="s">
        <v>78</v>
      </c>
      <c r="B197" s="51" t="s">
        <v>79</v>
      </c>
      <c r="C197" s="61">
        <v>365501467</v>
      </c>
      <c r="D197" s="62">
        <v>10</v>
      </c>
      <c r="E197" s="51">
        <v>202402</v>
      </c>
      <c r="F197" s="51" t="s">
        <v>38</v>
      </c>
      <c r="G197" s="51" t="s">
        <v>97</v>
      </c>
      <c r="H197" s="51" t="s">
        <v>82</v>
      </c>
      <c r="I197" s="50">
        <v>4.7</v>
      </c>
    </row>
    <row r="198" spans="1:9" x14ac:dyDescent="0.35">
      <c r="A198" s="52" t="s">
        <v>78</v>
      </c>
      <c r="B198" s="51" t="s">
        <v>79</v>
      </c>
      <c r="C198" s="61">
        <v>365600736</v>
      </c>
      <c r="D198" s="62">
        <v>10</v>
      </c>
      <c r="E198" s="51">
        <v>202402</v>
      </c>
      <c r="F198" s="51" t="s">
        <v>38</v>
      </c>
      <c r="G198" s="51" t="s">
        <v>97</v>
      </c>
      <c r="H198" s="51" t="s">
        <v>82</v>
      </c>
      <c r="I198" s="50">
        <v>4.7</v>
      </c>
    </row>
    <row r="199" spans="1:9" x14ac:dyDescent="0.35">
      <c r="A199" s="52" t="s">
        <v>78</v>
      </c>
      <c r="B199" s="51" t="s">
        <v>79</v>
      </c>
      <c r="C199" s="61">
        <v>365901662</v>
      </c>
      <c r="D199" s="62">
        <v>10</v>
      </c>
      <c r="E199" s="51">
        <v>202402</v>
      </c>
      <c r="F199" s="51" t="s">
        <v>38</v>
      </c>
      <c r="G199" s="51" t="s">
        <v>97</v>
      </c>
      <c r="H199" s="51" t="s">
        <v>82</v>
      </c>
      <c r="I199" s="50">
        <v>30</v>
      </c>
    </row>
    <row r="200" spans="1:9" x14ac:dyDescent="0.35">
      <c r="A200" s="52" t="s">
        <v>78</v>
      </c>
      <c r="B200" s="51" t="s">
        <v>79</v>
      </c>
      <c r="C200" s="61">
        <v>365901901</v>
      </c>
      <c r="D200" s="62">
        <v>10</v>
      </c>
      <c r="E200" s="51">
        <v>202402</v>
      </c>
      <c r="F200" s="51" t="s">
        <v>38</v>
      </c>
      <c r="G200" s="51" t="s">
        <v>97</v>
      </c>
      <c r="H200" s="51" t="s">
        <v>82</v>
      </c>
      <c r="I200" s="50">
        <v>4.7</v>
      </c>
    </row>
    <row r="201" spans="1:9" x14ac:dyDescent="0.35">
      <c r="A201" s="52" t="s">
        <v>78</v>
      </c>
      <c r="B201" s="51" t="s">
        <v>79</v>
      </c>
      <c r="C201" s="61">
        <v>366300192</v>
      </c>
      <c r="D201" s="62">
        <v>10</v>
      </c>
      <c r="E201" s="51">
        <v>202402</v>
      </c>
      <c r="F201" s="51" t="s">
        <v>38</v>
      </c>
      <c r="G201" s="51" t="s">
        <v>97</v>
      </c>
      <c r="H201" s="51" t="s">
        <v>82</v>
      </c>
      <c r="I201" s="50">
        <v>4.7</v>
      </c>
    </row>
    <row r="202" spans="1:9" x14ac:dyDescent="0.35">
      <c r="A202" s="52" t="s">
        <v>78</v>
      </c>
      <c r="B202" s="51" t="s">
        <v>79</v>
      </c>
      <c r="C202" s="61">
        <v>366801732</v>
      </c>
      <c r="D202" s="62">
        <v>10</v>
      </c>
      <c r="E202" s="51">
        <v>202402</v>
      </c>
      <c r="F202" s="51" t="s">
        <v>38</v>
      </c>
      <c r="G202" s="51" t="s">
        <v>97</v>
      </c>
      <c r="H202" s="51" t="s">
        <v>82</v>
      </c>
      <c r="I202" s="50">
        <v>4.7</v>
      </c>
    </row>
    <row r="203" spans="1:9" x14ac:dyDescent="0.35">
      <c r="A203" s="52" t="s">
        <v>78</v>
      </c>
      <c r="B203" s="51" t="s">
        <v>79</v>
      </c>
      <c r="C203" s="61">
        <v>369300026</v>
      </c>
      <c r="D203" s="62">
        <v>10</v>
      </c>
      <c r="E203" s="51">
        <v>202402</v>
      </c>
      <c r="F203" s="51" t="s">
        <v>38</v>
      </c>
      <c r="G203" s="51" t="s">
        <v>97</v>
      </c>
      <c r="H203" s="51" t="s">
        <v>82</v>
      </c>
      <c r="I203" s="50">
        <v>4.7</v>
      </c>
    </row>
    <row r="204" spans="1:9" x14ac:dyDescent="0.35">
      <c r="A204" s="52" t="s">
        <v>78</v>
      </c>
      <c r="B204" s="51" t="s">
        <v>79</v>
      </c>
      <c r="C204" s="61">
        <v>370800151</v>
      </c>
      <c r="D204" s="62">
        <v>10</v>
      </c>
      <c r="E204" s="51">
        <v>202402</v>
      </c>
      <c r="F204" s="51" t="s">
        <v>38</v>
      </c>
      <c r="G204" s="51" t="s">
        <v>97</v>
      </c>
      <c r="H204" s="51" t="s">
        <v>82</v>
      </c>
      <c r="I204" s="50">
        <v>30</v>
      </c>
    </row>
    <row r="205" spans="1:9" x14ac:dyDescent="0.35">
      <c r="A205" s="52" t="s">
        <v>78</v>
      </c>
      <c r="B205" s="51" t="s">
        <v>79</v>
      </c>
      <c r="C205" s="61">
        <v>371028120</v>
      </c>
      <c r="D205" s="62">
        <v>10</v>
      </c>
      <c r="E205" s="51">
        <v>202402</v>
      </c>
      <c r="F205" s="51" t="s">
        <v>38</v>
      </c>
      <c r="G205" s="51" t="s">
        <v>97</v>
      </c>
      <c r="H205" s="51" t="s">
        <v>82</v>
      </c>
      <c r="I205" s="50">
        <v>4.7</v>
      </c>
    </row>
    <row r="206" spans="1:9" x14ac:dyDescent="0.35">
      <c r="A206" s="52" t="s">
        <v>78</v>
      </c>
      <c r="B206" s="51" t="s">
        <v>79</v>
      </c>
      <c r="C206" s="61">
        <v>371641634</v>
      </c>
      <c r="D206" s="62">
        <v>10</v>
      </c>
      <c r="E206" s="51">
        <v>202402</v>
      </c>
      <c r="F206" s="51" t="s">
        <v>38</v>
      </c>
      <c r="G206" s="51" t="s">
        <v>97</v>
      </c>
      <c r="H206" s="51" t="s">
        <v>82</v>
      </c>
      <c r="I206" s="50">
        <v>4.7</v>
      </c>
    </row>
    <row r="207" spans="1:9" x14ac:dyDescent="0.35">
      <c r="A207" s="52" t="s">
        <v>78</v>
      </c>
      <c r="B207" s="51" t="s">
        <v>79</v>
      </c>
      <c r="C207" s="61">
        <v>375900218</v>
      </c>
      <c r="D207" s="62">
        <v>10</v>
      </c>
      <c r="E207" s="51">
        <v>202402</v>
      </c>
      <c r="F207" s="51" t="s">
        <v>38</v>
      </c>
      <c r="G207" s="51" t="s">
        <v>97</v>
      </c>
      <c r="H207" s="51" t="s">
        <v>82</v>
      </c>
      <c r="I207" s="50">
        <v>4.7</v>
      </c>
    </row>
    <row r="208" spans="1:9" x14ac:dyDescent="0.35">
      <c r="A208" s="52" t="s">
        <v>78</v>
      </c>
      <c r="B208" s="51" t="s">
        <v>79</v>
      </c>
      <c r="C208" s="61">
        <v>376001043</v>
      </c>
      <c r="D208" s="62">
        <v>10</v>
      </c>
      <c r="E208" s="51">
        <v>202402</v>
      </c>
      <c r="F208" s="51" t="s">
        <v>38</v>
      </c>
      <c r="G208" s="51" t="s">
        <v>97</v>
      </c>
      <c r="H208" s="51" t="s">
        <v>82</v>
      </c>
      <c r="I208" s="50">
        <v>30</v>
      </c>
    </row>
    <row r="209" spans="1:9" x14ac:dyDescent="0.35">
      <c r="A209" s="52" t="s">
        <v>78</v>
      </c>
      <c r="B209" s="51" t="s">
        <v>79</v>
      </c>
      <c r="C209" s="61">
        <v>380701429</v>
      </c>
      <c r="D209" s="62">
        <v>10</v>
      </c>
      <c r="E209" s="51">
        <v>202402</v>
      </c>
      <c r="F209" s="51" t="s">
        <v>38</v>
      </c>
      <c r="G209" s="51" t="s">
        <v>97</v>
      </c>
      <c r="H209" s="51" t="s">
        <v>82</v>
      </c>
      <c r="I209" s="50">
        <v>4.7</v>
      </c>
    </row>
    <row r="210" spans="1:9" x14ac:dyDescent="0.35">
      <c r="A210" s="52" t="s">
        <v>78</v>
      </c>
      <c r="B210" s="51" t="s">
        <v>79</v>
      </c>
      <c r="C210" s="61">
        <v>381711891</v>
      </c>
      <c r="D210" s="62">
        <v>10</v>
      </c>
      <c r="E210" s="51">
        <v>202402</v>
      </c>
      <c r="F210" s="51" t="s">
        <v>38</v>
      </c>
      <c r="G210" s="51" t="s">
        <v>97</v>
      </c>
      <c r="H210" s="51" t="s">
        <v>82</v>
      </c>
      <c r="I210" s="50">
        <v>4.7</v>
      </c>
    </row>
    <row r="211" spans="1:9" x14ac:dyDescent="0.35">
      <c r="A211" s="52" t="s">
        <v>78</v>
      </c>
      <c r="B211" s="51" t="s">
        <v>79</v>
      </c>
      <c r="C211" s="61">
        <v>382602091</v>
      </c>
      <c r="D211" s="62">
        <v>10</v>
      </c>
      <c r="E211" s="51">
        <v>202402</v>
      </c>
      <c r="F211" s="51" t="s">
        <v>38</v>
      </c>
      <c r="G211" s="51" t="s">
        <v>97</v>
      </c>
      <c r="H211" s="51" t="s">
        <v>82</v>
      </c>
      <c r="I211" s="50">
        <v>4.7</v>
      </c>
    </row>
    <row r="212" spans="1:9" x14ac:dyDescent="0.35">
      <c r="A212" s="52" t="s">
        <v>78</v>
      </c>
      <c r="B212" s="51" t="s">
        <v>79</v>
      </c>
      <c r="C212" s="61">
        <v>383719573</v>
      </c>
      <c r="D212" s="62">
        <v>10</v>
      </c>
      <c r="E212" s="51">
        <v>202402</v>
      </c>
      <c r="F212" s="51" t="s">
        <v>38</v>
      </c>
      <c r="G212" s="51" t="s">
        <v>97</v>
      </c>
      <c r="H212" s="51" t="s">
        <v>82</v>
      </c>
      <c r="I212" s="50">
        <v>4.7</v>
      </c>
    </row>
    <row r="213" spans="1:9" x14ac:dyDescent="0.35">
      <c r="A213" s="52" t="s">
        <v>78</v>
      </c>
      <c r="B213" s="51" t="s">
        <v>79</v>
      </c>
      <c r="C213" s="61">
        <v>384161434</v>
      </c>
      <c r="D213" s="62">
        <v>10</v>
      </c>
      <c r="E213" s="51">
        <v>202402</v>
      </c>
      <c r="F213" s="51" t="s">
        <v>38</v>
      </c>
      <c r="G213" s="51" t="s">
        <v>97</v>
      </c>
      <c r="H213" s="51" t="s">
        <v>82</v>
      </c>
      <c r="I213" s="50">
        <v>4.7</v>
      </c>
    </row>
    <row r="214" spans="1:9" x14ac:dyDescent="0.35">
      <c r="A214" s="52" t="s">
        <v>78</v>
      </c>
      <c r="B214" s="51" t="s">
        <v>79</v>
      </c>
      <c r="C214" s="61">
        <v>388005213</v>
      </c>
      <c r="D214" s="62">
        <v>10</v>
      </c>
      <c r="E214" s="51">
        <v>202402</v>
      </c>
      <c r="F214" s="51" t="s">
        <v>38</v>
      </c>
      <c r="G214" s="51" t="s">
        <v>97</v>
      </c>
      <c r="H214" s="51" t="s">
        <v>82</v>
      </c>
      <c r="I214" s="50">
        <v>30</v>
      </c>
    </row>
    <row r="215" spans="1:9" x14ac:dyDescent="0.35">
      <c r="A215" s="52" t="s">
        <v>78</v>
      </c>
      <c r="B215" s="51" t="s">
        <v>79</v>
      </c>
      <c r="C215" s="61">
        <v>389505571</v>
      </c>
      <c r="D215" s="62">
        <v>10</v>
      </c>
      <c r="E215" s="51">
        <v>202402</v>
      </c>
      <c r="F215" s="51" t="s">
        <v>38</v>
      </c>
      <c r="G215" s="51" t="s">
        <v>97</v>
      </c>
      <c r="H215" s="51" t="s">
        <v>82</v>
      </c>
      <c r="I215" s="50">
        <v>4.7</v>
      </c>
    </row>
    <row r="216" spans="1:9" x14ac:dyDescent="0.35">
      <c r="A216" s="52" t="s">
        <v>78</v>
      </c>
      <c r="B216" s="51" t="s">
        <v>79</v>
      </c>
      <c r="C216" s="61">
        <v>390000402</v>
      </c>
      <c r="D216" s="62">
        <v>10</v>
      </c>
      <c r="E216" s="51">
        <v>202402</v>
      </c>
      <c r="F216" s="51" t="s">
        <v>38</v>
      </c>
      <c r="G216" s="51" t="s">
        <v>97</v>
      </c>
      <c r="H216" s="51" t="s">
        <v>82</v>
      </c>
      <c r="I216" s="50">
        <v>4.7</v>
      </c>
    </row>
    <row r="217" spans="1:9" x14ac:dyDescent="0.35">
      <c r="A217" s="52" t="s">
        <v>78</v>
      </c>
      <c r="B217" s="51" t="s">
        <v>79</v>
      </c>
      <c r="C217" s="61">
        <v>391700073</v>
      </c>
      <c r="D217" s="62">
        <v>10</v>
      </c>
      <c r="E217" s="51">
        <v>202402</v>
      </c>
      <c r="F217" s="51" t="s">
        <v>38</v>
      </c>
      <c r="G217" s="51" t="s">
        <v>97</v>
      </c>
      <c r="H217" s="51" t="s">
        <v>82</v>
      </c>
      <c r="I217" s="50">
        <v>95</v>
      </c>
    </row>
    <row r="218" spans="1:9" x14ac:dyDescent="0.35">
      <c r="A218" s="52" t="s">
        <v>78</v>
      </c>
      <c r="B218" s="51" t="s">
        <v>79</v>
      </c>
      <c r="C218" s="61">
        <v>392500928</v>
      </c>
      <c r="D218" s="62">
        <v>10</v>
      </c>
      <c r="E218" s="51">
        <v>202402</v>
      </c>
      <c r="F218" s="51" t="s">
        <v>38</v>
      </c>
      <c r="G218" s="51" t="s">
        <v>97</v>
      </c>
      <c r="H218" s="51" t="s">
        <v>82</v>
      </c>
      <c r="I218" s="50">
        <v>4.7</v>
      </c>
    </row>
    <row r="219" spans="1:9" x14ac:dyDescent="0.35">
      <c r="A219" s="52" t="s">
        <v>78</v>
      </c>
      <c r="B219" s="51" t="s">
        <v>79</v>
      </c>
      <c r="C219" s="61">
        <v>302200913</v>
      </c>
      <c r="D219" s="62">
        <v>20</v>
      </c>
      <c r="E219" s="51">
        <v>202402</v>
      </c>
      <c r="F219" s="51" t="s">
        <v>38</v>
      </c>
      <c r="G219" s="51" t="s">
        <v>97</v>
      </c>
      <c r="H219" s="51" t="s">
        <v>82</v>
      </c>
      <c r="I219" s="50">
        <v>4.7</v>
      </c>
    </row>
    <row r="220" spans="1:9" x14ac:dyDescent="0.35">
      <c r="A220" s="52" t="s">
        <v>78</v>
      </c>
      <c r="B220" s="51" t="s">
        <v>79</v>
      </c>
      <c r="C220" s="61">
        <v>302293203</v>
      </c>
      <c r="D220" s="62">
        <v>20</v>
      </c>
      <c r="E220" s="51">
        <v>202402</v>
      </c>
      <c r="F220" s="51" t="s">
        <v>38</v>
      </c>
      <c r="G220" s="51" t="s">
        <v>97</v>
      </c>
      <c r="H220" s="51" t="s">
        <v>82</v>
      </c>
      <c r="I220" s="50">
        <v>30</v>
      </c>
    </row>
    <row r="221" spans="1:9" x14ac:dyDescent="0.35">
      <c r="A221" s="52" t="s">
        <v>78</v>
      </c>
      <c r="B221" s="51" t="s">
        <v>79</v>
      </c>
      <c r="C221" s="61">
        <v>302927496</v>
      </c>
      <c r="D221" s="62">
        <v>20</v>
      </c>
      <c r="E221" s="51">
        <v>202402</v>
      </c>
      <c r="F221" s="51" t="s">
        <v>38</v>
      </c>
      <c r="G221" s="51" t="s">
        <v>97</v>
      </c>
      <c r="H221" s="51" t="s">
        <v>82</v>
      </c>
      <c r="I221" s="50">
        <v>4.7</v>
      </c>
    </row>
    <row r="222" spans="1:9" x14ac:dyDescent="0.35">
      <c r="A222" s="52" t="s">
        <v>78</v>
      </c>
      <c r="B222" s="51" t="s">
        <v>79</v>
      </c>
      <c r="C222" s="61">
        <v>303501784</v>
      </c>
      <c r="D222" s="62">
        <v>20</v>
      </c>
      <c r="E222" s="51">
        <v>202402</v>
      </c>
      <c r="F222" s="51" t="s">
        <v>38</v>
      </c>
      <c r="G222" s="51" t="s">
        <v>97</v>
      </c>
      <c r="H222" s="51" t="s">
        <v>82</v>
      </c>
      <c r="I222" s="50">
        <v>4.7</v>
      </c>
    </row>
    <row r="223" spans="1:9" x14ac:dyDescent="0.35">
      <c r="A223" s="52" t="s">
        <v>78</v>
      </c>
      <c r="B223" s="51" t="s">
        <v>79</v>
      </c>
      <c r="C223" s="61">
        <v>307402048</v>
      </c>
      <c r="D223" s="62">
        <v>20</v>
      </c>
      <c r="E223" s="51">
        <v>202402</v>
      </c>
      <c r="F223" s="51" t="s">
        <v>38</v>
      </c>
      <c r="G223" s="51" t="s">
        <v>97</v>
      </c>
      <c r="H223" s="51" t="s">
        <v>82</v>
      </c>
      <c r="I223" s="50">
        <v>30</v>
      </c>
    </row>
    <row r="224" spans="1:9" x14ac:dyDescent="0.35">
      <c r="A224" s="52" t="s">
        <v>78</v>
      </c>
      <c r="B224" s="51" t="s">
        <v>79</v>
      </c>
      <c r="C224" s="61">
        <v>307431141</v>
      </c>
      <c r="D224" s="62">
        <v>20</v>
      </c>
      <c r="E224" s="51">
        <v>202402</v>
      </c>
      <c r="F224" s="51" t="s">
        <v>38</v>
      </c>
      <c r="G224" s="51" t="s">
        <v>97</v>
      </c>
      <c r="H224" s="51" t="s">
        <v>82</v>
      </c>
      <c r="I224" s="50">
        <v>4.7</v>
      </c>
    </row>
    <row r="225" spans="1:9" x14ac:dyDescent="0.35">
      <c r="A225" s="52" t="s">
        <v>78</v>
      </c>
      <c r="B225" s="51" t="s">
        <v>79</v>
      </c>
      <c r="C225" s="61">
        <v>308001782</v>
      </c>
      <c r="D225" s="62">
        <v>20</v>
      </c>
      <c r="E225" s="51">
        <v>202402</v>
      </c>
      <c r="F225" s="51" t="s">
        <v>38</v>
      </c>
      <c r="G225" s="51" t="s">
        <v>97</v>
      </c>
      <c r="H225" s="51" t="s">
        <v>82</v>
      </c>
      <c r="I225" s="50">
        <v>4.7</v>
      </c>
    </row>
    <row r="226" spans="1:9" x14ac:dyDescent="0.35">
      <c r="A226" s="52" t="s">
        <v>78</v>
      </c>
      <c r="B226" s="51" t="s">
        <v>79</v>
      </c>
      <c r="C226" s="61">
        <v>308400220</v>
      </c>
      <c r="D226" s="62">
        <v>20</v>
      </c>
      <c r="E226" s="51">
        <v>202402</v>
      </c>
      <c r="F226" s="51" t="s">
        <v>38</v>
      </c>
      <c r="G226" s="51" t="s">
        <v>97</v>
      </c>
      <c r="H226" s="51" t="s">
        <v>82</v>
      </c>
      <c r="I226" s="50">
        <v>4.7</v>
      </c>
    </row>
    <row r="227" spans="1:9" x14ac:dyDescent="0.35">
      <c r="A227" s="52" t="s">
        <v>78</v>
      </c>
      <c r="B227" s="51" t="s">
        <v>79</v>
      </c>
      <c r="C227" s="61">
        <v>313245885</v>
      </c>
      <c r="D227" s="62">
        <v>20</v>
      </c>
      <c r="E227" s="51">
        <v>202402</v>
      </c>
      <c r="F227" s="51" t="s">
        <v>38</v>
      </c>
      <c r="G227" s="51" t="s">
        <v>97</v>
      </c>
      <c r="H227" s="51" t="s">
        <v>82</v>
      </c>
      <c r="I227" s="50">
        <v>30</v>
      </c>
    </row>
    <row r="228" spans="1:9" x14ac:dyDescent="0.35">
      <c r="A228" s="52" t="s">
        <v>78</v>
      </c>
      <c r="B228" s="51" t="s">
        <v>79</v>
      </c>
      <c r="C228" s="61">
        <v>317717653</v>
      </c>
      <c r="D228" s="62">
        <v>20</v>
      </c>
      <c r="E228" s="51">
        <v>202402</v>
      </c>
      <c r="F228" s="51" t="s">
        <v>38</v>
      </c>
      <c r="G228" s="51" t="s">
        <v>97</v>
      </c>
      <c r="H228" s="51" t="s">
        <v>82</v>
      </c>
      <c r="I228" s="50">
        <v>30</v>
      </c>
    </row>
    <row r="229" spans="1:9" x14ac:dyDescent="0.35">
      <c r="A229" s="52" t="s">
        <v>78</v>
      </c>
      <c r="B229" s="51" t="s">
        <v>79</v>
      </c>
      <c r="C229" s="61">
        <v>319018930</v>
      </c>
      <c r="D229" s="62">
        <v>20</v>
      </c>
      <c r="E229" s="51">
        <v>202402</v>
      </c>
      <c r="F229" s="51" t="s">
        <v>38</v>
      </c>
      <c r="G229" s="51" t="s">
        <v>97</v>
      </c>
      <c r="H229" s="51" t="s">
        <v>82</v>
      </c>
      <c r="I229" s="50">
        <v>4.7</v>
      </c>
    </row>
    <row r="230" spans="1:9" x14ac:dyDescent="0.35">
      <c r="A230" s="52" t="s">
        <v>78</v>
      </c>
      <c r="B230" s="51" t="s">
        <v>79</v>
      </c>
      <c r="C230" s="61">
        <v>319039877</v>
      </c>
      <c r="D230" s="62">
        <v>20</v>
      </c>
      <c r="E230" s="51">
        <v>202402</v>
      </c>
      <c r="F230" s="51" t="s">
        <v>38</v>
      </c>
      <c r="G230" s="51" t="s">
        <v>97</v>
      </c>
      <c r="H230" s="51" t="s">
        <v>82</v>
      </c>
      <c r="I230" s="50">
        <v>4.7</v>
      </c>
    </row>
    <row r="231" spans="1:9" x14ac:dyDescent="0.35">
      <c r="A231" s="52" t="s">
        <v>78</v>
      </c>
      <c r="B231" s="51" t="s">
        <v>79</v>
      </c>
      <c r="C231" s="61">
        <v>319336343</v>
      </c>
      <c r="D231" s="62">
        <v>20</v>
      </c>
      <c r="E231" s="51">
        <v>202402</v>
      </c>
      <c r="F231" s="51" t="s">
        <v>38</v>
      </c>
      <c r="G231" s="51" t="s">
        <v>97</v>
      </c>
      <c r="H231" s="51" t="s">
        <v>82</v>
      </c>
      <c r="I231" s="50">
        <v>4.7</v>
      </c>
    </row>
    <row r="232" spans="1:9" x14ac:dyDescent="0.35">
      <c r="A232" s="52" t="s">
        <v>78</v>
      </c>
      <c r="B232" s="51" t="s">
        <v>79</v>
      </c>
      <c r="C232" s="61">
        <v>319829563</v>
      </c>
      <c r="D232" s="62">
        <v>20</v>
      </c>
      <c r="E232" s="51">
        <v>202402</v>
      </c>
      <c r="F232" s="51" t="s">
        <v>38</v>
      </c>
      <c r="G232" s="51" t="s">
        <v>97</v>
      </c>
      <c r="H232" s="51" t="s">
        <v>82</v>
      </c>
      <c r="I232" s="50">
        <v>4.7</v>
      </c>
    </row>
    <row r="233" spans="1:9" x14ac:dyDescent="0.35">
      <c r="A233" s="52" t="s">
        <v>78</v>
      </c>
      <c r="B233" s="51" t="s">
        <v>79</v>
      </c>
      <c r="C233" s="61">
        <v>319829563</v>
      </c>
      <c r="D233" s="62">
        <v>20</v>
      </c>
      <c r="E233" s="51">
        <v>202402</v>
      </c>
      <c r="F233" s="51" t="s">
        <v>38</v>
      </c>
      <c r="G233" s="51" t="s">
        <v>97</v>
      </c>
      <c r="H233" s="51" t="s">
        <v>82</v>
      </c>
      <c r="I233" s="50">
        <v>4.7</v>
      </c>
    </row>
    <row r="234" spans="1:9" x14ac:dyDescent="0.35">
      <c r="A234" s="52" t="s">
        <v>78</v>
      </c>
      <c r="B234" s="51" t="s">
        <v>79</v>
      </c>
      <c r="C234" s="61">
        <v>322902937</v>
      </c>
      <c r="D234" s="62">
        <v>20</v>
      </c>
      <c r="E234" s="51">
        <v>202402</v>
      </c>
      <c r="F234" s="51" t="s">
        <v>38</v>
      </c>
      <c r="G234" s="51" t="s">
        <v>97</v>
      </c>
      <c r="H234" s="51" t="s">
        <v>82</v>
      </c>
      <c r="I234" s="50">
        <v>4.7</v>
      </c>
    </row>
    <row r="235" spans="1:9" x14ac:dyDescent="0.35">
      <c r="A235" s="52" t="s">
        <v>78</v>
      </c>
      <c r="B235" s="51" t="s">
        <v>79</v>
      </c>
      <c r="C235" s="61">
        <v>327101492</v>
      </c>
      <c r="D235" s="62">
        <v>20</v>
      </c>
      <c r="E235" s="51">
        <v>202402</v>
      </c>
      <c r="F235" s="51" t="s">
        <v>38</v>
      </c>
      <c r="G235" s="51" t="s">
        <v>97</v>
      </c>
      <c r="H235" s="51" t="s">
        <v>82</v>
      </c>
      <c r="I235" s="50">
        <v>4.7</v>
      </c>
    </row>
    <row r="236" spans="1:9" x14ac:dyDescent="0.35">
      <c r="A236" s="52" t="s">
        <v>78</v>
      </c>
      <c r="B236" s="51" t="s">
        <v>79</v>
      </c>
      <c r="C236" s="61">
        <v>327459983</v>
      </c>
      <c r="D236" s="62">
        <v>20</v>
      </c>
      <c r="E236" s="51">
        <v>202402</v>
      </c>
      <c r="F236" s="51" t="s">
        <v>38</v>
      </c>
      <c r="G236" s="51" t="s">
        <v>97</v>
      </c>
      <c r="H236" s="51" t="s">
        <v>82</v>
      </c>
      <c r="I236" s="50">
        <v>30</v>
      </c>
    </row>
    <row r="237" spans="1:9" x14ac:dyDescent="0.35">
      <c r="A237" s="52" t="s">
        <v>78</v>
      </c>
      <c r="B237" s="51" t="s">
        <v>79</v>
      </c>
      <c r="C237" s="61">
        <v>327879730</v>
      </c>
      <c r="D237" s="62">
        <v>20</v>
      </c>
      <c r="E237" s="51">
        <v>202402</v>
      </c>
      <c r="F237" s="51" t="s">
        <v>38</v>
      </c>
      <c r="G237" s="51" t="s">
        <v>97</v>
      </c>
      <c r="H237" s="51" t="s">
        <v>82</v>
      </c>
      <c r="I237" s="50">
        <v>95</v>
      </c>
    </row>
    <row r="238" spans="1:9" x14ac:dyDescent="0.35">
      <c r="A238" s="52" t="s">
        <v>78</v>
      </c>
      <c r="B238" s="51" t="s">
        <v>79</v>
      </c>
      <c r="C238" s="61">
        <v>329100151</v>
      </c>
      <c r="D238" s="62">
        <v>20</v>
      </c>
      <c r="E238" s="51">
        <v>202402</v>
      </c>
      <c r="F238" s="51" t="s">
        <v>38</v>
      </c>
      <c r="G238" s="51" t="s">
        <v>97</v>
      </c>
      <c r="H238" s="51" t="s">
        <v>82</v>
      </c>
      <c r="I238" s="50">
        <v>4.7</v>
      </c>
    </row>
    <row r="239" spans="1:9" x14ac:dyDescent="0.35">
      <c r="A239" s="52" t="s">
        <v>78</v>
      </c>
      <c r="B239" s="51" t="s">
        <v>79</v>
      </c>
      <c r="C239" s="61">
        <v>332199759</v>
      </c>
      <c r="D239" s="62">
        <v>20</v>
      </c>
      <c r="E239" s="51">
        <v>202402</v>
      </c>
      <c r="F239" s="51" t="s">
        <v>38</v>
      </c>
      <c r="G239" s="51" t="s">
        <v>97</v>
      </c>
      <c r="H239" s="51" t="s">
        <v>82</v>
      </c>
      <c r="I239" s="50">
        <v>4.7</v>
      </c>
    </row>
    <row r="240" spans="1:9" x14ac:dyDescent="0.35">
      <c r="A240" s="52" t="s">
        <v>78</v>
      </c>
      <c r="B240" s="51" t="s">
        <v>79</v>
      </c>
      <c r="C240" s="61">
        <v>332560808</v>
      </c>
      <c r="D240" s="62">
        <v>20</v>
      </c>
      <c r="E240" s="51">
        <v>202402</v>
      </c>
      <c r="F240" s="51" t="s">
        <v>38</v>
      </c>
      <c r="G240" s="51" t="s">
        <v>97</v>
      </c>
      <c r="H240" s="51" t="s">
        <v>82</v>
      </c>
      <c r="I240" s="50">
        <v>4.7</v>
      </c>
    </row>
    <row r="241" spans="1:9" x14ac:dyDescent="0.35">
      <c r="A241" s="52" t="s">
        <v>78</v>
      </c>
      <c r="B241" s="51" t="s">
        <v>79</v>
      </c>
      <c r="C241" s="61">
        <v>334000116</v>
      </c>
      <c r="D241" s="62">
        <v>20</v>
      </c>
      <c r="E241" s="51">
        <v>202402</v>
      </c>
      <c r="F241" s="51" t="s">
        <v>38</v>
      </c>
      <c r="G241" s="51" t="s">
        <v>97</v>
      </c>
      <c r="H241" s="51" t="s">
        <v>82</v>
      </c>
      <c r="I241" s="50">
        <v>4.7</v>
      </c>
    </row>
    <row r="242" spans="1:9" x14ac:dyDescent="0.35">
      <c r="A242" s="52" t="s">
        <v>78</v>
      </c>
      <c r="B242" s="51" t="s">
        <v>79</v>
      </c>
      <c r="C242" s="61">
        <v>334301585</v>
      </c>
      <c r="D242" s="62">
        <v>20</v>
      </c>
      <c r="E242" s="51">
        <v>202402</v>
      </c>
      <c r="F242" s="51" t="s">
        <v>38</v>
      </c>
      <c r="G242" s="51" t="s">
        <v>97</v>
      </c>
      <c r="H242" s="51" t="s">
        <v>82</v>
      </c>
      <c r="I242" s="50">
        <v>4.7</v>
      </c>
    </row>
    <row r="243" spans="1:9" x14ac:dyDescent="0.35">
      <c r="A243" s="52" t="s">
        <v>78</v>
      </c>
      <c r="B243" s="51" t="s">
        <v>79</v>
      </c>
      <c r="C243" s="61">
        <v>335700031</v>
      </c>
      <c r="D243" s="62">
        <v>20</v>
      </c>
      <c r="E243" s="51">
        <v>202402</v>
      </c>
      <c r="F243" s="51" t="s">
        <v>38</v>
      </c>
      <c r="G243" s="51" t="s">
        <v>97</v>
      </c>
      <c r="H243" s="51" t="s">
        <v>82</v>
      </c>
      <c r="I243" s="50">
        <v>30</v>
      </c>
    </row>
    <row r="244" spans="1:9" x14ac:dyDescent="0.35">
      <c r="A244" s="52" t="s">
        <v>78</v>
      </c>
      <c r="B244" s="51" t="s">
        <v>79</v>
      </c>
      <c r="C244" s="61">
        <v>337002367</v>
      </c>
      <c r="D244" s="62">
        <v>20</v>
      </c>
      <c r="E244" s="51">
        <v>202402</v>
      </c>
      <c r="F244" s="51" t="s">
        <v>38</v>
      </c>
      <c r="G244" s="51" t="s">
        <v>97</v>
      </c>
      <c r="H244" s="51" t="s">
        <v>82</v>
      </c>
      <c r="I244" s="50">
        <v>4.7</v>
      </c>
    </row>
    <row r="245" spans="1:9" x14ac:dyDescent="0.35">
      <c r="A245" s="52" t="s">
        <v>78</v>
      </c>
      <c r="B245" s="51" t="s">
        <v>79</v>
      </c>
      <c r="C245" s="61">
        <v>337002367</v>
      </c>
      <c r="D245" s="62">
        <v>20</v>
      </c>
      <c r="E245" s="51">
        <v>202402</v>
      </c>
      <c r="F245" s="51" t="s">
        <v>38</v>
      </c>
      <c r="G245" s="51" t="s">
        <v>97</v>
      </c>
      <c r="H245" s="51" t="s">
        <v>82</v>
      </c>
      <c r="I245" s="50">
        <v>4.7</v>
      </c>
    </row>
    <row r="246" spans="1:9" x14ac:dyDescent="0.35">
      <c r="A246" s="52" t="s">
        <v>78</v>
      </c>
      <c r="B246" s="51" t="s">
        <v>79</v>
      </c>
      <c r="C246" s="61">
        <v>337400041</v>
      </c>
      <c r="D246" s="62">
        <v>20</v>
      </c>
      <c r="E246" s="51">
        <v>202402</v>
      </c>
      <c r="F246" s="51" t="s">
        <v>38</v>
      </c>
      <c r="G246" s="51" t="s">
        <v>97</v>
      </c>
      <c r="H246" s="51" t="s">
        <v>82</v>
      </c>
      <c r="I246" s="50">
        <v>4.7</v>
      </c>
    </row>
    <row r="247" spans="1:9" x14ac:dyDescent="0.35">
      <c r="A247" s="52" t="s">
        <v>78</v>
      </c>
      <c r="B247" s="51" t="s">
        <v>79</v>
      </c>
      <c r="C247" s="61">
        <v>337927853</v>
      </c>
      <c r="D247" s="62">
        <v>20</v>
      </c>
      <c r="E247" s="51">
        <v>202402</v>
      </c>
      <c r="F247" s="51" t="s">
        <v>38</v>
      </c>
      <c r="G247" s="51" t="s">
        <v>97</v>
      </c>
      <c r="H247" s="51" t="s">
        <v>82</v>
      </c>
      <c r="I247" s="50">
        <v>4.7</v>
      </c>
    </row>
    <row r="248" spans="1:9" x14ac:dyDescent="0.35">
      <c r="A248" s="52" t="s">
        <v>78</v>
      </c>
      <c r="B248" s="51" t="s">
        <v>79</v>
      </c>
      <c r="C248" s="61">
        <v>340759521</v>
      </c>
      <c r="D248" s="62">
        <v>20</v>
      </c>
      <c r="E248" s="51">
        <v>202402</v>
      </c>
      <c r="F248" s="51" t="s">
        <v>38</v>
      </c>
      <c r="G248" s="51" t="s">
        <v>97</v>
      </c>
      <c r="H248" s="51" t="s">
        <v>82</v>
      </c>
      <c r="I248" s="50">
        <v>4.7</v>
      </c>
    </row>
    <row r="249" spans="1:9" x14ac:dyDescent="0.35">
      <c r="A249" s="52" t="s">
        <v>78</v>
      </c>
      <c r="B249" s="51" t="s">
        <v>79</v>
      </c>
      <c r="C249" s="61">
        <v>341606067</v>
      </c>
      <c r="D249" s="62">
        <v>20</v>
      </c>
      <c r="E249" s="51">
        <v>202402</v>
      </c>
      <c r="F249" s="51" t="s">
        <v>38</v>
      </c>
      <c r="G249" s="51" t="s">
        <v>97</v>
      </c>
      <c r="H249" s="51" t="s">
        <v>82</v>
      </c>
      <c r="I249" s="50">
        <v>4.7</v>
      </c>
    </row>
    <row r="250" spans="1:9" x14ac:dyDescent="0.35">
      <c r="A250" s="52" t="s">
        <v>78</v>
      </c>
      <c r="B250" s="51" t="s">
        <v>79</v>
      </c>
      <c r="C250" s="61">
        <v>341833386</v>
      </c>
      <c r="D250" s="62">
        <v>20</v>
      </c>
      <c r="E250" s="51">
        <v>202402</v>
      </c>
      <c r="F250" s="51" t="s">
        <v>38</v>
      </c>
      <c r="G250" s="51" t="s">
        <v>97</v>
      </c>
      <c r="H250" s="51" t="s">
        <v>82</v>
      </c>
      <c r="I250" s="50">
        <v>4.7</v>
      </c>
    </row>
    <row r="251" spans="1:9" x14ac:dyDescent="0.35">
      <c r="A251" s="52" t="s">
        <v>78</v>
      </c>
      <c r="B251" s="51" t="s">
        <v>79</v>
      </c>
      <c r="C251" s="61">
        <v>343100131</v>
      </c>
      <c r="D251" s="62">
        <v>20</v>
      </c>
      <c r="E251" s="51">
        <v>202402</v>
      </c>
      <c r="F251" s="51" t="s">
        <v>38</v>
      </c>
      <c r="G251" s="51" t="s">
        <v>97</v>
      </c>
      <c r="H251" s="51" t="s">
        <v>82</v>
      </c>
      <c r="I251" s="50">
        <v>4.7</v>
      </c>
    </row>
    <row r="252" spans="1:9" x14ac:dyDescent="0.35">
      <c r="A252" s="52" t="s">
        <v>78</v>
      </c>
      <c r="B252" s="51" t="s">
        <v>79</v>
      </c>
      <c r="C252" s="61">
        <v>343901940</v>
      </c>
      <c r="D252" s="62">
        <v>20</v>
      </c>
      <c r="E252" s="51">
        <v>202402</v>
      </c>
      <c r="F252" s="51" t="s">
        <v>38</v>
      </c>
      <c r="G252" s="51" t="s">
        <v>97</v>
      </c>
      <c r="H252" s="51" t="s">
        <v>82</v>
      </c>
      <c r="I252" s="50">
        <v>4.7</v>
      </c>
    </row>
    <row r="253" spans="1:9" x14ac:dyDescent="0.35">
      <c r="A253" s="52" t="s">
        <v>78</v>
      </c>
      <c r="B253" s="51" t="s">
        <v>79</v>
      </c>
      <c r="C253" s="61">
        <v>344402124</v>
      </c>
      <c r="D253" s="62">
        <v>20</v>
      </c>
      <c r="E253" s="51">
        <v>202402</v>
      </c>
      <c r="F253" s="51" t="s">
        <v>38</v>
      </c>
      <c r="G253" s="51" t="s">
        <v>97</v>
      </c>
      <c r="H253" s="51" t="s">
        <v>82</v>
      </c>
      <c r="I253" s="50">
        <v>4.7</v>
      </c>
    </row>
    <row r="254" spans="1:9" x14ac:dyDescent="0.35">
      <c r="A254" s="52" t="s">
        <v>78</v>
      </c>
      <c r="B254" s="51" t="s">
        <v>79</v>
      </c>
      <c r="C254" s="61">
        <v>345014949</v>
      </c>
      <c r="D254" s="62">
        <v>20</v>
      </c>
      <c r="E254" s="51">
        <v>202402</v>
      </c>
      <c r="F254" s="51" t="s">
        <v>38</v>
      </c>
      <c r="G254" s="51" t="s">
        <v>97</v>
      </c>
      <c r="H254" s="51" t="s">
        <v>82</v>
      </c>
      <c r="I254" s="50">
        <v>4.7</v>
      </c>
    </row>
    <row r="255" spans="1:9" x14ac:dyDescent="0.35">
      <c r="A255" s="52" t="s">
        <v>78</v>
      </c>
      <c r="B255" s="51" t="s">
        <v>79</v>
      </c>
      <c r="C255" s="61">
        <v>345414230</v>
      </c>
      <c r="D255" s="62">
        <v>20</v>
      </c>
      <c r="E255" s="51">
        <v>202402</v>
      </c>
      <c r="F255" s="51" t="s">
        <v>38</v>
      </c>
      <c r="G255" s="51" t="s">
        <v>97</v>
      </c>
      <c r="H255" s="51" t="s">
        <v>82</v>
      </c>
      <c r="I255" s="50">
        <v>4.7</v>
      </c>
    </row>
    <row r="256" spans="1:9" x14ac:dyDescent="0.35">
      <c r="A256" s="52" t="s">
        <v>78</v>
      </c>
      <c r="B256" s="51" t="s">
        <v>79</v>
      </c>
      <c r="C256" s="61">
        <v>347943141</v>
      </c>
      <c r="D256" s="62">
        <v>20</v>
      </c>
      <c r="E256" s="51">
        <v>202402</v>
      </c>
      <c r="F256" s="51" t="s">
        <v>38</v>
      </c>
      <c r="G256" s="51" t="s">
        <v>97</v>
      </c>
      <c r="H256" s="51" t="s">
        <v>82</v>
      </c>
      <c r="I256" s="50">
        <v>4.7</v>
      </c>
    </row>
    <row r="257" spans="1:9" x14ac:dyDescent="0.35">
      <c r="A257" s="52" t="s">
        <v>78</v>
      </c>
      <c r="B257" s="51" t="s">
        <v>79</v>
      </c>
      <c r="C257" s="61">
        <v>348400746</v>
      </c>
      <c r="D257" s="62">
        <v>20</v>
      </c>
      <c r="E257" s="51">
        <v>202402</v>
      </c>
      <c r="F257" s="51" t="s">
        <v>38</v>
      </c>
      <c r="G257" s="51" t="s">
        <v>97</v>
      </c>
      <c r="H257" s="51" t="s">
        <v>82</v>
      </c>
      <c r="I257" s="50">
        <v>4.7</v>
      </c>
    </row>
    <row r="258" spans="1:9" x14ac:dyDescent="0.35">
      <c r="A258" s="52" t="s">
        <v>78</v>
      </c>
      <c r="B258" s="51" t="s">
        <v>79</v>
      </c>
      <c r="C258" s="61">
        <v>351901411</v>
      </c>
      <c r="D258" s="62">
        <v>20</v>
      </c>
      <c r="E258" s="51">
        <v>202402</v>
      </c>
      <c r="F258" s="51" t="s">
        <v>38</v>
      </c>
      <c r="G258" s="51" t="s">
        <v>97</v>
      </c>
      <c r="H258" s="51" t="s">
        <v>82</v>
      </c>
      <c r="I258" s="50">
        <v>4.7</v>
      </c>
    </row>
    <row r="259" spans="1:9" x14ac:dyDescent="0.35">
      <c r="A259" s="52" t="s">
        <v>78</v>
      </c>
      <c r="B259" s="51" t="s">
        <v>79</v>
      </c>
      <c r="C259" s="61">
        <v>351905400</v>
      </c>
      <c r="D259" s="62">
        <v>20</v>
      </c>
      <c r="E259" s="51">
        <v>202402</v>
      </c>
      <c r="F259" s="51" t="s">
        <v>38</v>
      </c>
      <c r="G259" s="51" t="s">
        <v>97</v>
      </c>
      <c r="H259" s="51" t="s">
        <v>82</v>
      </c>
      <c r="I259" s="50">
        <v>4.7</v>
      </c>
    </row>
    <row r="260" spans="1:9" x14ac:dyDescent="0.35">
      <c r="A260" s="52" t="s">
        <v>78</v>
      </c>
      <c r="B260" s="51" t="s">
        <v>79</v>
      </c>
      <c r="C260" s="61">
        <v>352100285</v>
      </c>
      <c r="D260" s="62">
        <v>20</v>
      </c>
      <c r="E260" s="51">
        <v>202402</v>
      </c>
      <c r="F260" s="51" t="s">
        <v>38</v>
      </c>
      <c r="G260" s="51" t="s">
        <v>97</v>
      </c>
      <c r="H260" s="51" t="s">
        <v>82</v>
      </c>
      <c r="I260" s="50">
        <v>4.7</v>
      </c>
    </row>
    <row r="261" spans="1:9" x14ac:dyDescent="0.35">
      <c r="A261" s="52" t="s">
        <v>78</v>
      </c>
      <c r="B261" s="51" t="s">
        <v>79</v>
      </c>
      <c r="C261" s="61">
        <v>353358274</v>
      </c>
      <c r="D261" s="62">
        <v>20</v>
      </c>
      <c r="E261" s="51">
        <v>202402</v>
      </c>
      <c r="F261" s="51" t="s">
        <v>38</v>
      </c>
      <c r="G261" s="51" t="s">
        <v>97</v>
      </c>
      <c r="H261" s="51" t="s">
        <v>82</v>
      </c>
      <c r="I261" s="50">
        <v>4.7</v>
      </c>
    </row>
    <row r="262" spans="1:9" x14ac:dyDescent="0.35">
      <c r="A262" s="52" t="s">
        <v>78</v>
      </c>
      <c r="B262" s="51" t="s">
        <v>79</v>
      </c>
      <c r="C262" s="61">
        <v>353618621</v>
      </c>
      <c r="D262" s="62">
        <v>20</v>
      </c>
      <c r="E262" s="51">
        <v>202402</v>
      </c>
      <c r="F262" s="51" t="s">
        <v>38</v>
      </c>
      <c r="G262" s="51" t="s">
        <v>97</v>
      </c>
      <c r="H262" s="51" t="s">
        <v>82</v>
      </c>
      <c r="I262" s="50">
        <v>4.7</v>
      </c>
    </row>
    <row r="263" spans="1:9" x14ac:dyDescent="0.35">
      <c r="A263" s="52" t="s">
        <v>78</v>
      </c>
      <c r="B263" s="51" t="s">
        <v>79</v>
      </c>
      <c r="C263" s="61">
        <v>357674037</v>
      </c>
      <c r="D263" s="62">
        <v>20</v>
      </c>
      <c r="E263" s="51">
        <v>202402</v>
      </c>
      <c r="F263" s="51" t="s">
        <v>38</v>
      </c>
      <c r="G263" s="51" t="s">
        <v>97</v>
      </c>
      <c r="H263" s="51" t="s">
        <v>82</v>
      </c>
      <c r="I263" s="50">
        <v>4.7</v>
      </c>
    </row>
    <row r="264" spans="1:9" x14ac:dyDescent="0.35">
      <c r="A264" s="52" t="s">
        <v>78</v>
      </c>
      <c r="B264" s="51" t="s">
        <v>79</v>
      </c>
      <c r="C264" s="61">
        <v>357700531</v>
      </c>
      <c r="D264" s="62">
        <v>20</v>
      </c>
      <c r="E264" s="51">
        <v>202402</v>
      </c>
      <c r="F264" s="51" t="s">
        <v>38</v>
      </c>
      <c r="G264" s="51" t="s">
        <v>97</v>
      </c>
      <c r="H264" s="51" t="s">
        <v>82</v>
      </c>
      <c r="I264" s="50">
        <v>4.7</v>
      </c>
    </row>
    <row r="265" spans="1:9" x14ac:dyDescent="0.35">
      <c r="A265" s="52" t="s">
        <v>78</v>
      </c>
      <c r="B265" s="51" t="s">
        <v>79</v>
      </c>
      <c r="C265" s="61">
        <v>358724821</v>
      </c>
      <c r="D265" s="62">
        <v>20</v>
      </c>
      <c r="E265" s="51">
        <v>202402</v>
      </c>
      <c r="F265" s="51" t="s">
        <v>38</v>
      </c>
      <c r="G265" s="51" t="s">
        <v>97</v>
      </c>
      <c r="H265" s="51" t="s">
        <v>82</v>
      </c>
      <c r="I265" s="50">
        <v>4.7</v>
      </c>
    </row>
    <row r="266" spans="1:9" x14ac:dyDescent="0.35">
      <c r="A266" s="52" t="s">
        <v>78</v>
      </c>
      <c r="B266" s="51" t="s">
        <v>79</v>
      </c>
      <c r="C266" s="61">
        <v>360204841</v>
      </c>
      <c r="D266" s="62">
        <v>20</v>
      </c>
      <c r="E266" s="51">
        <v>202402</v>
      </c>
      <c r="F266" s="51" t="s">
        <v>38</v>
      </c>
      <c r="G266" s="51" t="s">
        <v>97</v>
      </c>
      <c r="H266" s="51" t="s">
        <v>82</v>
      </c>
      <c r="I266" s="50">
        <v>4.7</v>
      </c>
    </row>
    <row r="267" spans="1:9" x14ac:dyDescent="0.35">
      <c r="A267" s="52" t="s">
        <v>78</v>
      </c>
      <c r="B267" s="51" t="s">
        <v>79</v>
      </c>
      <c r="C267" s="61">
        <v>361071158</v>
      </c>
      <c r="D267" s="62">
        <v>20</v>
      </c>
      <c r="E267" s="51">
        <v>202402</v>
      </c>
      <c r="F267" s="51" t="s">
        <v>38</v>
      </c>
      <c r="G267" s="51" t="s">
        <v>97</v>
      </c>
      <c r="H267" s="51" t="s">
        <v>82</v>
      </c>
      <c r="I267" s="50">
        <v>4.7</v>
      </c>
    </row>
    <row r="268" spans="1:9" x14ac:dyDescent="0.35">
      <c r="A268" s="52" t="s">
        <v>78</v>
      </c>
      <c r="B268" s="51" t="s">
        <v>79</v>
      </c>
      <c r="C268" s="61">
        <v>361295455</v>
      </c>
      <c r="D268" s="62">
        <v>20</v>
      </c>
      <c r="E268" s="51">
        <v>202402</v>
      </c>
      <c r="F268" s="51" t="s">
        <v>38</v>
      </c>
      <c r="G268" s="51" t="s">
        <v>97</v>
      </c>
      <c r="H268" s="51" t="s">
        <v>82</v>
      </c>
      <c r="I268" s="50">
        <v>4.7</v>
      </c>
    </row>
    <row r="269" spans="1:9" x14ac:dyDescent="0.35">
      <c r="A269" s="52" t="s">
        <v>78</v>
      </c>
      <c r="B269" s="51" t="s">
        <v>79</v>
      </c>
      <c r="C269" s="61">
        <v>362201820</v>
      </c>
      <c r="D269" s="62">
        <v>20</v>
      </c>
      <c r="E269" s="51">
        <v>202402</v>
      </c>
      <c r="F269" s="51" t="s">
        <v>38</v>
      </c>
      <c r="G269" s="51" t="s">
        <v>97</v>
      </c>
      <c r="H269" s="51" t="s">
        <v>82</v>
      </c>
      <c r="I269" s="50">
        <v>4.7</v>
      </c>
    </row>
    <row r="270" spans="1:9" x14ac:dyDescent="0.35">
      <c r="A270" s="52" t="s">
        <v>78</v>
      </c>
      <c r="B270" s="51" t="s">
        <v>79</v>
      </c>
      <c r="C270" s="61">
        <v>362701780</v>
      </c>
      <c r="D270" s="62">
        <v>20</v>
      </c>
      <c r="E270" s="51">
        <v>202402</v>
      </c>
      <c r="F270" s="51" t="s">
        <v>38</v>
      </c>
      <c r="G270" s="51" t="s">
        <v>97</v>
      </c>
      <c r="H270" s="51" t="s">
        <v>82</v>
      </c>
      <c r="I270" s="50">
        <v>4.7</v>
      </c>
    </row>
    <row r="271" spans="1:9" x14ac:dyDescent="0.35">
      <c r="A271" s="52" t="s">
        <v>78</v>
      </c>
      <c r="B271" s="51" t="s">
        <v>79</v>
      </c>
      <c r="C271" s="61">
        <v>362901606</v>
      </c>
      <c r="D271" s="62">
        <v>20</v>
      </c>
      <c r="E271" s="51">
        <v>202402</v>
      </c>
      <c r="F271" s="51" t="s">
        <v>38</v>
      </c>
      <c r="G271" s="51" t="s">
        <v>97</v>
      </c>
      <c r="H271" s="51" t="s">
        <v>82</v>
      </c>
      <c r="I271" s="50">
        <v>4.7</v>
      </c>
    </row>
    <row r="272" spans="1:9" x14ac:dyDescent="0.35">
      <c r="A272" s="52" t="s">
        <v>78</v>
      </c>
      <c r="B272" s="51" t="s">
        <v>79</v>
      </c>
      <c r="C272" s="61">
        <v>364700090</v>
      </c>
      <c r="D272" s="62">
        <v>20</v>
      </c>
      <c r="E272" s="51">
        <v>202402</v>
      </c>
      <c r="F272" s="51" t="s">
        <v>38</v>
      </c>
      <c r="G272" s="51" t="s">
        <v>97</v>
      </c>
      <c r="H272" s="51" t="s">
        <v>82</v>
      </c>
      <c r="I272" s="50">
        <v>4.7</v>
      </c>
    </row>
    <row r="273" spans="1:9" x14ac:dyDescent="0.35">
      <c r="A273" s="52" t="s">
        <v>78</v>
      </c>
      <c r="B273" s="51" t="s">
        <v>79</v>
      </c>
      <c r="C273" s="61">
        <v>365000835</v>
      </c>
      <c r="D273" s="62">
        <v>20</v>
      </c>
      <c r="E273" s="51">
        <v>202402</v>
      </c>
      <c r="F273" s="51" t="s">
        <v>38</v>
      </c>
      <c r="G273" s="51" t="s">
        <v>97</v>
      </c>
      <c r="H273" s="51" t="s">
        <v>82</v>
      </c>
      <c r="I273" s="50">
        <v>4.7</v>
      </c>
    </row>
    <row r="274" spans="1:9" x14ac:dyDescent="0.35">
      <c r="A274" s="52" t="s">
        <v>78</v>
      </c>
      <c r="B274" s="51" t="s">
        <v>79</v>
      </c>
      <c r="C274" s="61">
        <v>365184690</v>
      </c>
      <c r="D274" s="62">
        <v>20</v>
      </c>
      <c r="E274" s="51">
        <v>202402</v>
      </c>
      <c r="F274" s="51" t="s">
        <v>38</v>
      </c>
      <c r="G274" s="51" t="s">
        <v>97</v>
      </c>
      <c r="H274" s="51" t="s">
        <v>82</v>
      </c>
      <c r="I274" s="50">
        <v>4.7</v>
      </c>
    </row>
    <row r="275" spans="1:9" x14ac:dyDescent="0.35">
      <c r="A275" s="52" t="s">
        <v>78</v>
      </c>
      <c r="B275" s="51" t="s">
        <v>79</v>
      </c>
      <c r="C275" s="61">
        <v>365184690</v>
      </c>
      <c r="D275" s="62">
        <v>20</v>
      </c>
      <c r="E275" s="51">
        <v>202402</v>
      </c>
      <c r="F275" s="51" t="s">
        <v>38</v>
      </c>
      <c r="G275" s="51" t="s">
        <v>97</v>
      </c>
      <c r="H275" s="51" t="s">
        <v>82</v>
      </c>
      <c r="I275" s="50">
        <v>4.7</v>
      </c>
    </row>
    <row r="276" spans="1:9" x14ac:dyDescent="0.35">
      <c r="A276" s="52" t="s">
        <v>78</v>
      </c>
      <c r="B276" s="51" t="s">
        <v>79</v>
      </c>
      <c r="C276" s="61">
        <v>366202554</v>
      </c>
      <c r="D276" s="62">
        <v>20</v>
      </c>
      <c r="E276" s="51">
        <v>202402</v>
      </c>
      <c r="F276" s="51" t="s">
        <v>38</v>
      </c>
      <c r="G276" s="51" t="s">
        <v>97</v>
      </c>
      <c r="H276" s="51" t="s">
        <v>82</v>
      </c>
      <c r="I276" s="50">
        <v>4.7</v>
      </c>
    </row>
    <row r="277" spans="1:9" x14ac:dyDescent="0.35">
      <c r="A277" s="52" t="s">
        <v>78</v>
      </c>
      <c r="B277" s="51" t="s">
        <v>79</v>
      </c>
      <c r="C277" s="61">
        <v>368754721</v>
      </c>
      <c r="D277" s="62">
        <v>20</v>
      </c>
      <c r="E277" s="51">
        <v>202402</v>
      </c>
      <c r="F277" s="51" t="s">
        <v>38</v>
      </c>
      <c r="G277" s="51" t="s">
        <v>97</v>
      </c>
      <c r="H277" s="51" t="s">
        <v>82</v>
      </c>
      <c r="I277" s="50">
        <v>4.7</v>
      </c>
    </row>
    <row r="278" spans="1:9" x14ac:dyDescent="0.35">
      <c r="A278" s="52" t="s">
        <v>78</v>
      </c>
      <c r="B278" s="51" t="s">
        <v>79</v>
      </c>
      <c r="C278" s="61">
        <v>369701416</v>
      </c>
      <c r="D278" s="62">
        <v>20</v>
      </c>
      <c r="E278" s="51">
        <v>202402</v>
      </c>
      <c r="F278" s="51" t="s">
        <v>38</v>
      </c>
      <c r="G278" s="51" t="s">
        <v>97</v>
      </c>
      <c r="H278" s="51" t="s">
        <v>82</v>
      </c>
      <c r="I278" s="50">
        <v>4.7</v>
      </c>
    </row>
    <row r="279" spans="1:9" x14ac:dyDescent="0.35">
      <c r="A279" s="52" t="s">
        <v>78</v>
      </c>
      <c r="B279" s="51" t="s">
        <v>79</v>
      </c>
      <c r="C279" s="61">
        <v>369901984</v>
      </c>
      <c r="D279" s="62">
        <v>20</v>
      </c>
      <c r="E279" s="51">
        <v>202402</v>
      </c>
      <c r="F279" s="51" t="s">
        <v>38</v>
      </c>
      <c r="G279" s="51" t="s">
        <v>97</v>
      </c>
      <c r="H279" s="51" t="s">
        <v>82</v>
      </c>
      <c r="I279" s="50">
        <v>4.7</v>
      </c>
    </row>
    <row r="280" spans="1:9" x14ac:dyDescent="0.35">
      <c r="A280" s="52" t="s">
        <v>78</v>
      </c>
      <c r="B280" s="51" t="s">
        <v>79</v>
      </c>
      <c r="C280" s="61">
        <v>369998503</v>
      </c>
      <c r="D280" s="62">
        <v>20</v>
      </c>
      <c r="E280" s="51">
        <v>202402</v>
      </c>
      <c r="F280" s="51" t="s">
        <v>38</v>
      </c>
      <c r="G280" s="51" t="s">
        <v>97</v>
      </c>
      <c r="H280" s="51" t="s">
        <v>82</v>
      </c>
      <c r="I280" s="50">
        <v>4.7</v>
      </c>
    </row>
    <row r="281" spans="1:9" x14ac:dyDescent="0.35">
      <c r="A281" s="52" t="s">
        <v>78</v>
      </c>
      <c r="B281" s="51" t="s">
        <v>79</v>
      </c>
      <c r="C281" s="61">
        <v>370370164</v>
      </c>
      <c r="D281" s="62">
        <v>20</v>
      </c>
      <c r="E281" s="51">
        <v>202402</v>
      </c>
      <c r="F281" s="51" t="s">
        <v>38</v>
      </c>
      <c r="G281" s="51" t="s">
        <v>97</v>
      </c>
      <c r="H281" s="51" t="s">
        <v>82</v>
      </c>
      <c r="I281" s="50">
        <v>4.7</v>
      </c>
    </row>
    <row r="282" spans="1:9" x14ac:dyDescent="0.35">
      <c r="A282" s="52" t="s">
        <v>78</v>
      </c>
      <c r="B282" s="51" t="s">
        <v>79</v>
      </c>
      <c r="C282" s="61">
        <v>370901251</v>
      </c>
      <c r="D282" s="62">
        <v>20</v>
      </c>
      <c r="E282" s="51">
        <v>202402</v>
      </c>
      <c r="F282" s="51" t="s">
        <v>38</v>
      </c>
      <c r="G282" s="51" t="s">
        <v>97</v>
      </c>
      <c r="H282" s="51" t="s">
        <v>82</v>
      </c>
      <c r="I282" s="50">
        <v>4.7</v>
      </c>
    </row>
    <row r="283" spans="1:9" x14ac:dyDescent="0.35">
      <c r="A283" s="52" t="s">
        <v>78</v>
      </c>
      <c r="B283" s="51" t="s">
        <v>79</v>
      </c>
      <c r="C283" s="61">
        <v>371523121</v>
      </c>
      <c r="D283" s="62">
        <v>20</v>
      </c>
      <c r="E283" s="51">
        <v>202402</v>
      </c>
      <c r="F283" s="51" t="s">
        <v>38</v>
      </c>
      <c r="G283" s="51" t="s">
        <v>97</v>
      </c>
      <c r="H283" s="51" t="s">
        <v>82</v>
      </c>
      <c r="I283" s="50">
        <v>4.7</v>
      </c>
    </row>
    <row r="284" spans="1:9" x14ac:dyDescent="0.35">
      <c r="A284" s="52" t="s">
        <v>78</v>
      </c>
      <c r="B284" s="51" t="s">
        <v>79</v>
      </c>
      <c r="C284" s="61">
        <v>372603655</v>
      </c>
      <c r="D284" s="62">
        <v>20</v>
      </c>
      <c r="E284" s="51">
        <v>202402</v>
      </c>
      <c r="F284" s="51" t="s">
        <v>38</v>
      </c>
      <c r="G284" s="51" t="s">
        <v>97</v>
      </c>
      <c r="H284" s="51" t="s">
        <v>82</v>
      </c>
      <c r="I284" s="50">
        <v>95</v>
      </c>
    </row>
    <row r="285" spans="1:9" x14ac:dyDescent="0.35">
      <c r="A285" s="52" t="s">
        <v>78</v>
      </c>
      <c r="B285" s="51" t="s">
        <v>79</v>
      </c>
      <c r="C285" s="61">
        <v>372787295</v>
      </c>
      <c r="D285" s="62">
        <v>20</v>
      </c>
      <c r="E285" s="51">
        <v>202402</v>
      </c>
      <c r="F285" s="51" t="s">
        <v>38</v>
      </c>
      <c r="G285" s="51" t="s">
        <v>97</v>
      </c>
      <c r="H285" s="51" t="s">
        <v>82</v>
      </c>
      <c r="I285" s="50">
        <v>4.7</v>
      </c>
    </row>
    <row r="286" spans="1:9" x14ac:dyDescent="0.35">
      <c r="A286" s="52" t="s">
        <v>78</v>
      </c>
      <c r="B286" s="51" t="s">
        <v>79</v>
      </c>
      <c r="C286" s="61">
        <v>374602209</v>
      </c>
      <c r="D286" s="62">
        <v>20</v>
      </c>
      <c r="E286" s="51">
        <v>202402</v>
      </c>
      <c r="F286" s="51" t="s">
        <v>38</v>
      </c>
      <c r="G286" s="51" t="s">
        <v>97</v>
      </c>
      <c r="H286" s="51" t="s">
        <v>82</v>
      </c>
      <c r="I286" s="50">
        <v>4.7</v>
      </c>
    </row>
    <row r="287" spans="1:9" x14ac:dyDescent="0.35">
      <c r="A287" s="52" t="s">
        <v>78</v>
      </c>
      <c r="B287" s="51" t="s">
        <v>79</v>
      </c>
      <c r="C287" s="61">
        <v>378900420</v>
      </c>
      <c r="D287" s="62">
        <v>20</v>
      </c>
      <c r="E287" s="51">
        <v>202402</v>
      </c>
      <c r="F287" s="51" t="s">
        <v>38</v>
      </c>
      <c r="G287" s="51" t="s">
        <v>97</v>
      </c>
      <c r="H287" s="51" t="s">
        <v>82</v>
      </c>
      <c r="I287" s="50">
        <v>4.7</v>
      </c>
    </row>
    <row r="288" spans="1:9" x14ac:dyDescent="0.35">
      <c r="A288" s="52" t="s">
        <v>78</v>
      </c>
      <c r="B288" s="51" t="s">
        <v>79</v>
      </c>
      <c r="C288" s="61">
        <v>379020535</v>
      </c>
      <c r="D288" s="62">
        <v>20</v>
      </c>
      <c r="E288" s="51">
        <v>202402</v>
      </c>
      <c r="F288" s="51" t="s">
        <v>38</v>
      </c>
      <c r="G288" s="51" t="s">
        <v>97</v>
      </c>
      <c r="H288" s="51" t="s">
        <v>82</v>
      </c>
      <c r="I288" s="50">
        <v>4.7</v>
      </c>
    </row>
    <row r="289" spans="1:9" x14ac:dyDescent="0.35">
      <c r="A289" s="52" t="s">
        <v>78</v>
      </c>
      <c r="B289" s="51" t="s">
        <v>79</v>
      </c>
      <c r="C289" s="61">
        <v>380746644</v>
      </c>
      <c r="D289" s="62">
        <v>20</v>
      </c>
      <c r="E289" s="51">
        <v>202402</v>
      </c>
      <c r="F289" s="51" t="s">
        <v>38</v>
      </c>
      <c r="G289" s="51" t="s">
        <v>97</v>
      </c>
      <c r="H289" s="51" t="s">
        <v>82</v>
      </c>
      <c r="I289" s="50">
        <v>4.7</v>
      </c>
    </row>
    <row r="290" spans="1:9" x14ac:dyDescent="0.35">
      <c r="A290" s="52" t="s">
        <v>78</v>
      </c>
      <c r="B290" s="51" t="s">
        <v>79</v>
      </c>
      <c r="C290" s="61">
        <v>383206192</v>
      </c>
      <c r="D290" s="62">
        <v>20</v>
      </c>
      <c r="E290" s="51">
        <v>202402</v>
      </c>
      <c r="F290" s="51" t="s">
        <v>38</v>
      </c>
      <c r="G290" s="51" t="s">
        <v>97</v>
      </c>
      <c r="H290" s="51" t="s">
        <v>82</v>
      </c>
      <c r="I290" s="50">
        <v>4.7</v>
      </c>
    </row>
    <row r="291" spans="1:9" x14ac:dyDescent="0.35">
      <c r="A291" s="52" t="s">
        <v>78</v>
      </c>
      <c r="B291" s="51" t="s">
        <v>79</v>
      </c>
      <c r="C291" s="61">
        <v>383423269</v>
      </c>
      <c r="D291" s="62">
        <v>20</v>
      </c>
      <c r="E291" s="51">
        <v>202402</v>
      </c>
      <c r="F291" s="51" t="s">
        <v>38</v>
      </c>
      <c r="G291" s="51" t="s">
        <v>97</v>
      </c>
      <c r="H291" s="51" t="s">
        <v>82</v>
      </c>
      <c r="I291" s="50">
        <v>4.7</v>
      </c>
    </row>
    <row r="292" spans="1:9" x14ac:dyDescent="0.35">
      <c r="A292" s="52" t="s">
        <v>78</v>
      </c>
      <c r="B292" s="51" t="s">
        <v>79</v>
      </c>
      <c r="C292" s="61">
        <v>383601577</v>
      </c>
      <c r="D292" s="62">
        <v>20</v>
      </c>
      <c r="E292" s="51">
        <v>202402</v>
      </c>
      <c r="F292" s="51" t="s">
        <v>38</v>
      </c>
      <c r="G292" s="51" t="s">
        <v>97</v>
      </c>
      <c r="H292" s="51" t="s">
        <v>82</v>
      </c>
      <c r="I292" s="50">
        <v>4.7</v>
      </c>
    </row>
    <row r="293" spans="1:9" x14ac:dyDescent="0.35">
      <c r="A293" s="52" t="s">
        <v>78</v>
      </c>
      <c r="B293" s="51" t="s">
        <v>79</v>
      </c>
      <c r="C293" s="61">
        <v>385582854</v>
      </c>
      <c r="D293" s="62">
        <v>20</v>
      </c>
      <c r="E293" s="51">
        <v>202402</v>
      </c>
      <c r="F293" s="51" t="s">
        <v>38</v>
      </c>
      <c r="G293" s="51" t="s">
        <v>97</v>
      </c>
      <c r="H293" s="51" t="s">
        <v>82</v>
      </c>
      <c r="I293" s="50">
        <v>30</v>
      </c>
    </row>
    <row r="294" spans="1:9" x14ac:dyDescent="0.35">
      <c r="A294" s="52" t="s">
        <v>78</v>
      </c>
      <c r="B294" s="51" t="s">
        <v>79</v>
      </c>
      <c r="C294" s="61">
        <v>385681587</v>
      </c>
      <c r="D294" s="62">
        <v>20</v>
      </c>
      <c r="E294" s="51">
        <v>202402</v>
      </c>
      <c r="F294" s="51" t="s">
        <v>38</v>
      </c>
      <c r="G294" s="51" t="s">
        <v>97</v>
      </c>
      <c r="H294" s="51" t="s">
        <v>82</v>
      </c>
      <c r="I294" s="50">
        <v>4.7</v>
      </c>
    </row>
    <row r="295" spans="1:9" x14ac:dyDescent="0.35">
      <c r="A295" s="52" t="s">
        <v>78</v>
      </c>
      <c r="B295" s="51" t="s">
        <v>79</v>
      </c>
      <c r="C295" s="61">
        <v>386183421</v>
      </c>
      <c r="D295" s="62">
        <v>20</v>
      </c>
      <c r="E295" s="51">
        <v>202402</v>
      </c>
      <c r="F295" s="51" t="s">
        <v>38</v>
      </c>
      <c r="G295" s="51" t="s">
        <v>97</v>
      </c>
      <c r="H295" s="51" t="s">
        <v>82</v>
      </c>
      <c r="I295" s="50">
        <v>4.7</v>
      </c>
    </row>
    <row r="296" spans="1:9" x14ac:dyDescent="0.35">
      <c r="A296" s="52" t="s">
        <v>78</v>
      </c>
      <c r="B296" s="51" t="s">
        <v>79</v>
      </c>
      <c r="C296" s="61">
        <v>387200853</v>
      </c>
      <c r="D296" s="62">
        <v>20</v>
      </c>
      <c r="E296" s="51">
        <v>202402</v>
      </c>
      <c r="F296" s="51" t="s">
        <v>38</v>
      </c>
      <c r="G296" s="51" t="s">
        <v>97</v>
      </c>
      <c r="H296" s="51" t="s">
        <v>82</v>
      </c>
      <c r="I296" s="50">
        <v>4.7</v>
      </c>
    </row>
    <row r="297" spans="1:9" x14ac:dyDescent="0.35">
      <c r="A297" s="52" t="s">
        <v>78</v>
      </c>
      <c r="B297" s="51" t="s">
        <v>79</v>
      </c>
      <c r="C297" s="61">
        <v>388062803</v>
      </c>
      <c r="D297" s="62">
        <v>20</v>
      </c>
      <c r="E297" s="51">
        <v>202402</v>
      </c>
      <c r="F297" s="51" t="s">
        <v>38</v>
      </c>
      <c r="G297" s="51" t="s">
        <v>97</v>
      </c>
      <c r="H297" s="51" t="s">
        <v>82</v>
      </c>
      <c r="I297" s="50">
        <v>4.7</v>
      </c>
    </row>
    <row r="298" spans="1:9" x14ac:dyDescent="0.35">
      <c r="A298" s="52" t="s">
        <v>78</v>
      </c>
      <c r="B298" s="51" t="s">
        <v>79</v>
      </c>
      <c r="C298" s="61">
        <v>389000835</v>
      </c>
      <c r="D298" s="62">
        <v>20</v>
      </c>
      <c r="E298" s="51">
        <v>202402</v>
      </c>
      <c r="F298" s="51" t="s">
        <v>38</v>
      </c>
      <c r="G298" s="51" t="s">
        <v>97</v>
      </c>
      <c r="H298" s="51" t="s">
        <v>82</v>
      </c>
      <c r="I298" s="50">
        <v>4.7</v>
      </c>
    </row>
    <row r="299" spans="1:9" x14ac:dyDescent="0.35">
      <c r="A299" s="52" t="s">
        <v>78</v>
      </c>
      <c r="B299" s="51" t="s">
        <v>79</v>
      </c>
      <c r="C299" s="61">
        <v>389000835</v>
      </c>
      <c r="D299" s="62">
        <v>20</v>
      </c>
      <c r="E299" s="51">
        <v>202402</v>
      </c>
      <c r="F299" s="51" t="s">
        <v>38</v>
      </c>
      <c r="G299" s="51" t="s">
        <v>97</v>
      </c>
      <c r="H299" s="51" t="s">
        <v>82</v>
      </c>
      <c r="I299" s="50">
        <v>4.7</v>
      </c>
    </row>
    <row r="300" spans="1:9" x14ac:dyDescent="0.35">
      <c r="A300" s="52" t="s">
        <v>78</v>
      </c>
      <c r="B300" s="51" t="s">
        <v>79</v>
      </c>
      <c r="C300" s="61">
        <v>389300915</v>
      </c>
      <c r="D300" s="62">
        <v>20</v>
      </c>
      <c r="E300" s="51">
        <v>202402</v>
      </c>
      <c r="F300" s="51" t="s">
        <v>38</v>
      </c>
      <c r="G300" s="51" t="s">
        <v>97</v>
      </c>
      <c r="H300" s="51" t="s">
        <v>82</v>
      </c>
      <c r="I300" s="50">
        <v>30</v>
      </c>
    </row>
    <row r="301" spans="1:9" x14ac:dyDescent="0.35">
      <c r="A301" s="52" t="s">
        <v>78</v>
      </c>
      <c r="B301" s="51" t="s">
        <v>79</v>
      </c>
      <c r="C301" s="61">
        <v>390823641</v>
      </c>
      <c r="D301" s="62">
        <v>20</v>
      </c>
      <c r="E301" s="51">
        <v>202402</v>
      </c>
      <c r="F301" s="51" t="s">
        <v>38</v>
      </c>
      <c r="G301" s="51" t="s">
        <v>97</v>
      </c>
      <c r="H301" s="51" t="s">
        <v>82</v>
      </c>
      <c r="I301" s="50">
        <v>4.7</v>
      </c>
    </row>
    <row r="302" spans="1:9" x14ac:dyDescent="0.35">
      <c r="A302" s="52" t="s">
        <v>78</v>
      </c>
      <c r="B302" s="51" t="s">
        <v>79</v>
      </c>
      <c r="C302" s="61">
        <v>390996116</v>
      </c>
      <c r="D302" s="62">
        <v>20</v>
      </c>
      <c r="E302" s="51">
        <v>202402</v>
      </c>
      <c r="F302" s="51" t="s">
        <v>38</v>
      </c>
      <c r="G302" s="51" t="s">
        <v>97</v>
      </c>
      <c r="H302" s="51" t="s">
        <v>82</v>
      </c>
      <c r="I302" s="50">
        <v>4.7</v>
      </c>
    </row>
    <row r="303" spans="1:9" x14ac:dyDescent="0.35">
      <c r="A303" s="52" t="s">
        <v>78</v>
      </c>
      <c r="B303" s="51" t="s">
        <v>79</v>
      </c>
      <c r="C303" s="61">
        <v>391700801</v>
      </c>
      <c r="D303" s="62">
        <v>20</v>
      </c>
      <c r="E303" s="51">
        <v>202402</v>
      </c>
      <c r="F303" s="51" t="s">
        <v>38</v>
      </c>
      <c r="G303" s="51" t="s">
        <v>97</v>
      </c>
      <c r="H303" s="51" t="s">
        <v>82</v>
      </c>
      <c r="I303" s="50">
        <v>4.7</v>
      </c>
    </row>
    <row r="304" spans="1:9" x14ac:dyDescent="0.35">
      <c r="A304" s="52" t="s">
        <v>78</v>
      </c>
      <c r="B304" s="51" t="s">
        <v>79</v>
      </c>
      <c r="C304" s="61">
        <v>391901606</v>
      </c>
      <c r="D304" s="62">
        <v>20</v>
      </c>
      <c r="E304" s="51">
        <v>202402</v>
      </c>
      <c r="F304" s="51" t="s">
        <v>38</v>
      </c>
      <c r="G304" s="51" t="s">
        <v>97</v>
      </c>
      <c r="H304" s="51" t="s">
        <v>82</v>
      </c>
      <c r="I304" s="50">
        <v>4.7</v>
      </c>
    </row>
    <row r="305" spans="1:9" x14ac:dyDescent="0.35">
      <c r="A305" s="52" t="s">
        <v>78</v>
      </c>
      <c r="B305" s="51" t="s">
        <v>79</v>
      </c>
      <c r="C305" s="61">
        <v>392009036</v>
      </c>
      <c r="D305" s="62">
        <v>20</v>
      </c>
      <c r="E305" s="51">
        <v>202402</v>
      </c>
      <c r="F305" s="51" t="s">
        <v>38</v>
      </c>
      <c r="G305" s="51" t="s">
        <v>97</v>
      </c>
      <c r="H305" s="51" t="s">
        <v>82</v>
      </c>
      <c r="I305" s="50">
        <v>4.7</v>
      </c>
    </row>
    <row r="306" spans="1:9" x14ac:dyDescent="0.35">
      <c r="A306" s="52" t="s">
        <v>78</v>
      </c>
      <c r="B306" s="51" t="s">
        <v>79</v>
      </c>
      <c r="C306" s="61">
        <v>393601521</v>
      </c>
      <c r="D306" s="62">
        <v>20</v>
      </c>
      <c r="E306" s="51">
        <v>202402</v>
      </c>
      <c r="F306" s="51" t="s">
        <v>38</v>
      </c>
      <c r="G306" s="51" t="s">
        <v>97</v>
      </c>
      <c r="H306" s="51" t="s">
        <v>82</v>
      </c>
      <c r="I306" s="50">
        <v>4.7</v>
      </c>
    </row>
    <row r="307" spans="1:9" x14ac:dyDescent="0.35">
      <c r="A307" s="52" t="s">
        <v>78</v>
      </c>
      <c r="B307" s="51" t="s">
        <v>79</v>
      </c>
      <c r="C307" s="61">
        <v>393687710</v>
      </c>
      <c r="D307" s="62">
        <v>20</v>
      </c>
      <c r="E307" s="51">
        <v>202402</v>
      </c>
      <c r="F307" s="51" t="s">
        <v>38</v>
      </c>
      <c r="G307" s="51" t="s">
        <v>97</v>
      </c>
      <c r="H307" s="51" t="s">
        <v>82</v>
      </c>
      <c r="I307" s="50">
        <v>4.7</v>
      </c>
    </row>
    <row r="308" spans="1:9" x14ac:dyDescent="0.35">
      <c r="A308" s="52" t="s">
        <v>78</v>
      </c>
      <c r="B308" s="51" t="s">
        <v>79</v>
      </c>
      <c r="C308" s="61">
        <v>395071100</v>
      </c>
      <c r="D308" s="62">
        <v>20</v>
      </c>
      <c r="E308" s="51">
        <v>202402</v>
      </c>
      <c r="F308" s="51" t="s">
        <v>38</v>
      </c>
      <c r="G308" s="51" t="s">
        <v>97</v>
      </c>
      <c r="H308" s="51" t="s">
        <v>82</v>
      </c>
      <c r="I308" s="50">
        <v>4.7</v>
      </c>
    </row>
    <row r="309" spans="1:9" x14ac:dyDescent="0.35">
      <c r="A309" s="52" t="s">
        <v>78</v>
      </c>
      <c r="B309" s="51" t="s">
        <v>79</v>
      </c>
      <c r="C309" s="61">
        <v>395800808</v>
      </c>
      <c r="D309" s="62">
        <v>20</v>
      </c>
      <c r="E309" s="51">
        <v>202402</v>
      </c>
      <c r="F309" s="51" t="s">
        <v>38</v>
      </c>
      <c r="G309" s="51" t="s">
        <v>97</v>
      </c>
      <c r="H309" s="51" t="s">
        <v>82</v>
      </c>
      <c r="I309" s="50">
        <v>4.7</v>
      </c>
    </row>
    <row r="310" spans="1:9" x14ac:dyDescent="0.35">
      <c r="A310" s="52" t="s">
        <v>78</v>
      </c>
      <c r="B310" s="51" t="s">
        <v>79</v>
      </c>
      <c r="C310" s="61">
        <v>396491953</v>
      </c>
      <c r="D310" s="62">
        <v>20</v>
      </c>
      <c r="E310" s="51">
        <v>202402</v>
      </c>
      <c r="F310" s="51" t="s">
        <v>38</v>
      </c>
      <c r="G310" s="51" t="s">
        <v>97</v>
      </c>
      <c r="H310" s="51" t="s">
        <v>82</v>
      </c>
      <c r="I310" s="50">
        <v>4.7</v>
      </c>
    </row>
    <row r="311" spans="1:9" x14ac:dyDescent="0.35">
      <c r="A311" s="52" t="s">
        <v>78</v>
      </c>
      <c r="B311" s="51" t="s">
        <v>79</v>
      </c>
      <c r="C311" s="61">
        <v>397500720</v>
      </c>
      <c r="D311" s="62">
        <v>20</v>
      </c>
      <c r="E311" s="51">
        <v>202402</v>
      </c>
      <c r="F311" s="51" t="s">
        <v>38</v>
      </c>
      <c r="G311" s="51" t="s">
        <v>97</v>
      </c>
      <c r="H311" s="51" t="s">
        <v>82</v>
      </c>
      <c r="I311" s="50">
        <v>95</v>
      </c>
    </row>
    <row r="312" spans="1:9" x14ac:dyDescent="0.35">
      <c r="A312" s="52" t="s">
        <v>78</v>
      </c>
      <c r="B312" s="51" t="s">
        <v>79</v>
      </c>
      <c r="C312" s="61">
        <v>398300491</v>
      </c>
      <c r="D312" s="62">
        <v>20</v>
      </c>
      <c r="E312" s="51">
        <v>202402</v>
      </c>
      <c r="F312" s="51" t="s">
        <v>38</v>
      </c>
      <c r="G312" s="51" t="s">
        <v>97</v>
      </c>
      <c r="H312" s="51" t="s">
        <v>82</v>
      </c>
      <c r="I312" s="50">
        <v>4.7</v>
      </c>
    </row>
    <row r="313" spans="1:9" x14ac:dyDescent="0.35">
      <c r="A313" s="52" t="s">
        <v>78</v>
      </c>
      <c r="B313" s="51" t="s">
        <v>79</v>
      </c>
      <c r="C313" s="61">
        <v>309678752</v>
      </c>
      <c r="D313" s="62">
        <v>211</v>
      </c>
      <c r="E313" s="51">
        <v>202402</v>
      </c>
      <c r="F313" s="51" t="s">
        <v>38</v>
      </c>
      <c r="G313" s="51" t="s">
        <v>97</v>
      </c>
      <c r="H313" s="51" t="s">
        <v>82</v>
      </c>
      <c r="I313" s="50">
        <v>4.7</v>
      </c>
    </row>
    <row r="314" spans="1:9" x14ac:dyDescent="0.35">
      <c r="A314" s="52" t="s">
        <v>78</v>
      </c>
      <c r="B314" s="51" t="s">
        <v>79</v>
      </c>
      <c r="C314" s="61">
        <v>316086004</v>
      </c>
      <c r="D314" s="62">
        <v>211</v>
      </c>
      <c r="E314" s="51">
        <v>202402</v>
      </c>
      <c r="F314" s="51" t="s">
        <v>38</v>
      </c>
      <c r="G314" s="51" t="s">
        <v>97</v>
      </c>
      <c r="H314" s="51" t="s">
        <v>82</v>
      </c>
      <c r="I314" s="50">
        <v>4.7</v>
      </c>
    </row>
    <row r="315" spans="1:9" x14ac:dyDescent="0.35">
      <c r="A315" s="52" t="s">
        <v>78</v>
      </c>
      <c r="B315" s="51" t="s">
        <v>79</v>
      </c>
      <c r="C315" s="61">
        <v>323500290</v>
      </c>
      <c r="D315" s="62">
        <v>211</v>
      </c>
      <c r="E315" s="51">
        <v>202402</v>
      </c>
      <c r="F315" s="51" t="s">
        <v>38</v>
      </c>
      <c r="G315" s="51" t="s">
        <v>97</v>
      </c>
      <c r="H315" s="51" t="s">
        <v>82</v>
      </c>
      <c r="I315" s="50">
        <v>4.7</v>
      </c>
    </row>
    <row r="316" spans="1:9" x14ac:dyDescent="0.35">
      <c r="A316" s="52" t="s">
        <v>78</v>
      </c>
      <c r="B316" s="51" t="s">
        <v>79</v>
      </c>
      <c r="C316" s="61">
        <v>324125742</v>
      </c>
      <c r="D316" s="62">
        <v>211</v>
      </c>
      <c r="E316" s="51">
        <v>202402</v>
      </c>
      <c r="F316" s="51" t="s">
        <v>38</v>
      </c>
      <c r="G316" s="51" t="s">
        <v>97</v>
      </c>
      <c r="H316" s="51" t="s">
        <v>82</v>
      </c>
      <c r="I316" s="50">
        <v>4.7</v>
      </c>
    </row>
    <row r="317" spans="1:9" x14ac:dyDescent="0.35">
      <c r="A317" s="52" t="s">
        <v>78</v>
      </c>
      <c r="B317" s="51" t="s">
        <v>79</v>
      </c>
      <c r="C317" s="61">
        <v>327268561</v>
      </c>
      <c r="D317" s="62">
        <v>211</v>
      </c>
      <c r="E317" s="51">
        <v>202402</v>
      </c>
      <c r="F317" s="51" t="s">
        <v>38</v>
      </c>
      <c r="G317" s="51" t="s">
        <v>97</v>
      </c>
      <c r="H317" s="51" t="s">
        <v>82</v>
      </c>
      <c r="I317" s="50">
        <v>4.7</v>
      </c>
    </row>
    <row r="318" spans="1:9" x14ac:dyDescent="0.35">
      <c r="A318" s="52" t="s">
        <v>78</v>
      </c>
      <c r="B318" s="51" t="s">
        <v>79</v>
      </c>
      <c r="C318" s="61">
        <v>329205070</v>
      </c>
      <c r="D318" s="62">
        <v>211</v>
      </c>
      <c r="E318" s="51">
        <v>202402</v>
      </c>
      <c r="F318" s="51" t="s">
        <v>38</v>
      </c>
      <c r="G318" s="51" t="s">
        <v>97</v>
      </c>
      <c r="H318" s="51" t="s">
        <v>82</v>
      </c>
      <c r="I318" s="50">
        <v>4.7</v>
      </c>
    </row>
    <row r="319" spans="1:9" x14ac:dyDescent="0.35">
      <c r="A319" s="52" t="s">
        <v>78</v>
      </c>
      <c r="B319" s="51" t="s">
        <v>79</v>
      </c>
      <c r="C319" s="61">
        <v>348904860</v>
      </c>
      <c r="D319" s="62">
        <v>211</v>
      </c>
      <c r="E319" s="51">
        <v>202402</v>
      </c>
      <c r="F319" s="51" t="s">
        <v>38</v>
      </c>
      <c r="G319" s="51" t="s">
        <v>97</v>
      </c>
      <c r="H319" s="51" t="s">
        <v>82</v>
      </c>
      <c r="I319" s="50">
        <v>30</v>
      </c>
    </row>
    <row r="320" spans="1:9" x14ac:dyDescent="0.35">
      <c r="A320" s="52" t="s">
        <v>78</v>
      </c>
      <c r="B320" s="51" t="s">
        <v>79</v>
      </c>
      <c r="C320" s="61">
        <v>363851010</v>
      </c>
      <c r="D320" s="62">
        <v>211</v>
      </c>
      <c r="E320" s="51">
        <v>202402</v>
      </c>
      <c r="F320" s="51" t="s">
        <v>38</v>
      </c>
      <c r="G320" s="51" t="s">
        <v>97</v>
      </c>
      <c r="H320" s="51" t="s">
        <v>82</v>
      </c>
      <c r="I320" s="50">
        <v>4.7</v>
      </c>
    </row>
    <row r="321" spans="1:9" x14ac:dyDescent="0.35">
      <c r="A321" s="52" t="s">
        <v>78</v>
      </c>
      <c r="B321" s="51" t="s">
        <v>79</v>
      </c>
      <c r="C321" s="61">
        <v>389084230</v>
      </c>
      <c r="D321" s="62">
        <v>211</v>
      </c>
      <c r="E321" s="51">
        <v>202402</v>
      </c>
      <c r="F321" s="51" t="s">
        <v>38</v>
      </c>
      <c r="G321" s="51" t="s">
        <v>97</v>
      </c>
      <c r="H321" s="51" t="s">
        <v>82</v>
      </c>
      <c r="I321" s="50">
        <v>95</v>
      </c>
    </row>
    <row r="322" spans="1:9" x14ac:dyDescent="0.35">
      <c r="A322" s="52" t="s">
        <v>78</v>
      </c>
      <c r="B322" s="51" t="s">
        <v>79</v>
      </c>
      <c r="C322" s="61">
        <v>392905861</v>
      </c>
      <c r="D322" s="62">
        <v>211</v>
      </c>
      <c r="E322" s="51">
        <v>202402</v>
      </c>
      <c r="F322" s="51" t="s">
        <v>38</v>
      </c>
      <c r="G322" s="51" t="s">
        <v>97</v>
      </c>
      <c r="H322" s="51" t="s">
        <v>82</v>
      </c>
      <c r="I322" s="50">
        <v>4.7</v>
      </c>
    </row>
    <row r="323" spans="1:9" x14ac:dyDescent="0.35">
      <c r="A323" s="52" t="s">
        <v>78</v>
      </c>
      <c r="B323" s="51" t="s">
        <v>79</v>
      </c>
      <c r="C323" s="61">
        <v>394849760</v>
      </c>
      <c r="D323" s="62">
        <v>211</v>
      </c>
      <c r="E323" s="51">
        <v>202402</v>
      </c>
      <c r="F323" s="51" t="s">
        <v>38</v>
      </c>
      <c r="G323" s="51" t="s">
        <v>97</v>
      </c>
      <c r="H323" s="51" t="s">
        <v>82</v>
      </c>
      <c r="I323" s="50">
        <v>4.7</v>
      </c>
    </row>
    <row r="324" spans="1:9" x14ac:dyDescent="0.35">
      <c r="A324" s="52" t="s">
        <v>78</v>
      </c>
      <c r="B324" s="51" t="s">
        <v>79</v>
      </c>
      <c r="C324" s="61">
        <v>396213305</v>
      </c>
      <c r="D324" s="62">
        <v>211</v>
      </c>
      <c r="E324" s="51">
        <v>202402</v>
      </c>
      <c r="F324" s="51" t="s">
        <v>38</v>
      </c>
      <c r="G324" s="51" t="s">
        <v>97</v>
      </c>
      <c r="H324" s="51" t="s">
        <v>82</v>
      </c>
      <c r="I324" s="50">
        <v>4.7</v>
      </c>
    </row>
    <row r="325" spans="1:9" x14ac:dyDescent="0.35">
      <c r="A325" s="52" t="s">
        <v>78</v>
      </c>
      <c r="B325" s="51" t="s">
        <v>79</v>
      </c>
      <c r="C325" s="61">
        <v>397661660</v>
      </c>
      <c r="D325" s="62">
        <v>211</v>
      </c>
      <c r="E325" s="51">
        <v>202402</v>
      </c>
      <c r="F325" s="51" t="s">
        <v>38</v>
      </c>
      <c r="G325" s="51" t="s">
        <v>97</v>
      </c>
      <c r="H325" s="51" t="s">
        <v>82</v>
      </c>
      <c r="I325" s="50">
        <v>95</v>
      </c>
    </row>
    <row r="326" spans="1:9" x14ac:dyDescent="0.35">
      <c r="A326" s="52" t="s">
        <v>78</v>
      </c>
      <c r="B326" s="51" t="s">
        <v>79</v>
      </c>
      <c r="C326" s="61">
        <v>398760011</v>
      </c>
      <c r="D326" s="62">
        <v>211</v>
      </c>
      <c r="E326" s="51">
        <v>202402</v>
      </c>
      <c r="F326" s="51" t="s">
        <v>38</v>
      </c>
      <c r="G326" s="51" t="s">
        <v>97</v>
      </c>
      <c r="H326" s="51" t="s">
        <v>82</v>
      </c>
      <c r="I326" s="50">
        <v>4.7</v>
      </c>
    </row>
    <row r="327" spans="1:9" x14ac:dyDescent="0.35">
      <c r="A327" s="52" t="s">
        <v>78</v>
      </c>
      <c r="B327" s="51" t="s">
        <v>79</v>
      </c>
      <c r="C327" s="61">
        <v>325175124</v>
      </c>
      <c r="D327" s="62">
        <v>212</v>
      </c>
      <c r="E327" s="51">
        <v>202402</v>
      </c>
      <c r="F327" s="51" t="s">
        <v>38</v>
      </c>
      <c r="G327" s="51" t="s">
        <v>97</v>
      </c>
      <c r="H327" s="51" t="s">
        <v>82</v>
      </c>
      <c r="I327" s="50">
        <v>4.7</v>
      </c>
    </row>
    <row r="328" spans="1:9" x14ac:dyDescent="0.35">
      <c r="A328" s="52" t="s">
        <v>78</v>
      </c>
      <c r="B328" s="51" t="s">
        <v>79</v>
      </c>
      <c r="C328" s="61">
        <v>346902108</v>
      </c>
      <c r="D328" s="62">
        <v>212</v>
      </c>
      <c r="E328" s="51">
        <v>202402</v>
      </c>
      <c r="F328" s="51" t="s">
        <v>38</v>
      </c>
      <c r="G328" s="51" t="s">
        <v>97</v>
      </c>
      <c r="H328" s="51" t="s">
        <v>82</v>
      </c>
      <c r="I328" s="50">
        <v>4.7</v>
      </c>
    </row>
    <row r="329" spans="1:9" x14ac:dyDescent="0.35">
      <c r="A329" s="52" t="s">
        <v>78</v>
      </c>
      <c r="B329" s="51" t="s">
        <v>79</v>
      </c>
      <c r="C329" s="61">
        <v>386602350</v>
      </c>
      <c r="D329" s="62">
        <v>212</v>
      </c>
      <c r="E329" s="51">
        <v>202402</v>
      </c>
      <c r="F329" s="51" t="s">
        <v>38</v>
      </c>
      <c r="G329" s="51" t="s">
        <v>97</v>
      </c>
      <c r="H329" s="51" t="s">
        <v>82</v>
      </c>
      <c r="I329" s="50">
        <v>4.7</v>
      </c>
    </row>
    <row r="330" spans="1:9" x14ac:dyDescent="0.35">
      <c r="A330" s="52" t="s">
        <v>78</v>
      </c>
      <c r="B330" s="51" t="s">
        <v>79</v>
      </c>
      <c r="C330" s="61">
        <v>309155073</v>
      </c>
      <c r="D330" s="62">
        <v>230</v>
      </c>
      <c r="E330" s="51">
        <v>202402</v>
      </c>
      <c r="F330" s="51" t="s">
        <v>38</v>
      </c>
      <c r="G330" s="51" t="s">
        <v>97</v>
      </c>
      <c r="H330" s="51" t="s">
        <v>82</v>
      </c>
      <c r="I330" s="50">
        <v>4.7</v>
      </c>
    </row>
    <row r="331" spans="1:9" x14ac:dyDescent="0.35">
      <c r="A331" s="52" t="s">
        <v>78</v>
      </c>
      <c r="B331" s="51" t="s">
        <v>79</v>
      </c>
      <c r="C331" s="61">
        <v>301202618</v>
      </c>
      <c r="D331" s="62">
        <v>10</v>
      </c>
      <c r="E331" s="51">
        <v>202403</v>
      </c>
      <c r="F331" s="51" t="s">
        <v>38</v>
      </c>
      <c r="G331" s="51" t="s">
        <v>97</v>
      </c>
      <c r="H331" s="51" t="s">
        <v>82</v>
      </c>
      <c r="I331" s="50">
        <v>4.7</v>
      </c>
    </row>
    <row r="332" spans="1:9" x14ac:dyDescent="0.35">
      <c r="A332" s="52" t="s">
        <v>78</v>
      </c>
      <c r="B332" s="51" t="s">
        <v>79</v>
      </c>
      <c r="C332" s="61">
        <v>302155385</v>
      </c>
      <c r="D332" s="62">
        <v>10</v>
      </c>
      <c r="E332" s="51">
        <v>202403</v>
      </c>
      <c r="F332" s="51" t="s">
        <v>38</v>
      </c>
      <c r="G332" s="51" t="s">
        <v>97</v>
      </c>
      <c r="H332" s="51" t="s">
        <v>82</v>
      </c>
      <c r="I332" s="50">
        <v>4.7</v>
      </c>
    </row>
    <row r="333" spans="1:9" x14ac:dyDescent="0.35">
      <c r="A333" s="52" t="s">
        <v>78</v>
      </c>
      <c r="B333" s="51" t="s">
        <v>79</v>
      </c>
      <c r="C333" s="61">
        <v>302200354</v>
      </c>
      <c r="D333" s="62">
        <v>10</v>
      </c>
      <c r="E333" s="51">
        <v>202403</v>
      </c>
      <c r="F333" s="51" t="s">
        <v>38</v>
      </c>
      <c r="G333" s="51" t="s">
        <v>97</v>
      </c>
      <c r="H333" s="51" t="s">
        <v>82</v>
      </c>
      <c r="I333" s="50">
        <v>4.7</v>
      </c>
    </row>
    <row r="334" spans="1:9" x14ac:dyDescent="0.35">
      <c r="A334" s="52" t="s">
        <v>78</v>
      </c>
      <c r="B334" s="51" t="s">
        <v>79</v>
      </c>
      <c r="C334" s="61">
        <v>303350979</v>
      </c>
      <c r="D334" s="62">
        <v>10</v>
      </c>
      <c r="E334" s="51">
        <v>202403</v>
      </c>
      <c r="F334" s="51" t="s">
        <v>38</v>
      </c>
      <c r="G334" s="51" t="s">
        <v>97</v>
      </c>
      <c r="H334" s="51" t="s">
        <v>82</v>
      </c>
      <c r="I334" s="50">
        <v>4.7</v>
      </c>
    </row>
    <row r="335" spans="1:9" x14ac:dyDescent="0.35">
      <c r="A335" s="52" t="s">
        <v>78</v>
      </c>
      <c r="B335" s="51" t="s">
        <v>79</v>
      </c>
      <c r="C335" s="61">
        <v>303905241</v>
      </c>
      <c r="D335" s="62">
        <v>10</v>
      </c>
      <c r="E335" s="51">
        <v>202403</v>
      </c>
      <c r="F335" s="51" t="s">
        <v>38</v>
      </c>
      <c r="G335" s="51" t="s">
        <v>97</v>
      </c>
      <c r="H335" s="51" t="s">
        <v>82</v>
      </c>
      <c r="I335" s="50">
        <v>4.7</v>
      </c>
    </row>
    <row r="336" spans="1:9" x14ac:dyDescent="0.35">
      <c r="A336" s="52" t="s">
        <v>78</v>
      </c>
      <c r="B336" s="51" t="s">
        <v>79</v>
      </c>
      <c r="C336" s="61">
        <v>308904630</v>
      </c>
      <c r="D336" s="62">
        <v>10</v>
      </c>
      <c r="E336" s="51">
        <v>202403</v>
      </c>
      <c r="F336" s="51" t="s">
        <v>38</v>
      </c>
      <c r="G336" s="51" t="s">
        <v>97</v>
      </c>
      <c r="H336" s="51" t="s">
        <v>82</v>
      </c>
      <c r="I336" s="50">
        <v>4.7</v>
      </c>
    </row>
    <row r="337" spans="1:9" x14ac:dyDescent="0.35">
      <c r="A337" s="52" t="s">
        <v>78</v>
      </c>
      <c r="B337" s="51" t="s">
        <v>79</v>
      </c>
      <c r="C337" s="61">
        <v>315404616</v>
      </c>
      <c r="D337" s="62">
        <v>10</v>
      </c>
      <c r="E337" s="51">
        <v>202403</v>
      </c>
      <c r="F337" s="51" t="s">
        <v>38</v>
      </c>
      <c r="G337" s="51" t="s">
        <v>97</v>
      </c>
      <c r="H337" s="51" t="s">
        <v>82</v>
      </c>
      <c r="I337" s="50">
        <v>4.7</v>
      </c>
    </row>
    <row r="338" spans="1:9" x14ac:dyDescent="0.35">
      <c r="A338" s="52" t="s">
        <v>78</v>
      </c>
      <c r="B338" s="51" t="s">
        <v>79</v>
      </c>
      <c r="C338" s="61">
        <v>315800201</v>
      </c>
      <c r="D338" s="62">
        <v>10</v>
      </c>
      <c r="E338" s="51">
        <v>202403</v>
      </c>
      <c r="F338" s="51" t="s">
        <v>38</v>
      </c>
      <c r="G338" s="51" t="s">
        <v>97</v>
      </c>
      <c r="H338" s="51" t="s">
        <v>82</v>
      </c>
      <c r="I338" s="50">
        <v>4.7</v>
      </c>
    </row>
    <row r="339" spans="1:9" x14ac:dyDescent="0.35">
      <c r="A339" s="52" t="s">
        <v>78</v>
      </c>
      <c r="B339" s="51" t="s">
        <v>79</v>
      </c>
      <c r="C339" s="61">
        <v>317180912</v>
      </c>
      <c r="D339" s="62">
        <v>10</v>
      </c>
      <c r="E339" s="51">
        <v>202403</v>
      </c>
      <c r="F339" s="51" t="s">
        <v>38</v>
      </c>
      <c r="G339" s="51" t="s">
        <v>97</v>
      </c>
      <c r="H339" s="51" t="s">
        <v>82</v>
      </c>
      <c r="I339" s="50">
        <v>4.7</v>
      </c>
    </row>
    <row r="340" spans="1:9" x14ac:dyDescent="0.35">
      <c r="A340" s="52" t="s">
        <v>78</v>
      </c>
      <c r="B340" s="51" t="s">
        <v>79</v>
      </c>
      <c r="C340" s="61">
        <v>319503429</v>
      </c>
      <c r="D340" s="62">
        <v>10</v>
      </c>
      <c r="E340" s="51">
        <v>202403</v>
      </c>
      <c r="F340" s="51" t="s">
        <v>38</v>
      </c>
      <c r="G340" s="51" t="s">
        <v>97</v>
      </c>
      <c r="H340" s="51" t="s">
        <v>82</v>
      </c>
      <c r="I340" s="50">
        <v>30</v>
      </c>
    </row>
    <row r="341" spans="1:9" x14ac:dyDescent="0.35">
      <c r="A341" s="52" t="s">
        <v>78</v>
      </c>
      <c r="B341" s="51" t="s">
        <v>79</v>
      </c>
      <c r="C341" s="61">
        <v>320900354</v>
      </c>
      <c r="D341" s="62">
        <v>10</v>
      </c>
      <c r="E341" s="51">
        <v>202403</v>
      </c>
      <c r="F341" s="51" t="s">
        <v>38</v>
      </c>
      <c r="G341" s="51" t="s">
        <v>97</v>
      </c>
      <c r="H341" s="51" t="s">
        <v>82</v>
      </c>
      <c r="I341" s="50">
        <v>4.7</v>
      </c>
    </row>
    <row r="342" spans="1:9" x14ac:dyDescent="0.35">
      <c r="A342" s="52" t="s">
        <v>78</v>
      </c>
      <c r="B342" s="51" t="s">
        <v>79</v>
      </c>
      <c r="C342" s="61">
        <v>321400602</v>
      </c>
      <c r="D342" s="62">
        <v>10</v>
      </c>
      <c r="E342" s="51">
        <v>202403</v>
      </c>
      <c r="F342" s="51" t="s">
        <v>38</v>
      </c>
      <c r="G342" s="51" t="s">
        <v>97</v>
      </c>
      <c r="H342" s="51" t="s">
        <v>82</v>
      </c>
      <c r="I342" s="50">
        <v>4.7</v>
      </c>
    </row>
    <row r="343" spans="1:9" x14ac:dyDescent="0.35">
      <c r="A343" s="52" t="s">
        <v>78</v>
      </c>
      <c r="B343" s="51" t="s">
        <v>79</v>
      </c>
      <c r="C343" s="61">
        <v>322503220</v>
      </c>
      <c r="D343" s="62">
        <v>10</v>
      </c>
      <c r="E343" s="51">
        <v>202403</v>
      </c>
      <c r="F343" s="51" t="s">
        <v>38</v>
      </c>
      <c r="G343" s="51" t="s">
        <v>97</v>
      </c>
      <c r="H343" s="51" t="s">
        <v>82</v>
      </c>
      <c r="I343" s="50">
        <v>4.7</v>
      </c>
    </row>
    <row r="344" spans="1:9" x14ac:dyDescent="0.35">
      <c r="A344" s="52" t="s">
        <v>78</v>
      </c>
      <c r="B344" s="51" t="s">
        <v>79</v>
      </c>
      <c r="C344" s="61">
        <v>323103370</v>
      </c>
      <c r="D344" s="62">
        <v>10</v>
      </c>
      <c r="E344" s="51">
        <v>202403</v>
      </c>
      <c r="F344" s="51" t="s">
        <v>38</v>
      </c>
      <c r="G344" s="51" t="s">
        <v>97</v>
      </c>
      <c r="H344" s="51" t="s">
        <v>82</v>
      </c>
      <c r="I344" s="50">
        <v>30</v>
      </c>
    </row>
    <row r="345" spans="1:9" x14ac:dyDescent="0.35">
      <c r="A345" s="52" t="s">
        <v>78</v>
      </c>
      <c r="B345" s="51" t="s">
        <v>79</v>
      </c>
      <c r="C345" s="61">
        <v>325004162</v>
      </c>
      <c r="D345" s="62">
        <v>10</v>
      </c>
      <c r="E345" s="51">
        <v>202403</v>
      </c>
      <c r="F345" s="51" t="s">
        <v>38</v>
      </c>
      <c r="G345" s="51" t="s">
        <v>97</v>
      </c>
      <c r="H345" s="51" t="s">
        <v>82</v>
      </c>
      <c r="I345" s="50">
        <v>4.7</v>
      </c>
    </row>
    <row r="346" spans="1:9" x14ac:dyDescent="0.35">
      <c r="A346" s="52" t="s">
        <v>78</v>
      </c>
      <c r="B346" s="51" t="s">
        <v>79</v>
      </c>
      <c r="C346" s="61">
        <v>327000273</v>
      </c>
      <c r="D346" s="62">
        <v>10</v>
      </c>
      <c r="E346" s="51">
        <v>202403</v>
      </c>
      <c r="F346" s="51" t="s">
        <v>38</v>
      </c>
      <c r="G346" s="51" t="s">
        <v>97</v>
      </c>
      <c r="H346" s="51" t="s">
        <v>82</v>
      </c>
      <c r="I346" s="50">
        <v>4.7</v>
      </c>
    </row>
    <row r="347" spans="1:9" x14ac:dyDescent="0.35">
      <c r="A347" s="52" t="s">
        <v>78</v>
      </c>
      <c r="B347" s="51" t="s">
        <v>79</v>
      </c>
      <c r="C347" s="61">
        <v>327988444</v>
      </c>
      <c r="D347" s="62">
        <v>10</v>
      </c>
      <c r="E347" s="51">
        <v>202403</v>
      </c>
      <c r="F347" s="51" t="s">
        <v>38</v>
      </c>
      <c r="G347" s="51" t="s">
        <v>97</v>
      </c>
      <c r="H347" s="51" t="s">
        <v>82</v>
      </c>
      <c r="I347" s="50">
        <v>4.7</v>
      </c>
    </row>
    <row r="348" spans="1:9" x14ac:dyDescent="0.35">
      <c r="A348" s="52" t="s">
        <v>78</v>
      </c>
      <c r="B348" s="51" t="s">
        <v>79</v>
      </c>
      <c r="C348" s="61">
        <v>328134605</v>
      </c>
      <c r="D348" s="62">
        <v>10</v>
      </c>
      <c r="E348" s="51">
        <v>202403</v>
      </c>
      <c r="F348" s="51" t="s">
        <v>38</v>
      </c>
      <c r="G348" s="51" t="s">
        <v>97</v>
      </c>
      <c r="H348" s="51" t="s">
        <v>82</v>
      </c>
      <c r="I348" s="50">
        <v>4.7</v>
      </c>
    </row>
    <row r="349" spans="1:9" x14ac:dyDescent="0.35">
      <c r="A349" s="52" t="s">
        <v>78</v>
      </c>
      <c r="B349" s="51" t="s">
        <v>79</v>
      </c>
      <c r="C349" s="61">
        <v>331903560</v>
      </c>
      <c r="D349" s="62">
        <v>10</v>
      </c>
      <c r="E349" s="51">
        <v>202403</v>
      </c>
      <c r="F349" s="51" t="s">
        <v>38</v>
      </c>
      <c r="G349" s="51" t="s">
        <v>97</v>
      </c>
      <c r="H349" s="51" t="s">
        <v>82</v>
      </c>
      <c r="I349" s="50">
        <v>4.7</v>
      </c>
    </row>
    <row r="350" spans="1:9" x14ac:dyDescent="0.35">
      <c r="A350" s="52" t="s">
        <v>78</v>
      </c>
      <c r="B350" s="51" t="s">
        <v>79</v>
      </c>
      <c r="C350" s="61">
        <v>333204542</v>
      </c>
      <c r="D350" s="62">
        <v>10</v>
      </c>
      <c r="E350" s="51">
        <v>202403</v>
      </c>
      <c r="F350" s="51" t="s">
        <v>38</v>
      </c>
      <c r="G350" s="51" t="s">
        <v>97</v>
      </c>
      <c r="H350" s="51" t="s">
        <v>82</v>
      </c>
      <c r="I350" s="50">
        <v>4.7</v>
      </c>
    </row>
    <row r="351" spans="1:9" x14ac:dyDescent="0.35">
      <c r="A351" s="52" t="s">
        <v>78</v>
      </c>
      <c r="B351" s="51" t="s">
        <v>79</v>
      </c>
      <c r="C351" s="61">
        <v>336504789</v>
      </c>
      <c r="D351" s="62">
        <v>10</v>
      </c>
      <c r="E351" s="51">
        <v>202403</v>
      </c>
      <c r="F351" s="51" t="s">
        <v>38</v>
      </c>
      <c r="G351" s="51" t="s">
        <v>97</v>
      </c>
      <c r="H351" s="51" t="s">
        <v>82</v>
      </c>
      <c r="I351" s="50">
        <v>4.7</v>
      </c>
    </row>
    <row r="352" spans="1:9" x14ac:dyDescent="0.35">
      <c r="A352" s="52" t="s">
        <v>78</v>
      </c>
      <c r="B352" s="51" t="s">
        <v>79</v>
      </c>
      <c r="C352" s="61">
        <v>337504896</v>
      </c>
      <c r="D352" s="62">
        <v>10</v>
      </c>
      <c r="E352" s="51">
        <v>202403</v>
      </c>
      <c r="F352" s="51" t="s">
        <v>38</v>
      </c>
      <c r="G352" s="51" t="s">
        <v>97</v>
      </c>
      <c r="H352" s="51" t="s">
        <v>82</v>
      </c>
      <c r="I352" s="50">
        <v>4.7</v>
      </c>
    </row>
    <row r="353" spans="1:9" x14ac:dyDescent="0.35">
      <c r="A353" s="52" t="s">
        <v>78</v>
      </c>
      <c r="B353" s="51" t="s">
        <v>79</v>
      </c>
      <c r="C353" s="61">
        <v>337802190</v>
      </c>
      <c r="D353" s="62">
        <v>10</v>
      </c>
      <c r="E353" s="51">
        <v>202403</v>
      </c>
      <c r="F353" s="51" t="s">
        <v>38</v>
      </c>
      <c r="G353" s="51" t="s">
        <v>97</v>
      </c>
      <c r="H353" s="51" t="s">
        <v>82</v>
      </c>
      <c r="I353" s="50">
        <v>4.7</v>
      </c>
    </row>
    <row r="354" spans="1:9" x14ac:dyDescent="0.35">
      <c r="A354" s="52" t="s">
        <v>78</v>
      </c>
      <c r="B354" s="51" t="s">
        <v>79</v>
      </c>
      <c r="C354" s="61">
        <v>338501643</v>
      </c>
      <c r="D354" s="62">
        <v>10</v>
      </c>
      <c r="E354" s="51">
        <v>202403</v>
      </c>
      <c r="F354" s="51" t="s">
        <v>38</v>
      </c>
      <c r="G354" s="51" t="s">
        <v>97</v>
      </c>
      <c r="H354" s="51" t="s">
        <v>82</v>
      </c>
      <c r="I354" s="50">
        <v>4.7</v>
      </c>
    </row>
    <row r="355" spans="1:9" x14ac:dyDescent="0.35">
      <c r="A355" s="52" t="s">
        <v>78</v>
      </c>
      <c r="B355" s="51" t="s">
        <v>79</v>
      </c>
      <c r="C355" s="61">
        <v>343404787</v>
      </c>
      <c r="D355" s="62">
        <v>10</v>
      </c>
      <c r="E355" s="51">
        <v>202403</v>
      </c>
      <c r="F355" s="51" t="s">
        <v>38</v>
      </c>
      <c r="G355" s="51" t="s">
        <v>97</v>
      </c>
      <c r="H355" s="51" t="s">
        <v>82</v>
      </c>
      <c r="I355" s="50">
        <v>4.7</v>
      </c>
    </row>
    <row r="356" spans="1:9" x14ac:dyDescent="0.35">
      <c r="A356" s="52" t="s">
        <v>78</v>
      </c>
      <c r="B356" s="51" t="s">
        <v>79</v>
      </c>
      <c r="C356" s="61">
        <v>344015641</v>
      </c>
      <c r="D356" s="62">
        <v>10</v>
      </c>
      <c r="E356" s="51">
        <v>202403</v>
      </c>
      <c r="F356" s="51" t="s">
        <v>38</v>
      </c>
      <c r="G356" s="51" t="s">
        <v>97</v>
      </c>
      <c r="H356" s="51" t="s">
        <v>82</v>
      </c>
      <c r="I356" s="50">
        <v>4.7</v>
      </c>
    </row>
    <row r="357" spans="1:9" x14ac:dyDescent="0.35">
      <c r="A357" s="52" t="s">
        <v>78</v>
      </c>
      <c r="B357" s="51" t="s">
        <v>79</v>
      </c>
      <c r="C357" s="61">
        <v>344523417</v>
      </c>
      <c r="D357" s="62">
        <v>10</v>
      </c>
      <c r="E357" s="51">
        <v>202403</v>
      </c>
      <c r="F357" s="51" t="s">
        <v>38</v>
      </c>
      <c r="G357" s="51" t="s">
        <v>97</v>
      </c>
      <c r="H357" s="51" t="s">
        <v>82</v>
      </c>
      <c r="I357" s="50">
        <v>4.7</v>
      </c>
    </row>
    <row r="358" spans="1:9" x14ac:dyDescent="0.35">
      <c r="A358" s="52" t="s">
        <v>78</v>
      </c>
      <c r="B358" s="51" t="s">
        <v>79</v>
      </c>
      <c r="C358" s="61">
        <v>345873220</v>
      </c>
      <c r="D358" s="62">
        <v>10</v>
      </c>
      <c r="E358" s="51">
        <v>202403</v>
      </c>
      <c r="F358" s="51" t="s">
        <v>38</v>
      </c>
      <c r="G358" s="51" t="s">
        <v>97</v>
      </c>
      <c r="H358" s="51" t="s">
        <v>82</v>
      </c>
      <c r="I358" s="50">
        <v>4.7</v>
      </c>
    </row>
    <row r="359" spans="1:9" x14ac:dyDescent="0.35">
      <c r="A359" s="52" t="s">
        <v>78</v>
      </c>
      <c r="B359" s="51" t="s">
        <v>79</v>
      </c>
      <c r="C359" s="61">
        <v>346200903</v>
      </c>
      <c r="D359" s="62">
        <v>10</v>
      </c>
      <c r="E359" s="51">
        <v>202403</v>
      </c>
      <c r="F359" s="51" t="s">
        <v>38</v>
      </c>
      <c r="G359" s="51" t="s">
        <v>97</v>
      </c>
      <c r="H359" s="51" t="s">
        <v>82</v>
      </c>
      <c r="I359" s="50">
        <v>4.7</v>
      </c>
    </row>
    <row r="360" spans="1:9" x14ac:dyDescent="0.35">
      <c r="A360" s="52" t="s">
        <v>78</v>
      </c>
      <c r="B360" s="51" t="s">
        <v>79</v>
      </c>
      <c r="C360" s="61">
        <v>349245470</v>
      </c>
      <c r="D360" s="62">
        <v>10</v>
      </c>
      <c r="E360" s="51">
        <v>202403</v>
      </c>
      <c r="F360" s="51" t="s">
        <v>38</v>
      </c>
      <c r="G360" s="51" t="s">
        <v>97</v>
      </c>
      <c r="H360" s="51" t="s">
        <v>82</v>
      </c>
      <c r="I360" s="50">
        <v>4.7</v>
      </c>
    </row>
    <row r="361" spans="1:9" x14ac:dyDescent="0.35">
      <c r="A361" s="52" t="s">
        <v>78</v>
      </c>
      <c r="B361" s="51" t="s">
        <v>79</v>
      </c>
      <c r="C361" s="61">
        <v>349703015</v>
      </c>
      <c r="D361" s="62">
        <v>10</v>
      </c>
      <c r="E361" s="51">
        <v>202403</v>
      </c>
      <c r="F361" s="51" t="s">
        <v>38</v>
      </c>
      <c r="G361" s="51" t="s">
        <v>97</v>
      </c>
      <c r="H361" s="51" t="s">
        <v>82</v>
      </c>
      <c r="I361" s="50">
        <v>4.7</v>
      </c>
    </row>
    <row r="362" spans="1:9" x14ac:dyDescent="0.35">
      <c r="A362" s="52" t="s">
        <v>78</v>
      </c>
      <c r="B362" s="51" t="s">
        <v>79</v>
      </c>
      <c r="C362" s="61">
        <v>350501431</v>
      </c>
      <c r="D362" s="62">
        <v>10</v>
      </c>
      <c r="E362" s="51">
        <v>202403</v>
      </c>
      <c r="F362" s="51" t="s">
        <v>38</v>
      </c>
      <c r="G362" s="51" t="s">
        <v>97</v>
      </c>
      <c r="H362" s="51" t="s">
        <v>82</v>
      </c>
      <c r="I362" s="50">
        <v>4.7</v>
      </c>
    </row>
    <row r="363" spans="1:9" x14ac:dyDescent="0.35">
      <c r="A363" s="52" t="s">
        <v>78</v>
      </c>
      <c r="B363" s="51" t="s">
        <v>79</v>
      </c>
      <c r="C363" s="61">
        <v>353008723</v>
      </c>
      <c r="D363" s="62">
        <v>10</v>
      </c>
      <c r="E363" s="51">
        <v>202403</v>
      </c>
      <c r="F363" s="51" t="s">
        <v>38</v>
      </c>
      <c r="G363" s="51" t="s">
        <v>97</v>
      </c>
      <c r="H363" s="51" t="s">
        <v>82</v>
      </c>
      <c r="I363" s="50">
        <v>4.7</v>
      </c>
    </row>
    <row r="364" spans="1:9" x14ac:dyDescent="0.35">
      <c r="A364" s="52" t="s">
        <v>78</v>
      </c>
      <c r="B364" s="51" t="s">
        <v>79</v>
      </c>
      <c r="C364" s="61">
        <v>358004101</v>
      </c>
      <c r="D364" s="62">
        <v>10</v>
      </c>
      <c r="E364" s="51">
        <v>202403</v>
      </c>
      <c r="F364" s="51" t="s">
        <v>38</v>
      </c>
      <c r="G364" s="51" t="s">
        <v>97</v>
      </c>
      <c r="H364" s="51" t="s">
        <v>82</v>
      </c>
      <c r="I364" s="50">
        <v>4.7</v>
      </c>
    </row>
    <row r="365" spans="1:9" x14ac:dyDescent="0.35">
      <c r="A365" s="52" t="s">
        <v>78</v>
      </c>
      <c r="B365" s="51" t="s">
        <v>79</v>
      </c>
      <c r="C365" s="61">
        <v>359802562</v>
      </c>
      <c r="D365" s="62">
        <v>10</v>
      </c>
      <c r="E365" s="51">
        <v>202403</v>
      </c>
      <c r="F365" s="51" t="s">
        <v>38</v>
      </c>
      <c r="G365" s="51" t="s">
        <v>97</v>
      </c>
      <c r="H365" s="51" t="s">
        <v>82</v>
      </c>
      <c r="I365" s="50">
        <v>4.7</v>
      </c>
    </row>
    <row r="366" spans="1:9" x14ac:dyDescent="0.35">
      <c r="A366" s="52" t="s">
        <v>78</v>
      </c>
      <c r="B366" s="51" t="s">
        <v>79</v>
      </c>
      <c r="C366" s="61">
        <v>360961337</v>
      </c>
      <c r="D366" s="62">
        <v>10</v>
      </c>
      <c r="E366" s="51">
        <v>202403</v>
      </c>
      <c r="F366" s="51" t="s">
        <v>38</v>
      </c>
      <c r="G366" s="51" t="s">
        <v>97</v>
      </c>
      <c r="H366" s="51" t="s">
        <v>82</v>
      </c>
      <c r="I366" s="50">
        <v>4.7</v>
      </c>
    </row>
    <row r="367" spans="1:9" x14ac:dyDescent="0.35">
      <c r="A367" s="52" t="s">
        <v>78</v>
      </c>
      <c r="B367" s="51" t="s">
        <v>79</v>
      </c>
      <c r="C367" s="61">
        <v>361690631</v>
      </c>
      <c r="D367" s="62">
        <v>10</v>
      </c>
      <c r="E367" s="51">
        <v>202403</v>
      </c>
      <c r="F367" s="51" t="s">
        <v>38</v>
      </c>
      <c r="G367" s="51" t="s">
        <v>97</v>
      </c>
      <c r="H367" s="51" t="s">
        <v>82</v>
      </c>
      <c r="I367" s="50">
        <v>4.7</v>
      </c>
    </row>
    <row r="368" spans="1:9" x14ac:dyDescent="0.35">
      <c r="A368" s="52" t="s">
        <v>78</v>
      </c>
      <c r="B368" s="51" t="s">
        <v>79</v>
      </c>
      <c r="C368" s="61">
        <v>362101749</v>
      </c>
      <c r="D368" s="62">
        <v>10</v>
      </c>
      <c r="E368" s="51">
        <v>202403</v>
      </c>
      <c r="F368" s="51" t="s">
        <v>38</v>
      </c>
      <c r="G368" s="51" t="s">
        <v>97</v>
      </c>
      <c r="H368" s="51" t="s">
        <v>82</v>
      </c>
      <c r="I368" s="50">
        <v>4.7</v>
      </c>
    </row>
    <row r="369" spans="1:9" x14ac:dyDescent="0.35">
      <c r="A369" s="52" t="s">
        <v>78</v>
      </c>
      <c r="B369" s="51" t="s">
        <v>79</v>
      </c>
      <c r="C369" s="61">
        <v>362300052</v>
      </c>
      <c r="D369" s="62">
        <v>10</v>
      </c>
      <c r="E369" s="51">
        <v>202403</v>
      </c>
      <c r="F369" s="51" t="s">
        <v>38</v>
      </c>
      <c r="G369" s="51" t="s">
        <v>97</v>
      </c>
      <c r="H369" s="51" t="s">
        <v>82</v>
      </c>
      <c r="I369" s="50">
        <v>4.7</v>
      </c>
    </row>
    <row r="370" spans="1:9" x14ac:dyDescent="0.35">
      <c r="A370" s="52" t="s">
        <v>78</v>
      </c>
      <c r="B370" s="51" t="s">
        <v>79</v>
      </c>
      <c r="C370" s="61">
        <v>366601261</v>
      </c>
      <c r="D370" s="62">
        <v>10</v>
      </c>
      <c r="E370" s="51">
        <v>202403</v>
      </c>
      <c r="F370" s="51" t="s">
        <v>38</v>
      </c>
      <c r="G370" s="51" t="s">
        <v>97</v>
      </c>
      <c r="H370" s="51" t="s">
        <v>82</v>
      </c>
      <c r="I370" s="50">
        <v>30</v>
      </c>
    </row>
    <row r="371" spans="1:9" x14ac:dyDescent="0.35">
      <c r="A371" s="52" t="s">
        <v>78</v>
      </c>
      <c r="B371" s="51" t="s">
        <v>79</v>
      </c>
      <c r="C371" s="61">
        <v>368300282</v>
      </c>
      <c r="D371" s="62">
        <v>10</v>
      </c>
      <c r="E371" s="51">
        <v>202403</v>
      </c>
      <c r="F371" s="51" t="s">
        <v>38</v>
      </c>
      <c r="G371" s="51" t="s">
        <v>97</v>
      </c>
      <c r="H371" s="51" t="s">
        <v>82</v>
      </c>
      <c r="I371" s="50">
        <v>4.7</v>
      </c>
    </row>
    <row r="372" spans="1:9" x14ac:dyDescent="0.35">
      <c r="A372" s="52" t="s">
        <v>78</v>
      </c>
      <c r="B372" s="51" t="s">
        <v>79</v>
      </c>
      <c r="C372" s="61">
        <v>369104971</v>
      </c>
      <c r="D372" s="62">
        <v>10</v>
      </c>
      <c r="E372" s="51">
        <v>202403</v>
      </c>
      <c r="F372" s="51" t="s">
        <v>38</v>
      </c>
      <c r="G372" s="51" t="s">
        <v>97</v>
      </c>
      <c r="H372" s="51" t="s">
        <v>82</v>
      </c>
      <c r="I372" s="50">
        <v>4.7</v>
      </c>
    </row>
    <row r="373" spans="1:9" x14ac:dyDescent="0.35">
      <c r="A373" s="52" t="s">
        <v>78</v>
      </c>
      <c r="B373" s="51" t="s">
        <v>79</v>
      </c>
      <c r="C373" s="61">
        <v>369803385</v>
      </c>
      <c r="D373" s="62">
        <v>10</v>
      </c>
      <c r="E373" s="51">
        <v>202403</v>
      </c>
      <c r="F373" s="51" t="s">
        <v>38</v>
      </c>
      <c r="G373" s="51" t="s">
        <v>97</v>
      </c>
      <c r="H373" s="51" t="s">
        <v>82</v>
      </c>
      <c r="I373" s="50">
        <v>30</v>
      </c>
    </row>
    <row r="374" spans="1:9" x14ac:dyDescent="0.35">
      <c r="A374" s="52" t="s">
        <v>78</v>
      </c>
      <c r="B374" s="51" t="s">
        <v>79</v>
      </c>
      <c r="C374" s="61">
        <v>369900782</v>
      </c>
      <c r="D374" s="62">
        <v>10</v>
      </c>
      <c r="E374" s="51">
        <v>202403</v>
      </c>
      <c r="F374" s="51" t="s">
        <v>38</v>
      </c>
      <c r="G374" s="51" t="s">
        <v>97</v>
      </c>
      <c r="H374" s="51" t="s">
        <v>82</v>
      </c>
      <c r="I374" s="50">
        <v>4.7</v>
      </c>
    </row>
    <row r="375" spans="1:9" x14ac:dyDescent="0.35">
      <c r="A375" s="52" t="s">
        <v>78</v>
      </c>
      <c r="B375" s="51" t="s">
        <v>79</v>
      </c>
      <c r="C375" s="61">
        <v>370037480</v>
      </c>
      <c r="D375" s="62">
        <v>10</v>
      </c>
      <c r="E375" s="51">
        <v>202403</v>
      </c>
      <c r="F375" s="51" t="s">
        <v>38</v>
      </c>
      <c r="G375" s="51" t="s">
        <v>97</v>
      </c>
      <c r="H375" s="51" t="s">
        <v>82</v>
      </c>
      <c r="I375" s="50">
        <v>4.7</v>
      </c>
    </row>
    <row r="376" spans="1:9" x14ac:dyDescent="0.35">
      <c r="A376" s="52" t="s">
        <v>78</v>
      </c>
      <c r="B376" s="51" t="s">
        <v>79</v>
      </c>
      <c r="C376" s="61">
        <v>371701471</v>
      </c>
      <c r="D376" s="62">
        <v>10</v>
      </c>
      <c r="E376" s="51">
        <v>202403</v>
      </c>
      <c r="F376" s="51" t="s">
        <v>38</v>
      </c>
      <c r="G376" s="51" t="s">
        <v>97</v>
      </c>
      <c r="H376" s="51" t="s">
        <v>82</v>
      </c>
      <c r="I376" s="50">
        <v>4.7</v>
      </c>
    </row>
    <row r="377" spans="1:9" x14ac:dyDescent="0.35">
      <c r="A377" s="52" t="s">
        <v>78</v>
      </c>
      <c r="B377" s="51" t="s">
        <v>79</v>
      </c>
      <c r="C377" s="61">
        <v>373202422</v>
      </c>
      <c r="D377" s="62">
        <v>10</v>
      </c>
      <c r="E377" s="51">
        <v>202403</v>
      </c>
      <c r="F377" s="51" t="s">
        <v>38</v>
      </c>
      <c r="G377" s="51" t="s">
        <v>97</v>
      </c>
      <c r="H377" s="51" t="s">
        <v>82</v>
      </c>
      <c r="I377" s="50">
        <v>95</v>
      </c>
    </row>
    <row r="378" spans="1:9" x14ac:dyDescent="0.35">
      <c r="A378" s="52" t="s">
        <v>78</v>
      </c>
      <c r="B378" s="51" t="s">
        <v>79</v>
      </c>
      <c r="C378" s="61">
        <v>376119658</v>
      </c>
      <c r="D378" s="62">
        <v>10</v>
      </c>
      <c r="E378" s="51">
        <v>202403</v>
      </c>
      <c r="F378" s="51" t="s">
        <v>38</v>
      </c>
      <c r="G378" s="51" t="s">
        <v>97</v>
      </c>
      <c r="H378" s="51" t="s">
        <v>82</v>
      </c>
      <c r="I378" s="50">
        <v>95</v>
      </c>
    </row>
    <row r="379" spans="1:9" x14ac:dyDescent="0.35">
      <c r="A379" s="52" t="s">
        <v>78</v>
      </c>
      <c r="B379" s="51" t="s">
        <v>79</v>
      </c>
      <c r="C379" s="61">
        <v>379524876</v>
      </c>
      <c r="D379" s="62">
        <v>10</v>
      </c>
      <c r="E379" s="51">
        <v>202403</v>
      </c>
      <c r="F379" s="51" t="s">
        <v>38</v>
      </c>
      <c r="G379" s="51" t="s">
        <v>97</v>
      </c>
      <c r="H379" s="51" t="s">
        <v>82</v>
      </c>
      <c r="I379" s="50">
        <v>4.7</v>
      </c>
    </row>
    <row r="380" spans="1:9" x14ac:dyDescent="0.35">
      <c r="A380" s="52" t="s">
        <v>78</v>
      </c>
      <c r="B380" s="51" t="s">
        <v>79</v>
      </c>
      <c r="C380" s="61">
        <v>380203562</v>
      </c>
      <c r="D380" s="62">
        <v>10</v>
      </c>
      <c r="E380" s="51">
        <v>202403</v>
      </c>
      <c r="F380" s="51" t="s">
        <v>38</v>
      </c>
      <c r="G380" s="51" t="s">
        <v>97</v>
      </c>
      <c r="H380" s="51" t="s">
        <v>82</v>
      </c>
      <c r="I380" s="50">
        <v>95</v>
      </c>
    </row>
    <row r="381" spans="1:9" x14ac:dyDescent="0.35">
      <c r="A381" s="52" t="s">
        <v>78</v>
      </c>
      <c r="B381" s="51" t="s">
        <v>79</v>
      </c>
      <c r="C381" s="61">
        <v>380900587</v>
      </c>
      <c r="D381" s="62">
        <v>10</v>
      </c>
      <c r="E381" s="51">
        <v>202403</v>
      </c>
      <c r="F381" s="51" t="s">
        <v>38</v>
      </c>
      <c r="G381" s="51" t="s">
        <v>97</v>
      </c>
      <c r="H381" s="51" t="s">
        <v>82</v>
      </c>
      <c r="I381" s="50">
        <v>4.7</v>
      </c>
    </row>
    <row r="382" spans="1:9" x14ac:dyDescent="0.35">
      <c r="A382" s="52" t="s">
        <v>78</v>
      </c>
      <c r="B382" s="51" t="s">
        <v>79</v>
      </c>
      <c r="C382" s="61">
        <v>382905435</v>
      </c>
      <c r="D382" s="62">
        <v>10</v>
      </c>
      <c r="E382" s="51">
        <v>202403</v>
      </c>
      <c r="F382" s="51" t="s">
        <v>38</v>
      </c>
      <c r="G382" s="51" t="s">
        <v>97</v>
      </c>
      <c r="H382" s="51" t="s">
        <v>82</v>
      </c>
      <c r="I382" s="50">
        <v>4.7</v>
      </c>
    </row>
    <row r="383" spans="1:9" x14ac:dyDescent="0.35">
      <c r="A383" s="52" t="s">
        <v>78</v>
      </c>
      <c r="B383" s="51" t="s">
        <v>79</v>
      </c>
      <c r="C383" s="61">
        <v>383703570</v>
      </c>
      <c r="D383" s="62">
        <v>10</v>
      </c>
      <c r="E383" s="51">
        <v>202403</v>
      </c>
      <c r="F383" s="51" t="s">
        <v>38</v>
      </c>
      <c r="G383" s="51" t="s">
        <v>97</v>
      </c>
      <c r="H383" s="51" t="s">
        <v>82</v>
      </c>
      <c r="I383" s="50">
        <v>95</v>
      </c>
    </row>
    <row r="384" spans="1:9" x14ac:dyDescent="0.35">
      <c r="A384" s="52" t="s">
        <v>78</v>
      </c>
      <c r="B384" s="51" t="s">
        <v>79</v>
      </c>
      <c r="C384" s="61">
        <v>385501320</v>
      </c>
      <c r="D384" s="62">
        <v>10</v>
      </c>
      <c r="E384" s="51">
        <v>202403</v>
      </c>
      <c r="F384" s="51" t="s">
        <v>38</v>
      </c>
      <c r="G384" s="51" t="s">
        <v>97</v>
      </c>
      <c r="H384" s="51" t="s">
        <v>82</v>
      </c>
      <c r="I384" s="50">
        <v>4.7</v>
      </c>
    </row>
    <row r="385" spans="1:9" x14ac:dyDescent="0.35">
      <c r="A385" s="52" t="s">
        <v>78</v>
      </c>
      <c r="B385" s="51" t="s">
        <v>79</v>
      </c>
      <c r="C385" s="61">
        <v>387005320</v>
      </c>
      <c r="D385" s="62">
        <v>10</v>
      </c>
      <c r="E385" s="51">
        <v>202403</v>
      </c>
      <c r="F385" s="51" t="s">
        <v>38</v>
      </c>
      <c r="G385" s="51" t="s">
        <v>97</v>
      </c>
      <c r="H385" s="51" t="s">
        <v>82</v>
      </c>
      <c r="I385" s="50">
        <v>4.7</v>
      </c>
    </row>
    <row r="386" spans="1:9" x14ac:dyDescent="0.35">
      <c r="A386" s="52" t="s">
        <v>78</v>
      </c>
      <c r="B386" s="51" t="s">
        <v>79</v>
      </c>
      <c r="C386" s="61">
        <v>387300069</v>
      </c>
      <c r="D386" s="62">
        <v>10</v>
      </c>
      <c r="E386" s="51">
        <v>202403</v>
      </c>
      <c r="F386" s="51" t="s">
        <v>38</v>
      </c>
      <c r="G386" s="51" t="s">
        <v>97</v>
      </c>
      <c r="H386" s="51" t="s">
        <v>82</v>
      </c>
      <c r="I386" s="50">
        <v>4.7</v>
      </c>
    </row>
    <row r="387" spans="1:9" x14ac:dyDescent="0.35">
      <c r="A387" s="52" t="s">
        <v>78</v>
      </c>
      <c r="B387" s="51" t="s">
        <v>79</v>
      </c>
      <c r="C387" s="61">
        <v>387826140</v>
      </c>
      <c r="D387" s="62">
        <v>10</v>
      </c>
      <c r="E387" s="51">
        <v>202403</v>
      </c>
      <c r="F387" s="51" t="s">
        <v>38</v>
      </c>
      <c r="G387" s="51" t="s">
        <v>97</v>
      </c>
      <c r="H387" s="51" t="s">
        <v>82</v>
      </c>
      <c r="I387" s="50">
        <v>4.7</v>
      </c>
    </row>
    <row r="388" spans="1:9" x14ac:dyDescent="0.35">
      <c r="A388" s="52" t="s">
        <v>78</v>
      </c>
      <c r="B388" s="51" t="s">
        <v>79</v>
      </c>
      <c r="C388" s="61">
        <v>388200905</v>
      </c>
      <c r="D388" s="62">
        <v>10</v>
      </c>
      <c r="E388" s="51">
        <v>202403</v>
      </c>
      <c r="F388" s="51" t="s">
        <v>38</v>
      </c>
      <c r="G388" s="51" t="s">
        <v>97</v>
      </c>
      <c r="H388" s="51" t="s">
        <v>82</v>
      </c>
      <c r="I388" s="50">
        <v>4.7</v>
      </c>
    </row>
    <row r="389" spans="1:9" x14ac:dyDescent="0.35">
      <c r="A389" s="52" t="s">
        <v>78</v>
      </c>
      <c r="B389" s="51" t="s">
        <v>79</v>
      </c>
      <c r="C389" s="61">
        <v>391003435</v>
      </c>
      <c r="D389" s="62">
        <v>10</v>
      </c>
      <c r="E389" s="51">
        <v>202403</v>
      </c>
      <c r="F389" s="51" t="s">
        <v>38</v>
      </c>
      <c r="G389" s="51" t="s">
        <v>97</v>
      </c>
      <c r="H389" s="51" t="s">
        <v>82</v>
      </c>
      <c r="I389" s="50">
        <v>4.7</v>
      </c>
    </row>
    <row r="390" spans="1:9" x14ac:dyDescent="0.35">
      <c r="A390" s="52" t="s">
        <v>78</v>
      </c>
      <c r="B390" s="51" t="s">
        <v>79</v>
      </c>
      <c r="C390" s="61">
        <v>392301751</v>
      </c>
      <c r="D390" s="62">
        <v>10</v>
      </c>
      <c r="E390" s="51">
        <v>202403</v>
      </c>
      <c r="F390" s="51" t="s">
        <v>38</v>
      </c>
      <c r="G390" s="51" t="s">
        <v>97</v>
      </c>
      <c r="H390" s="51" t="s">
        <v>82</v>
      </c>
      <c r="I390" s="50">
        <v>4.7</v>
      </c>
    </row>
    <row r="391" spans="1:9" x14ac:dyDescent="0.35">
      <c r="A391" s="52" t="s">
        <v>78</v>
      </c>
      <c r="B391" s="51" t="s">
        <v>79</v>
      </c>
      <c r="C391" s="61">
        <v>392603553</v>
      </c>
      <c r="D391" s="62">
        <v>10</v>
      </c>
      <c r="E391" s="51">
        <v>202403</v>
      </c>
      <c r="F391" s="51" t="s">
        <v>38</v>
      </c>
      <c r="G391" s="51" t="s">
        <v>97</v>
      </c>
      <c r="H391" s="51" t="s">
        <v>82</v>
      </c>
      <c r="I391" s="50">
        <v>4.7</v>
      </c>
    </row>
    <row r="392" spans="1:9" x14ac:dyDescent="0.35">
      <c r="A392" s="52" t="s">
        <v>78</v>
      </c>
      <c r="B392" s="51" t="s">
        <v>79</v>
      </c>
      <c r="C392" s="61">
        <v>396000660</v>
      </c>
      <c r="D392" s="62">
        <v>10</v>
      </c>
      <c r="E392" s="51">
        <v>202403</v>
      </c>
      <c r="F392" s="51" t="s">
        <v>38</v>
      </c>
      <c r="G392" s="51" t="s">
        <v>97</v>
      </c>
      <c r="H392" s="51" t="s">
        <v>82</v>
      </c>
      <c r="I392" s="50">
        <v>4.7</v>
      </c>
    </row>
    <row r="393" spans="1:9" x14ac:dyDescent="0.35">
      <c r="A393" s="52" t="s">
        <v>78</v>
      </c>
      <c r="B393" s="51" t="s">
        <v>79</v>
      </c>
      <c r="C393" s="61">
        <v>397791700</v>
      </c>
      <c r="D393" s="62">
        <v>10</v>
      </c>
      <c r="E393" s="51">
        <v>202403</v>
      </c>
      <c r="F393" s="51" t="s">
        <v>38</v>
      </c>
      <c r="G393" s="51" t="s">
        <v>97</v>
      </c>
      <c r="H393" s="51" t="s">
        <v>82</v>
      </c>
      <c r="I393" s="50">
        <v>4.7</v>
      </c>
    </row>
    <row r="394" spans="1:9" x14ac:dyDescent="0.35">
      <c r="A394" s="52" t="s">
        <v>78</v>
      </c>
      <c r="B394" s="51" t="s">
        <v>79</v>
      </c>
      <c r="C394" s="61">
        <v>397804354</v>
      </c>
      <c r="D394" s="62">
        <v>10</v>
      </c>
      <c r="E394" s="51">
        <v>202403</v>
      </c>
      <c r="F394" s="51" t="s">
        <v>38</v>
      </c>
      <c r="G394" s="51" t="s">
        <v>97</v>
      </c>
      <c r="H394" s="51" t="s">
        <v>82</v>
      </c>
      <c r="I394" s="50">
        <v>4.7</v>
      </c>
    </row>
    <row r="395" spans="1:9" x14ac:dyDescent="0.35">
      <c r="A395" s="52" t="s">
        <v>78</v>
      </c>
      <c r="B395" s="51" t="s">
        <v>79</v>
      </c>
      <c r="C395" s="61">
        <v>399704492</v>
      </c>
      <c r="D395" s="62">
        <v>10</v>
      </c>
      <c r="E395" s="51">
        <v>202403</v>
      </c>
      <c r="F395" s="51" t="s">
        <v>38</v>
      </c>
      <c r="G395" s="51" t="s">
        <v>97</v>
      </c>
      <c r="H395" s="51" t="s">
        <v>82</v>
      </c>
      <c r="I395" s="50">
        <v>4.7</v>
      </c>
    </row>
    <row r="396" spans="1:9" x14ac:dyDescent="0.35">
      <c r="A396" s="52" t="s">
        <v>78</v>
      </c>
      <c r="B396" s="51" t="s">
        <v>79</v>
      </c>
      <c r="C396" s="61">
        <v>300425773</v>
      </c>
      <c r="D396" s="62">
        <v>20</v>
      </c>
      <c r="E396" s="51">
        <v>202403</v>
      </c>
      <c r="F396" s="51" t="s">
        <v>38</v>
      </c>
      <c r="G396" s="51" t="s">
        <v>97</v>
      </c>
      <c r="H396" s="51" t="s">
        <v>82</v>
      </c>
      <c r="I396" s="50">
        <v>4.7</v>
      </c>
    </row>
    <row r="397" spans="1:9" x14ac:dyDescent="0.35">
      <c r="A397" s="52" t="s">
        <v>78</v>
      </c>
      <c r="B397" s="51" t="s">
        <v>79</v>
      </c>
      <c r="C397" s="61">
        <v>300703926</v>
      </c>
      <c r="D397" s="62">
        <v>20</v>
      </c>
      <c r="E397" s="51">
        <v>202403</v>
      </c>
      <c r="F397" s="51" t="s">
        <v>38</v>
      </c>
      <c r="G397" s="51" t="s">
        <v>97</v>
      </c>
      <c r="H397" s="51" t="s">
        <v>82</v>
      </c>
      <c r="I397" s="50">
        <v>4.7</v>
      </c>
    </row>
    <row r="398" spans="1:9" x14ac:dyDescent="0.35">
      <c r="A398" s="52" t="s">
        <v>78</v>
      </c>
      <c r="B398" s="51" t="s">
        <v>79</v>
      </c>
      <c r="C398" s="61">
        <v>302002718</v>
      </c>
      <c r="D398" s="62">
        <v>20</v>
      </c>
      <c r="E398" s="51">
        <v>202403</v>
      </c>
      <c r="F398" s="51" t="s">
        <v>38</v>
      </c>
      <c r="G398" s="51" t="s">
        <v>97</v>
      </c>
      <c r="H398" s="51" t="s">
        <v>82</v>
      </c>
      <c r="I398" s="50">
        <v>4.7</v>
      </c>
    </row>
    <row r="399" spans="1:9" x14ac:dyDescent="0.35">
      <c r="A399" s="52" t="s">
        <v>78</v>
      </c>
      <c r="B399" s="51" t="s">
        <v>79</v>
      </c>
      <c r="C399" s="61">
        <v>302104824</v>
      </c>
      <c r="D399" s="62">
        <v>20</v>
      </c>
      <c r="E399" s="51">
        <v>202403</v>
      </c>
      <c r="F399" s="51" t="s">
        <v>38</v>
      </c>
      <c r="G399" s="51" t="s">
        <v>97</v>
      </c>
      <c r="H399" s="51" t="s">
        <v>82</v>
      </c>
      <c r="I399" s="50">
        <v>4.7</v>
      </c>
    </row>
    <row r="400" spans="1:9" x14ac:dyDescent="0.35">
      <c r="A400" s="52" t="s">
        <v>78</v>
      </c>
      <c r="B400" s="51" t="s">
        <v>79</v>
      </c>
      <c r="C400" s="61">
        <v>302749810</v>
      </c>
      <c r="D400" s="62">
        <v>20</v>
      </c>
      <c r="E400" s="51">
        <v>202403</v>
      </c>
      <c r="F400" s="51" t="s">
        <v>38</v>
      </c>
      <c r="G400" s="51" t="s">
        <v>97</v>
      </c>
      <c r="H400" s="51" t="s">
        <v>82</v>
      </c>
      <c r="I400" s="50">
        <v>95</v>
      </c>
    </row>
    <row r="401" spans="1:9" x14ac:dyDescent="0.35">
      <c r="A401" s="52" t="s">
        <v>78</v>
      </c>
      <c r="B401" s="51" t="s">
        <v>79</v>
      </c>
      <c r="C401" s="61">
        <v>303815289</v>
      </c>
      <c r="D401" s="62">
        <v>20</v>
      </c>
      <c r="E401" s="51">
        <v>202403</v>
      </c>
      <c r="F401" s="51" t="s">
        <v>38</v>
      </c>
      <c r="G401" s="51" t="s">
        <v>97</v>
      </c>
      <c r="H401" s="51" t="s">
        <v>82</v>
      </c>
      <c r="I401" s="50">
        <v>4.7</v>
      </c>
    </row>
    <row r="402" spans="1:9" x14ac:dyDescent="0.35">
      <c r="A402" s="52" t="s">
        <v>78</v>
      </c>
      <c r="B402" s="51" t="s">
        <v>79</v>
      </c>
      <c r="C402" s="61">
        <v>304098113</v>
      </c>
      <c r="D402" s="62">
        <v>20</v>
      </c>
      <c r="E402" s="51">
        <v>202403</v>
      </c>
      <c r="F402" s="51" t="s">
        <v>38</v>
      </c>
      <c r="G402" s="51" t="s">
        <v>97</v>
      </c>
      <c r="H402" s="51" t="s">
        <v>82</v>
      </c>
      <c r="I402" s="50">
        <v>4.7</v>
      </c>
    </row>
    <row r="403" spans="1:9" x14ac:dyDescent="0.35">
      <c r="A403" s="52" t="s">
        <v>78</v>
      </c>
      <c r="B403" s="51" t="s">
        <v>79</v>
      </c>
      <c r="C403" s="61">
        <v>304419177</v>
      </c>
      <c r="D403" s="62">
        <v>20</v>
      </c>
      <c r="E403" s="51">
        <v>202403</v>
      </c>
      <c r="F403" s="51" t="s">
        <v>38</v>
      </c>
      <c r="G403" s="51" t="s">
        <v>97</v>
      </c>
      <c r="H403" s="51" t="s">
        <v>82</v>
      </c>
      <c r="I403" s="50">
        <v>4.7</v>
      </c>
    </row>
    <row r="404" spans="1:9" x14ac:dyDescent="0.35">
      <c r="A404" s="52" t="s">
        <v>78</v>
      </c>
      <c r="B404" s="51" t="s">
        <v>79</v>
      </c>
      <c r="C404" s="61">
        <v>304571987</v>
      </c>
      <c r="D404" s="62">
        <v>20</v>
      </c>
      <c r="E404" s="51">
        <v>202403</v>
      </c>
      <c r="F404" s="51" t="s">
        <v>38</v>
      </c>
      <c r="G404" s="51" t="s">
        <v>97</v>
      </c>
      <c r="H404" s="51" t="s">
        <v>82</v>
      </c>
      <c r="I404" s="50">
        <v>4.7</v>
      </c>
    </row>
    <row r="405" spans="1:9" x14ac:dyDescent="0.35">
      <c r="A405" s="52" t="s">
        <v>78</v>
      </c>
      <c r="B405" s="51" t="s">
        <v>79</v>
      </c>
      <c r="C405" s="61">
        <v>305439282</v>
      </c>
      <c r="D405" s="62">
        <v>20</v>
      </c>
      <c r="E405" s="51">
        <v>202403</v>
      </c>
      <c r="F405" s="51" t="s">
        <v>38</v>
      </c>
      <c r="G405" s="51" t="s">
        <v>97</v>
      </c>
      <c r="H405" s="51" t="s">
        <v>82</v>
      </c>
      <c r="I405" s="50">
        <v>4.7</v>
      </c>
    </row>
    <row r="406" spans="1:9" x14ac:dyDescent="0.35">
      <c r="A406" s="52" t="s">
        <v>78</v>
      </c>
      <c r="B406" s="51" t="s">
        <v>79</v>
      </c>
      <c r="C406" s="61">
        <v>305726544</v>
      </c>
      <c r="D406" s="62">
        <v>20</v>
      </c>
      <c r="E406" s="51">
        <v>202403</v>
      </c>
      <c r="F406" s="51" t="s">
        <v>38</v>
      </c>
      <c r="G406" s="51" t="s">
        <v>97</v>
      </c>
      <c r="H406" s="51" t="s">
        <v>82</v>
      </c>
      <c r="I406" s="50">
        <v>4.7</v>
      </c>
    </row>
    <row r="407" spans="1:9" x14ac:dyDescent="0.35">
      <c r="A407" s="52" t="s">
        <v>78</v>
      </c>
      <c r="B407" s="51" t="s">
        <v>79</v>
      </c>
      <c r="C407" s="61">
        <v>308056514</v>
      </c>
      <c r="D407" s="62">
        <v>20</v>
      </c>
      <c r="E407" s="51">
        <v>202403</v>
      </c>
      <c r="F407" s="51" t="s">
        <v>38</v>
      </c>
      <c r="G407" s="51" t="s">
        <v>97</v>
      </c>
      <c r="H407" s="51" t="s">
        <v>82</v>
      </c>
      <c r="I407" s="50">
        <v>4.7</v>
      </c>
    </row>
    <row r="408" spans="1:9" x14ac:dyDescent="0.35">
      <c r="A408" s="52" t="s">
        <v>78</v>
      </c>
      <c r="B408" s="51" t="s">
        <v>79</v>
      </c>
      <c r="C408" s="61">
        <v>308707755</v>
      </c>
      <c r="D408" s="62">
        <v>20</v>
      </c>
      <c r="E408" s="51">
        <v>202403</v>
      </c>
      <c r="F408" s="51" t="s">
        <v>38</v>
      </c>
      <c r="G408" s="51" t="s">
        <v>97</v>
      </c>
      <c r="H408" s="51" t="s">
        <v>82</v>
      </c>
      <c r="I408" s="50">
        <v>4.7</v>
      </c>
    </row>
    <row r="409" spans="1:9" x14ac:dyDescent="0.35">
      <c r="A409" s="52" t="s">
        <v>78</v>
      </c>
      <c r="B409" s="51" t="s">
        <v>79</v>
      </c>
      <c r="C409" s="61">
        <v>308942367</v>
      </c>
      <c r="D409" s="62">
        <v>20</v>
      </c>
      <c r="E409" s="51">
        <v>202403</v>
      </c>
      <c r="F409" s="51" t="s">
        <v>38</v>
      </c>
      <c r="G409" s="51" t="s">
        <v>97</v>
      </c>
      <c r="H409" s="51" t="s">
        <v>82</v>
      </c>
      <c r="I409" s="50">
        <v>30</v>
      </c>
    </row>
    <row r="410" spans="1:9" x14ac:dyDescent="0.35">
      <c r="A410" s="52" t="s">
        <v>78</v>
      </c>
      <c r="B410" s="51" t="s">
        <v>79</v>
      </c>
      <c r="C410" s="61">
        <v>309351912</v>
      </c>
      <c r="D410" s="62">
        <v>20</v>
      </c>
      <c r="E410" s="51">
        <v>202403</v>
      </c>
      <c r="F410" s="51" t="s">
        <v>38</v>
      </c>
      <c r="G410" s="51" t="s">
        <v>97</v>
      </c>
      <c r="H410" s="51" t="s">
        <v>82</v>
      </c>
      <c r="I410" s="50">
        <v>4.7</v>
      </c>
    </row>
    <row r="411" spans="1:9" x14ac:dyDescent="0.35">
      <c r="A411" s="52" t="s">
        <v>78</v>
      </c>
      <c r="B411" s="51" t="s">
        <v>79</v>
      </c>
      <c r="C411" s="61">
        <v>309604951</v>
      </c>
      <c r="D411" s="62">
        <v>20</v>
      </c>
      <c r="E411" s="51">
        <v>202403</v>
      </c>
      <c r="F411" s="51" t="s">
        <v>38</v>
      </c>
      <c r="G411" s="51" t="s">
        <v>97</v>
      </c>
      <c r="H411" s="51" t="s">
        <v>82</v>
      </c>
      <c r="I411" s="50">
        <v>4.7</v>
      </c>
    </row>
    <row r="412" spans="1:9" x14ac:dyDescent="0.35">
      <c r="A412" s="52" t="s">
        <v>78</v>
      </c>
      <c r="B412" s="51" t="s">
        <v>79</v>
      </c>
      <c r="C412" s="61">
        <v>310054087</v>
      </c>
      <c r="D412" s="62">
        <v>20</v>
      </c>
      <c r="E412" s="51">
        <v>202403</v>
      </c>
      <c r="F412" s="51" t="s">
        <v>38</v>
      </c>
      <c r="G412" s="51" t="s">
        <v>97</v>
      </c>
      <c r="H412" s="51" t="s">
        <v>82</v>
      </c>
      <c r="I412" s="50">
        <v>4.7</v>
      </c>
    </row>
    <row r="413" spans="1:9" x14ac:dyDescent="0.35">
      <c r="A413" s="52" t="s">
        <v>78</v>
      </c>
      <c r="B413" s="51" t="s">
        <v>79</v>
      </c>
      <c r="C413" s="61">
        <v>311005261</v>
      </c>
      <c r="D413" s="62">
        <v>20</v>
      </c>
      <c r="E413" s="51">
        <v>202403</v>
      </c>
      <c r="F413" s="51" t="s">
        <v>38</v>
      </c>
      <c r="G413" s="51" t="s">
        <v>97</v>
      </c>
      <c r="H413" s="51" t="s">
        <v>82</v>
      </c>
      <c r="I413" s="50">
        <v>4.7</v>
      </c>
    </row>
    <row r="414" spans="1:9" x14ac:dyDescent="0.35">
      <c r="A414" s="52" t="s">
        <v>78</v>
      </c>
      <c r="B414" s="51" t="s">
        <v>79</v>
      </c>
      <c r="C414" s="61">
        <v>311903021</v>
      </c>
      <c r="D414" s="62">
        <v>20</v>
      </c>
      <c r="E414" s="51">
        <v>202403</v>
      </c>
      <c r="F414" s="51" t="s">
        <v>38</v>
      </c>
      <c r="G414" s="51" t="s">
        <v>97</v>
      </c>
      <c r="H414" s="51" t="s">
        <v>82</v>
      </c>
      <c r="I414" s="50">
        <v>4.7</v>
      </c>
    </row>
    <row r="415" spans="1:9" x14ac:dyDescent="0.35">
      <c r="A415" s="52" t="s">
        <v>78</v>
      </c>
      <c r="B415" s="51" t="s">
        <v>79</v>
      </c>
      <c r="C415" s="61">
        <v>313403820</v>
      </c>
      <c r="D415" s="62">
        <v>20</v>
      </c>
      <c r="E415" s="51">
        <v>202403</v>
      </c>
      <c r="F415" s="51" t="s">
        <v>38</v>
      </c>
      <c r="G415" s="51" t="s">
        <v>97</v>
      </c>
      <c r="H415" s="51" t="s">
        <v>82</v>
      </c>
      <c r="I415" s="50">
        <v>4.7</v>
      </c>
    </row>
    <row r="416" spans="1:9" x14ac:dyDescent="0.35">
      <c r="A416" s="52" t="s">
        <v>78</v>
      </c>
      <c r="B416" s="51" t="s">
        <v>79</v>
      </c>
      <c r="C416" s="61">
        <v>313991048</v>
      </c>
      <c r="D416" s="62">
        <v>20</v>
      </c>
      <c r="E416" s="51">
        <v>202403</v>
      </c>
      <c r="F416" s="51" t="s">
        <v>38</v>
      </c>
      <c r="G416" s="51" t="s">
        <v>97</v>
      </c>
      <c r="H416" s="51" t="s">
        <v>82</v>
      </c>
      <c r="I416" s="50">
        <v>4.7</v>
      </c>
    </row>
    <row r="417" spans="1:9" x14ac:dyDescent="0.35">
      <c r="A417" s="52" t="s">
        <v>78</v>
      </c>
      <c r="B417" s="51" t="s">
        <v>79</v>
      </c>
      <c r="C417" s="61">
        <v>314381910</v>
      </c>
      <c r="D417" s="62">
        <v>20</v>
      </c>
      <c r="E417" s="51">
        <v>202403</v>
      </c>
      <c r="F417" s="51" t="s">
        <v>38</v>
      </c>
      <c r="G417" s="51" t="s">
        <v>97</v>
      </c>
      <c r="H417" s="51" t="s">
        <v>82</v>
      </c>
      <c r="I417" s="50">
        <v>4.7</v>
      </c>
    </row>
    <row r="418" spans="1:9" x14ac:dyDescent="0.35">
      <c r="A418" s="52" t="s">
        <v>78</v>
      </c>
      <c r="B418" s="51" t="s">
        <v>79</v>
      </c>
      <c r="C418" s="61">
        <v>314637280</v>
      </c>
      <c r="D418" s="62">
        <v>20</v>
      </c>
      <c r="E418" s="51">
        <v>202403</v>
      </c>
      <c r="F418" s="51" t="s">
        <v>38</v>
      </c>
      <c r="G418" s="51" t="s">
        <v>97</v>
      </c>
      <c r="H418" s="51" t="s">
        <v>82</v>
      </c>
      <c r="I418" s="50">
        <v>4.7</v>
      </c>
    </row>
    <row r="419" spans="1:9" x14ac:dyDescent="0.35">
      <c r="A419" s="52" t="s">
        <v>78</v>
      </c>
      <c r="B419" s="51" t="s">
        <v>79</v>
      </c>
      <c r="C419" s="61">
        <v>315501304</v>
      </c>
      <c r="D419" s="62">
        <v>20</v>
      </c>
      <c r="E419" s="51">
        <v>202403</v>
      </c>
      <c r="F419" s="51" t="s">
        <v>38</v>
      </c>
      <c r="G419" s="51" t="s">
        <v>97</v>
      </c>
      <c r="H419" s="51" t="s">
        <v>82</v>
      </c>
      <c r="I419" s="50">
        <v>30</v>
      </c>
    </row>
    <row r="420" spans="1:9" x14ac:dyDescent="0.35">
      <c r="A420" s="52" t="s">
        <v>78</v>
      </c>
      <c r="B420" s="51" t="s">
        <v>79</v>
      </c>
      <c r="C420" s="61">
        <v>315803085</v>
      </c>
      <c r="D420" s="62">
        <v>20</v>
      </c>
      <c r="E420" s="51">
        <v>202403</v>
      </c>
      <c r="F420" s="51" t="s">
        <v>38</v>
      </c>
      <c r="G420" s="51" t="s">
        <v>97</v>
      </c>
      <c r="H420" s="51" t="s">
        <v>82</v>
      </c>
      <c r="I420" s="50">
        <v>4.7</v>
      </c>
    </row>
    <row r="421" spans="1:9" x14ac:dyDescent="0.35">
      <c r="A421" s="52" t="s">
        <v>78</v>
      </c>
      <c r="B421" s="51" t="s">
        <v>79</v>
      </c>
      <c r="C421" s="61">
        <v>316192762</v>
      </c>
      <c r="D421" s="62">
        <v>20</v>
      </c>
      <c r="E421" s="51">
        <v>202403</v>
      </c>
      <c r="F421" s="51" t="s">
        <v>38</v>
      </c>
      <c r="G421" s="51" t="s">
        <v>97</v>
      </c>
      <c r="H421" s="51" t="s">
        <v>82</v>
      </c>
      <c r="I421" s="50">
        <v>4.7</v>
      </c>
    </row>
    <row r="422" spans="1:9" x14ac:dyDescent="0.35">
      <c r="A422" s="52" t="s">
        <v>78</v>
      </c>
      <c r="B422" s="51" t="s">
        <v>79</v>
      </c>
      <c r="C422" s="61">
        <v>317605096</v>
      </c>
      <c r="D422" s="62">
        <v>20</v>
      </c>
      <c r="E422" s="51">
        <v>202403</v>
      </c>
      <c r="F422" s="51" t="s">
        <v>38</v>
      </c>
      <c r="G422" s="51" t="s">
        <v>97</v>
      </c>
      <c r="H422" s="51" t="s">
        <v>82</v>
      </c>
      <c r="I422" s="50">
        <v>4.7</v>
      </c>
    </row>
    <row r="423" spans="1:9" x14ac:dyDescent="0.35">
      <c r="A423" s="52" t="s">
        <v>78</v>
      </c>
      <c r="B423" s="51" t="s">
        <v>79</v>
      </c>
      <c r="C423" s="61">
        <v>318805890</v>
      </c>
      <c r="D423" s="62">
        <v>20</v>
      </c>
      <c r="E423" s="51">
        <v>202403</v>
      </c>
      <c r="F423" s="51" t="s">
        <v>38</v>
      </c>
      <c r="G423" s="51" t="s">
        <v>97</v>
      </c>
      <c r="H423" s="51" t="s">
        <v>82</v>
      </c>
      <c r="I423" s="50">
        <v>4.7</v>
      </c>
    </row>
    <row r="424" spans="1:9" x14ac:dyDescent="0.35">
      <c r="A424" s="52" t="s">
        <v>78</v>
      </c>
      <c r="B424" s="51" t="s">
        <v>79</v>
      </c>
      <c r="C424" s="61">
        <v>319292658</v>
      </c>
      <c r="D424" s="62">
        <v>20</v>
      </c>
      <c r="E424" s="51">
        <v>202403</v>
      </c>
      <c r="F424" s="51" t="s">
        <v>38</v>
      </c>
      <c r="G424" s="51" t="s">
        <v>97</v>
      </c>
      <c r="H424" s="51" t="s">
        <v>82</v>
      </c>
      <c r="I424" s="50">
        <v>4.7</v>
      </c>
    </row>
    <row r="425" spans="1:9" x14ac:dyDescent="0.35">
      <c r="A425" s="52" t="s">
        <v>78</v>
      </c>
      <c r="B425" s="51" t="s">
        <v>79</v>
      </c>
      <c r="C425" s="61">
        <v>319805912</v>
      </c>
      <c r="D425" s="62">
        <v>20</v>
      </c>
      <c r="E425" s="51">
        <v>202403</v>
      </c>
      <c r="F425" s="51" t="s">
        <v>38</v>
      </c>
      <c r="G425" s="51" t="s">
        <v>97</v>
      </c>
      <c r="H425" s="51" t="s">
        <v>82</v>
      </c>
      <c r="I425" s="50">
        <v>30</v>
      </c>
    </row>
    <row r="426" spans="1:9" x14ac:dyDescent="0.35">
      <c r="A426" s="52" t="s">
        <v>78</v>
      </c>
      <c r="B426" s="51" t="s">
        <v>79</v>
      </c>
      <c r="C426" s="61">
        <v>319901883</v>
      </c>
      <c r="D426" s="62">
        <v>20</v>
      </c>
      <c r="E426" s="51">
        <v>202403</v>
      </c>
      <c r="F426" s="51" t="s">
        <v>38</v>
      </c>
      <c r="G426" s="51" t="s">
        <v>97</v>
      </c>
      <c r="H426" s="51" t="s">
        <v>82</v>
      </c>
      <c r="I426" s="50">
        <v>4.7</v>
      </c>
    </row>
    <row r="427" spans="1:9" x14ac:dyDescent="0.35">
      <c r="A427" s="52" t="s">
        <v>78</v>
      </c>
      <c r="B427" s="51" t="s">
        <v>79</v>
      </c>
      <c r="C427" s="61">
        <v>321758796</v>
      </c>
      <c r="D427" s="62">
        <v>20</v>
      </c>
      <c r="E427" s="51">
        <v>202403</v>
      </c>
      <c r="F427" s="51" t="s">
        <v>38</v>
      </c>
      <c r="G427" s="51" t="s">
        <v>97</v>
      </c>
      <c r="H427" s="51" t="s">
        <v>82</v>
      </c>
      <c r="I427" s="50">
        <v>4.7</v>
      </c>
    </row>
    <row r="428" spans="1:9" x14ac:dyDescent="0.35">
      <c r="A428" s="52" t="s">
        <v>78</v>
      </c>
      <c r="B428" s="51" t="s">
        <v>79</v>
      </c>
      <c r="C428" s="61">
        <v>321804432</v>
      </c>
      <c r="D428" s="62">
        <v>20</v>
      </c>
      <c r="E428" s="51">
        <v>202403</v>
      </c>
      <c r="F428" s="51" t="s">
        <v>38</v>
      </c>
      <c r="G428" s="51" t="s">
        <v>97</v>
      </c>
      <c r="H428" s="51" t="s">
        <v>82</v>
      </c>
      <c r="I428" s="50">
        <v>4.7</v>
      </c>
    </row>
    <row r="429" spans="1:9" x14ac:dyDescent="0.35">
      <c r="A429" s="52" t="s">
        <v>78</v>
      </c>
      <c r="B429" s="51" t="s">
        <v>79</v>
      </c>
      <c r="C429" s="61">
        <v>323301736</v>
      </c>
      <c r="D429" s="62">
        <v>20</v>
      </c>
      <c r="E429" s="51">
        <v>202403</v>
      </c>
      <c r="F429" s="51" t="s">
        <v>38</v>
      </c>
      <c r="G429" s="51" t="s">
        <v>97</v>
      </c>
      <c r="H429" s="51" t="s">
        <v>82</v>
      </c>
      <c r="I429" s="50">
        <v>4.7</v>
      </c>
    </row>
    <row r="430" spans="1:9" x14ac:dyDescent="0.35">
      <c r="A430" s="52" t="s">
        <v>78</v>
      </c>
      <c r="B430" s="51" t="s">
        <v>79</v>
      </c>
      <c r="C430" s="61">
        <v>324682604</v>
      </c>
      <c r="D430" s="62">
        <v>20</v>
      </c>
      <c r="E430" s="51">
        <v>202403</v>
      </c>
      <c r="F430" s="51" t="s">
        <v>38</v>
      </c>
      <c r="G430" s="51" t="s">
        <v>97</v>
      </c>
      <c r="H430" s="51" t="s">
        <v>82</v>
      </c>
      <c r="I430" s="50">
        <v>4.7</v>
      </c>
    </row>
    <row r="431" spans="1:9" x14ac:dyDescent="0.35">
      <c r="A431" s="52" t="s">
        <v>78</v>
      </c>
      <c r="B431" s="51" t="s">
        <v>79</v>
      </c>
      <c r="C431" s="61">
        <v>324693115</v>
      </c>
      <c r="D431" s="62">
        <v>20</v>
      </c>
      <c r="E431" s="51">
        <v>202403</v>
      </c>
      <c r="F431" s="51" t="s">
        <v>38</v>
      </c>
      <c r="G431" s="51" t="s">
        <v>97</v>
      </c>
      <c r="H431" s="51" t="s">
        <v>82</v>
      </c>
      <c r="I431" s="50">
        <v>4.7</v>
      </c>
    </row>
    <row r="432" spans="1:9" x14ac:dyDescent="0.35">
      <c r="A432" s="52" t="s">
        <v>78</v>
      </c>
      <c r="B432" s="51" t="s">
        <v>79</v>
      </c>
      <c r="C432" s="61">
        <v>324837417</v>
      </c>
      <c r="D432" s="62">
        <v>20</v>
      </c>
      <c r="E432" s="51">
        <v>202403</v>
      </c>
      <c r="F432" s="51" t="s">
        <v>38</v>
      </c>
      <c r="G432" s="51" t="s">
        <v>97</v>
      </c>
      <c r="H432" s="51" t="s">
        <v>82</v>
      </c>
      <c r="I432" s="50">
        <v>4.7</v>
      </c>
    </row>
    <row r="433" spans="1:9" x14ac:dyDescent="0.35">
      <c r="A433" s="52" t="s">
        <v>78</v>
      </c>
      <c r="B433" s="51" t="s">
        <v>79</v>
      </c>
      <c r="C433" s="61">
        <v>325701163</v>
      </c>
      <c r="D433" s="62">
        <v>20</v>
      </c>
      <c r="E433" s="51">
        <v>202403</v>
      </c>
      <c r="F433" s="51" t="s">
        <v>38</v>
      </c>
      <c r="G433" s="51" t="s">
        <v>97</v>
      </c>
      <c r="H433" s="51" t="s">
        <v>82</v>
      </c>
      <c r="I433" s="50">
        <v>4.7</v>
      </c>
    </row>
    <row r="434" spans="1:9" x14ac:dyDescent="0.35">
      <c r="A434" s="52" t="s">
        <v>78</v>
      </c>
      <c r="B434" s="51" t="s">
        <v>79</v>
      </c>
      <c r="C434" s="61">
        <v>325857043</v>
      </c>
      <c r="D434" s="62">
        <v>20</v>
      </c>
      <c r="E434" s="51">
        <v>202403</v>
      </c>
      <c r="F434" s="51" t="s">
        <v>38</v>
      </c>
      <c r="G434" s="51" t="s">
        <v>97</v>
      </c>
      <c r="H434" s="51" t="s">
        <v>82</v>
      </c>
      <c r="I434" s="50">
        <v>4.7</v>
      </c>
    </row>
    <row r="435" spans="1:9" x14ac:dyDescent="0.35">
      <c r="A435" s="52" t="s">
        <v>78</v>
      </c>
      <c r="B435" s="51" t="s">
        <v>79</v>
      </c>
      <c r="C435" s="61">
        <v>325863647</v>
      </c>
      <c r="D435" s="62">
        <v>20</v>
      </c>
      <c r="E435" s="51">
        <v>202403</v>
      </c>
      <c r="F435" s="51" t="s">
        <v>38</v>
      </c>
      <c r="G435" s="51" t="s">
        <v>97</v>
      </c>
      <c r="H435" s="51" t="s">
        <v>82</v>
      </c>
      <c r="I435" s="50">
        <v>4.7</v>
      </c>
    </row>
    <row r="436" spans="1:9" x14ac:dyDescent="0.35">
      <c r="A436" s="52" t="s">
        <v>78</v>
      </c>
      <c r="B436" s="51" t="s">
        <v>79</v>
      </c>
      <c r="C436" s="61">
        <v>326702373</v>
      </c>
      <c r="D436" s="62">
        <v>20</v>
      </c>
      <c r="E436" s="51">
        <v>202403</v>
      </c>
      <c r="F436" s="51" t="s">
        <v>38</v>
      </c>
      <c r="G436" s="51" t="s">
        <v>97</v>
      </c>
      <c r="H436" s="51" t="s">
        <v>82</v>
      </c>
      <c r="I436" s="50">
        <v>4.7</v>
      </c>
    </row>
    <row r="437" spans="1:9" x14ac:dyDescent="0.35">
      <c r="A437" s="52" t="s">
        <v>78</v>
      </c>
      <c r="B437" s="51" t="s">
        <v>79</v>
      </c>
      <c r="C437" s="61">
        <v>326703571</v>
      </c>
      <c r="D437" s="62">
        <v>20</v>
      </c>
      <c r="E437" s="51">
        <v>202403</v>
      </c>
      <c r="F437" s="51" t="s">
        <v>38</v>
      </c>
      <c r="G437" s="51" t="s">
        <v>97</v>
      </c>
      <c r="H437" s="51" t="s">
        <v>82</v>
      </c>
      <c r="I437" s="50">
        <v>4.7</v>
      </c>
    </row>
    <row r="438" spans="1:9" x14ac:dyDescent="0.35">
      <c r="A438" s="52" t="s">
        <v>78</v>
      </c>
      <c r="B438" s="51" t="s">
        <v>79</v>
      </c>
      <c r="C438" s="61">
        <v>326912000</v>
      </c>
      <c r="D438" s="62">
        <v>20</v>
      </c>
      <c r="E438" s="51">
        <v>202403</v>
      </c>
      <c r="F438" s="51" t="s">
        <v>38</v>
      </c>
      <c r="G438" s="51" t="s">
        <v>97</v>
      </c>
      <c r="H438" s="51" t="s">
        <v>82</v>
      </c>
      <c r="I438" s="50">
        <v>4.7</v>
      </c>
    </row>
    <row r="439" spans="1:9" x14ac:dyDescent="0.35">
      <c r="A439" s="52" t="s">
        <v>78</v>
      </c>
      <c r="B439" s="51" t="s">
        <v>79</v>
      </c>
      <c r="C439" s="61">
        <v>327101492</v>
      </c>
      <c r="D439" s="62">
        <v>20</v>
      </c>
      <c r="E439" s="51">
        <v>202403</v>
      </c>
      <c r="F439" s="51" t="s">
        <v>38</v>
      </c>
      <c r="G439" s="51" t="s">
        <v>97</v>
      </c>
      <c r="H439" s="51" t="s">
        <v>82</v>
      </c>
      <c r="I439" s="50">
        <v>4.7</v>
      </c>
    </row>
    <row r="440" spans="1:9" x14ac:dyDescent="0.35">
      <c r="A440" s="52" t="s">
        <v>78</v>
      </c>
      <c r="B440" s="51" t="s">
        <v>79</v>
      </c>
      <c r="C440" s="61">
        <v>327313350</v>
      </c>
      <c r="D440" s="62">
        <v>20</v>
      </c>
      <c r="E440" s="51">
        <v>202403</v>
      </c>
      <c r="F440" s="51" t="s">
        <v>38</v>
      </c>
      <c r="G440" s="51" t="s">
        <v>97</v>
      </c>
      <c r="H440" s="51" t="s">
        <v>82</v>
      </c>
      <c r="I440" s="50">
        <v>4.7</v>
      </c>
    </row>
    <row r="441" spans="1:9" x14ac:dyDescent="0.35">
      <c r="A441" s="52" t="s">
        <v>78</v>
      </c>
      <c r="B441" s="51" t="s">
        <v>79</v>
      </c>
      <c r="C441" s="61">
        <v>327603663</v>
      </c>
      <c r="D441" s="62">
        <v>20</v>
      </c>
      <c r="E441" s="51">
        <v>202403</v>
      </c>
      <c r="F441" s="51" t="s">
        <v>38</v>
      </c>
      <c r="G441" s="51" t="s">
        <v>97</v>
      </c>
      <c r="H441" s="51" t="s">
        <v>82</v>
      </c>
      <c r="I441" s="50">
        <v>4.7</v>
      </c>
    </row>
    <row r="442" spans="1:9" x14ac:dyDescent="0.35">
      <c r="A442" s="52" t="s">
        <v>78</v>
      </c>
      <c r="B442" s="51" t="s">
        <v>79</v>
      </c>
      <c r="C442" s="61">
        <v>327903123</v>
      </c>
      <c r="D442" s="62">
        <v>20</v>
      </c>
      <c r="E442" s="51">
        <v>202403</v>
      </c>
      <c r="F442" s="51" t="s">
        <v>38</v>
      </c>
      <c r="G442" s="51" t="s">
        <v>97</v>
      </c>
      <c r="H442" s="51" t="s">
        <v>82</v>
      </c>
      <c r="I442" s="50">
        <v>30</v>
      </c>
    </row>
    <row r="443" spans="1:9" x14ac:dyDescent="0.35">
      <c r="A443" s="52" t="s">
        <v>78</v>
      </c>
      <c r="B443" s="51" t="s">
        <v>79</v>
      </c>
      <c r="C443" s="61">
        <v>328207610</v>
      </c>
      <c r="D443" s="62">
        <v>20</v>
      </c>
      <c r="E443" s="51">
        <v>202403</v>
      </c>
      <c r="F443" s="51" t="s">
        <v>38</v>
      </c>
      <c r="G443" s="51" t="s">
        <v>97</v>
      </c>
      <c r="H443" s="51" t="s">
        <v>82</v>
      </c>
      <c r="I443" s="50">
        <v>30</v>
      </c>
    </row>
    <row r="444" spans="1:9" x14ac:dyDescent="0.35">
      <c r="A444" s="52" t="s">
        <v>78</v>
      </c>
      <c r="B444" s="51" t="s">
        <v>79</v>
      </c>
      <c r="C444" s="61">
        <v>328976578</v>
      </c>
      <c r="D444" s="62">
        <v>20</v>
      </c>
      <c r="E444" s="51">
        <v>202403</v>
      </c>
      <c r="F444" s="51" t="s">
        <v>38</v>
      </c>
      <c r="G444" s="51" t="s">
        <v>97</v>
      </c>
      <c r="H444" s="51" t="s">
        <v>82</v>
      </c>
      <c r="I444" s="50">
        <v>4.7</v>
      </c>
    </row>
    <row r="445" spans="1:9" x14ac:dyDescent="0.35">
      <c r="A445" s="52" t="s">
        <v>78</v>
      </c>
      <c r="B445" s="51" t="s">
        <v>79</v>
      </c>
      <c r="C445" s="61">
        <v>329327801</v>
      </c>
      <c r="D445" s="62">
        <v>20</v>
      </c>
      <c r="E445" s="51">
        <v>202403</v>
      </c>
      <c r="F445" s="51" t="s">
        <v>38</v>
      </c>
      <c r="G445" s="51" t="s">
        <v>97</v>
      </c>
      <c r="H445" s="51" t="s">
        <v>82</v>
      </c>
      <c r="I445" s="50">
        <v>95</v>
      </c>
    </row>
    <row r="446" spans="1:9" x14ac:dyDescent="0.35">
      <c r="A446" s="52" t="s">
        <v>78</v>
      </c>
      <c r="B446" s="51" t="s">
        <v>79</v>
      </c>
      <c r="C446" s="61">
        <v>329694111</v>
      </c>
      <c r="D446" s="62">
        <v>20</v>
      </c>
      <c r="E446" s="51">
        <v>202403</v>
      </c>
      <c r="F446" s="51" t="s">
        <v>38</v>
      </c>
      <c r="G446" s="51" t="s">
        <v>97</v>
      </c>
      <c r="H446" s="51" t="s">
        <v>82</v>
      </c>
      <c r="I446" s="50">
        <v>4.7</v>
      </c>
    </row>
    <row r="447" spans="1:9" x14ac:dyDescent="0.35">
      <c r="A447" s="52" t="s">
        <v>78</v>
      </c>
      <c r="B447" s="51" t="s">
        <v>79</v>
      </c>
      <c r="C447" s="61">
        <v>332703543</v>
      </c>
      <c r="D447" s="62">
        <v>20</v>
      </c>
      <c r="E447" s="51">
        <v>202403</v>
      </c>
      <c r="F447" s="51" t="s">
        <v>38</v>
      </c>
      <c r="G447" s="51" t="s">
        <v>97</v>
      </c>
      <c r="H447" s="51" t="s">
        <v>82</v>
      </c>
      <c r="I447" s="50">
        <v>4.7</v>
      </c>
    </row>
    <row r="448" spans="1:9" x14ac:dyDescent="0.35">
      <c r="A448" s="52" t="s">
        <v>78</v>
      </c>
      <c r="B448" s="51" t="s">
        <v>79</v>
      </c>
      <c r="C448" s="61">
        <v>332801473</v>
      </c>
      <c r="D448" s="62">
        <v>20</v>
      </c>
      <c r="E448" s="51">
        <v>202403</v>
      </c>
      <c r="F448" s="51" t="s">
        <v>38</v>
      </c>
      <c r="G448" s="51" t="s">
        <v>97</v>
      </c>
      <c r="H448" s="51" t="s">
        <v>82</v>
      </c>
      <c r="I448" s="50">
        <v>4.7</v>
      </c>
    </row>
    <row r="449" spans="1:9" x14ac:dyDescent="0.35">
      <c r="A449" s="52" t="s">
        <v>78</v>
      </c>
      <c r="B449" s="51" t="s">
        <v>79</v>
      </c>
      <c r="C449" s="61">
        <v>333243399</v>
      </c>
      <c r="D449" s="62">
        <v>20</v>
      </c>
      <c r="E449" s="51">
        <v>202403</v>
      </c>
      <c r="F449" s="51" t="s">
        <v>38</v>
      </c>
      <c r="G449" s="51" t="s">
        <v>97</v>
      </c>
      <c r="H449" s="51" t="s">
        <v>82</v>
      </c>
      <c r="I449" s="50">
        <v>4.7</v>
      </c>
    </row>
    <row r="450" spans="1:9" x14ac:dyDescent="0.35">
      <c r="A450" s="52" t="s">
        <v>78</v>
      </c>
      <c r="B450" s="51" t="s">
        <v>79</v>
      </c>
      <c r="C450" s="61">
        <v>333389242</v>
      </c>
      <c r="D450" s="62">
        <v>20</v>
      </c>
      <c r="E450" s="51">
        <v>202403</v>
      </c>
      <c r="F450" s="51" t="s">
        <v>38</v>
      </c>
      <c r="G450" s="51" t="s">
        <v>97</v>
      </c>
      <c r="H450" s="51" t="s">
        <v>82</v>
      </c>
      <c r="I450" s="50">
        <v>4.7</v>
      </c>
    </row>
    <row r="451" spans="1:9" x14ac:dyDescent="0.35">
      <c r="A451" s="52" t="s">
        <v>78</v>
      </c>
      <c r="B451" s="51" t="s">
        <v>79</v>
      </c>
      <c r="C451" s="61">
        <v>333453681</v>
      </c>
      <c r="D451" s="62">
        <v>20</v>
      </c>
      <c r="E451" s="51">
        <v>202403</v>
      </c>
      <c r="F451" s="51" t="s">
        <v>38</v>
      </c>
      <c r="G451" s="51" t="s">
        <v>97</v>
      </c>
      <c r="H451" s="51" t="s">
        <v>82</v>
      </c>
      <c r="I451" s="50">
        <v>4.7</v>
      </c>
    </row>
    <row r="452" spans="1:9" x14ac:dyDescent="0.35">
      <c r="A452" s="52" t="s">
        <v>78</v>
      </c>
      <c r="B452" s="51" t="s">
        <v>79</v>
      </c>
      <c r="C452" s="61">
        <v>333643175</v>
      </c>
      <c r="D452" s="62">
        <v>20</v>
      </c>
      <c r="E452" s="51">
        <v>202403</v>
      </c>
      <c r="F452" s="51" t="s">
        <v>38</v>
      </c>
      <c r="G452" s="51" t="s">
        <v>97</v>
      </c>
      <c r="H452" s="51" t="s">
        <v>82</v>
      </c>
      <c r="I452" s="50">
        <v>4.7</v>
      </c>
    </row>
    <row r="453" spans="1:9" x14ac:dyDescent="0.35">
      <c r="A453" s="52" t="s">
        <v>78</v>
      </c>
      <c r="B453" s="51" t="s">
        <v>79</v>
      </c>
      <c r="C453" s="61">
        <v>334033439</v>
      </c>
      <c r="D453" s="62">
        <v>20</v>
      </c>
      <c r="E453" s="51">
        <v>202403</v>
      </c>
      <c r="F453" s="51" t="s">
        <v>38</v>
      </c>
      <c r="G453" s="51" t="s">
        <v>97</v>
      </c>
      <c r="H453" s="51" t="s">
        <v>82</v>
      </c>
      <c r="I453" s="50">
        <v>4.7</v>
      </c>
    </row>
    <row r="454" spans="1:9" x14ac:dyDescent="0.35">
      <c r="A454" s="52" t="s">
        <v>78</v>
      </c>
      <c r="B454" s="51" t="s">
        <v>79</v>
      </c>
      <c r="C454" s="61">
        <v>334704948</v>
      </c>
      <c r="D454" s="62">
        <v>20</v>
      </c>
      <c r="E454" s="51">
        <v>202403</v>
      </c>
      <c r="F454" s="51" t="s">
        <v>38</v>
      </c>
      <c r="G454" s="51" t="s">
        <v>97</v>
      </c>
      <c r="H454" s="51" t="s">
        <v>82</v>
      </c>
      <c r="I454" s="50">
        <v>4.7</v>
      </c>
    </row>
    <row r="455" spans="1:9" x14ac:dyDescent="0.35">
      <c r="A455" s="52" t="s">
        <v>78</v>
      </c>
      <c r="B455" s="51" t="s">
        <v>79</v>
      </c>
      <c r="C455" s="61">
        <v>335101320</v>
      </c>
      <c r="D455" s="62">
        <v>20</v>
      </c>
      <c r="E455" s="51">
        <v>202403</v>
      </c>
      <c r="F455" s="51" t="s">
        <v>38</v>
      </c>
      <c r="G455" s="51" t="s">
        <v>97</v>
      </c>
      <c r="H455" s="51" t="s">
        <v>82</v>
      </c>
      <c r="I455" s="50">
        <v>4.7</v>
      </c>
    </row>
    <row r="456" spans="1:9" x14ac:dyDescent="0.35">
      <c r="A456" s="52" t="s">
        <v>78</v>
      </c>
      <c r="B456" s="51" t="s">
        <v>79</v>
      </c>
      <c r="C456" s="61">
        <v>335204494</v>
      </c>
      <c r="D456" s="62">
        <v>20</v>
      </c>
      <c r="E456" s="51">
        <v>202403</v>
      </c>
      <c r="F456" s="51" t="s">
        <v>38</v>
      </c>
      <c r="G456" s="51" t="s">
        <v>97</v>
      </c>
      <c r="H456" s="51" t="s">
        <v>82</v>
      </c>
      <c r="I456" s="50">
        <v>4.7</v>
      </c>
    </row>
    <row r="457" spans="1:9" x14ac:dyDescent="0.35">
      <c r="A457" s="52" t="s">
        <v>78</v>
      </c>
      <c r="B457" s="51" t="s">
        <v>79</v>
      </c>
      <c r="C457" s="61">
        <v>336358331</v>
      </c>
      <c r="D457" s="62">
        <v>20</v>
      </c>
      <c r="E457" s="51">
        <v>202403</v>
      </c>
      <c r="F457" s="51" t="s">
        <v>38</v>
      </c>
      <c r="G457" s="51" t="s">
        <v>97</v>
      </c>
      <c r="H457" s="51" t="s">
        <v>82</v>
      </c>
      <c r="I457" s="50">
        <v>4.7</v>
      </c>
    </row>
    <row r="458" spans="1:9" x14ac:dyDescent="0.35">
      <c r="A458" s="52" t="s">
        <v>78</v>
      </c>
      <c r="B458" s="51" t="s">
        <v>79</v>
      </c>
      <c r="C458" s="61">
        <v>337780510</v>
      </c>
      <c r="D458" s="62">
        <v>20</v>
      </c>
      <c r="E458" s="51">
        <v>202403</v>
      </c>
      <c r="F458" s="51" t="s">
        <v>38</v>
      </c>
      <c r="G458" s="51" t="s">
        <v>97</v>
      </c>
      <c r="H458" s="51" t="s">
        <v>82</v>
      </c>
      <c r="I458" s="50">
        <v>4.7</v>
      </c>
    </row>
    <row r="459" spans="1:9" x14ac:dyDescent="0.35">
      <c r="A459" s="52" t="s">
        <v>78</v>
      </c>
      <c r="B459" s="51" t="s">
        <v>79</v>
      </c>
      <c r="C459" s="61">
        <v>338002500</v>
      </c>
      <c r="D459" s="62">
        <v>20</v>
      </c>
      <c r="E459" s="51">
        <v>202403</v>
      </c>
      <c r="F459" s="51" t="s">
        <v>38</v>
      </c>
      <c r="G459" s="51" t="s">
        <v>97</v>
      </c>
      <c r="H459" s="51" t="s">
        <v>82</v>
      </c>
      <c r="I459" s="50">
        <v>4.7</v>
      </c>
    </row>
    <row r="460" spans="1:9" x14ac:dyDescent="0.35">
      <c r="A460" s="52" t="s">
        <v>78</v>
      </c>
      <c r="B460" s="51" t="s">
        <v>79</v>
      </c>
      <c r="C460" s="61">
        <v>339003098</v>
      </c>
      <c r="D460" s="62">
        <v>20</v>
      </c>
      <c r="E460" s="51">
        <v>202403</v>
      </c>
      <c r="F460" s="51" t="s">
        <v>38</v>
      </c>
      <c r="G460" s="51" t="s">
        <v>97</v>
      </c>
      <c r="H460" s="51" t="s">
        <v>82</v>
      </c>
      <c r="I460" s="50">
        <v>4.7</v>
      </c>
    </row>
    <row r="461" spans="1:9" x14ac:dyDescent="0.35">
      <c r="A461" s="52" t="s">
        <v>78</v>
      </c>
      <c r="B461" s="51" t="s">
        <v>79</v>
      </c>
      <c r="C461" s="61">
        <v>339100660</v>
      </c>
      <c r="D461" s="62">
        <v>20</v>
      </c>
      <c r="E461" s="51">
        <v>202403</v>
      </c>
      <c r="F461" s="51" t="s">
        <v>38</v>
      </c>
      <c r="G461" s="51" t="s">
        <v>97</v>
      </c>
      <c r="H461" s="51" t="s">
        <v>82</v>
      </c>
      <c r="I461" s="50">
        <v>95</v>
      </c>
    </row>
    <row r="462" spans="1:9" x14ac:dyDescent="0.35">
      <c r="A462" s="52" t="s">
        <v>78</v>
      </c>
      <c r="B462" s="51" t="s">
        <v>79</v>
      </c>
      <c r="C462" s="61">
        <v>340200552</v>
      </c>
      <c r="D462" s="62">
        <v>20</v>
      </c>
      <c r="E462" s="51">
        <v>202403</v>
      </c>
      <c r="F462" s="51" t="s">
        <v>38</v>
      </c>
      <c r="G462" s="51" t="s">
        <v>97</v>
      </c>
      <c r="H462" s="51" t="s">
        <v>82</v>
      </c>
      <c r="I462" s="50">
        <v>4.7</v>
      </c>
    </row>
    <row r="463" spans="1:9" x14ac:dyDescent="0.35">
      <c r="A463" s="52" t="s">
        <v>78</v>
      </c>
      <c r="B463" s="51" t="s">
        <v>79</v>
      </c>
      <c r="C463" s="61">
        <v>340493082</v>
      </c>
      <c r="D463" s="62">
        <v>20</v>
      </c>
      <c r="E463" s="51">
        <v>202403</v>
      </c>
      <c r="F463" s="51" t="s">
        <v>38</v>
      </c>
      <c r="G463" s="51" t="s">
        <v>97</v>
      </c>
      <c r="H463" s="51" t="s">
        <v>82</v>
      </c>
      <c r="I463" s="50">
        <v>4.7</v>
      </c>
    </row>
    <row r="464" spans="1:9" x14ac:dyDescent="0.35">
      <c r="A464" s="52" t="s">
        <v>78</v>
      </c>
      <c r="B464" s="51" t="s">
        <v>79</v>
      </c>
      <c r="C464" s="61">
        <v>342703085</v>
      </c>
      <c r="D464" s="62">
        <v>20</v>
      </c>
      <c r="E464" s="51">
        <v>202403</v>
      </c>
      <c r="F464" s="51" t="s">
        <v>38</v>
      </c>
      <c r="G464" s="51" t="s">
        <v>97</v>
      </c>
      <c r="H464" s="51" t="s">
        <v>82</v>
      </c>
      <c r="I464" s="50">
        <v>4.7</v>
      </c>
    </row>
    <row r="465" spans="1:9" x14ac:dyDescent="0.35">
      <c r="A465" s="52" t="s">
        <v>78</v>
      </c>
      <c r="B465" s="51" t="s">
        <v>79</v>
      </c>
      <c r="C465" s="61">
        <v>343231335</v>
      </c>
      <c r="D465" s="62">
        <v>20</v>
      </c>
      <c r="E465" s="51">
        <v>202403</v>
      </c>
      <c r="F465" s="51" t="s">
        <v>38</v>
      </c>
      <c r="G465" s="51" t="s">
        <v>97</v>
      </c>
      <c r="H465" s="51" t="s">
        <v>82</v>
      </c>
      <c r="I465" s="50">
        <v>4.7</v>
      </c>
    </row>
    <row r="466" spans="1:9" x14ac:dyDescent="0.35">
      <c r="A466" s="52" t="s">
        <v>78</v>
      </c>
      <c r="B466" s="51" t="s">
        <v>79</v>
      </c>
      <c r="C466" s="61">
        <v>344133516</v>
      </c>
      <c r="D466" s="62">
        <v>20</v>
      </c>
      <c r="E466" s="51">
        <v>202403</v>
      </c>
      <c r="F466" s="51" t="s">
        <v>38</v>
      </c>
      <c r="G466" s="51" t="s">
        <v>97</v>
      </c>
      <c r="H466" s="51" t="s">
        <v>82</v>
      </c>
      <c r="I466" s="50">
        <v>4.7</v>
      </c>
    </row>
    <row r="467" spans="1:9" x14ac:dyDescent="0.35">
      <c r="A467" s="52" t="s">
        <v>78</v>
      </c>
      <c r="B467" s="51" t="s">
        <v>79</v>
      </c>
      <c r="C467" s="61">
        <v>345002498</v>
      </c>
      <c r="D467" s="62">
        <v>20</v>
      </c>
      <c r="E467" s="51">
        <v>202403</v>
      </c>
      <c r="F467" s="51" t="s">
        <v>38</v>
      </c>
      <c r="G467" s="51" t="s">
        <v>97</v>
      </c>
      <c r="H467" s="51" t="s">
        <v>82</v>
      </c>
      <c r="I467" s="50">
        <v>4.7</v>
      </c>
    </row>
    <row r="468" spans="1:9" x14ac:dyDescent="0.35">
      <c r="A468" s="52" t="s">
        <v>78</v>
      </c>
      <c r="B468" s="51" t="s">
        <v>79</v>
      </c>
      <c r="C468" s="61">
        <v>346100624</v>
      </c>
      <c r="D468" s="62">
        <v>20</v>
      </c>
      <c r="E468" s="51">
        <v>202403</v>
      </c>
      <c r="F468" s="51" t="s">
        <v>38</v>
      </c>
      <c r="G468" s="51" t="s">
        <v>97</v>
      </c>
      <c r="H468" s="51" t="s">
        <v>82</v>
      </c>
      <c r="I468" s="50">
        <v>4.7</v>
      </c>
    </row>
    <row r="469" spans="1:9" x14ac:dyDescent="0.35">
      <c r="A469" s="52" t="s">
        <v>78</v>
      </c>
      <c r="B469" s="51" t="s">
        <v>79</v>
      </c>
      <c r="C469" s="61">
        <v>346111410</v>
      </c>
      <c r="D469" s="62">
        <v>20</v>
      </c>
      <c r="E469" s="51">
        <v>202403</v>
      </c>
      <c r="F469" s="51" t="s">
        <v>38</v>
      </c>
      <c r="G469" s="51" t="s">
        <v>97</v>
      </c>
      <c r="H469" s="51" t="s">
        <v>82</v>
      </c>
      <c r="I469" s="50">
        <v>4.7</v>
      </c>
    </row>
    <row r="470" spans="1:9" x14ac:dyDescent="0.35">
      <c r="A470" s="52" t="s">
        <v>78</v>
      </c>
      <c r="B470" s="51" t="s">
        <v>79</v>
      </c>
      <c r="C470" s="61">
        <v>346347110</v>
      </c>
      <c r="D470" s="62">
        <v>20</v>
      </c>
      <c r="E470" s="51">
        <v>202403</v>
      </c>
      <c r="F470" s="51" t="s">
        <v>38</v>
      </c>
      <c r="G470" s="51" t="s">
        <v>97</v>
      </c>
      <c r="H470" s="51" t="s">
        <v>82</v>
      </c>
      <c r="I470" s="50">
        <v>4.7</v>
      </c>
    </row>
    <row r="471" spans="1:9" x14ac:dyDescent="0.35">
      <c r="A471" s="52" t="s">
        <v>78</v>
      </c>
      <c r="B471" s="51" t="s">
        <v>79</v>
      </c>
      <c r="C471" s="61">
        <v>347001730</v>
      </c>
      <c r="D471" s="62">
        <v>20</v>
      </c>
      <c r="E471" s="51">
        <v>202403</v>
      </c>
      <c r="F471" s="51" t="s">
        <v>38</v>
      </c>
      <c r="G471" s="51" t="s">
        <v>97</v>
      </c>
      <c r="H471" s="51" t="s">
        <v>82</v>
      </c>
      <c r="I471" s="50">
        <v>4.7</v>
      </c>
    </row>
    <row r="472" spans="1:9" x14ac:dyDescent="0.35">
      <c r="A472" s="52" t="s">
        <v>78</v>
      </c>
      <c r="B472" s="51" t="s">
        <v>79</v>
      </c>
      <c r="C472" s="61">
        <v>347702671</v>
      </c>
      <c r="D472" s="62">
        <v>20</v>
      </c>
      <c r="E472" s="51">
        <v>202403</v>
      </c>
      <c r="F472" s="51" t="s">
        <v>38</v>
      </c>
      <c r="G472" s="51" t="s">
        <v>97</v>
      </c>
      <c r="H472" s="51" t="s">
        <v>82</v>
      </c>
      <c r="I472" s="50">
        <v>95</v>
      </c>
    </row>
    <row r="473" spans="1:9" x14ac:dyDescent="0.35">
      <c r="A473" s="52" t="s">
        <v>78</v>
      </c>
      <c r="B473" s="51" t="s">
        <v>79</v>
      </c>
      <c r="C473" s="61">
        <v>347718172</v>
      </c>
      <c r="D473" s="62">
        <v>20</v>
      </c>
      <c r="E473" s="51">
        <v>202403</v>
      </c>
      <c r="F473" s="51" t="s">
        <v>38</v>
      </c>
      <c r="G473" s="51" t="s">
        <v>97</v>
      </c>
      <c r="H473" s="51" t="s">
        <v>82</v>
      </c>
      <c r="I473" s="50">
        <v>4.7</v>
      </c>
    </row>
    <row r="474" spans="1:9" x14ac:dyDescent="0.35">
      <c r="A474" s="52" t="s">
        <v>78</v>
      </c>
      <c r="B474" s="51" t="s">
        <v>79</v>
      </c>
      <c r="C474" s="61">
        <v>348161893</v>
      </c>
      <c r="D474" s="62">
        <v>20</v>
      </c>
      <c r="E474" s="51">
        <v>202403</v>
      </c>
      <c r="F474" s="51" t="s">
        <v>38</v>
      </c>
      <c r="G474" s="51" t="s">
        <v>97</v>
      </c>
      <c r="H474" s="51" t="s">
        <v>82</v>
      </c>
      <c r="I474" s="50">
        <v>4.7</v>
      </c>
    </row>
    <row r="475" spans="1:9" x14ac:dyDescent="0.35">
      <c r="A475" s="52" t="s">
        <v>78</v>
      </c>
      <c r="B475" s="51" t="s">
        <v>79</v>
      </c>
      <c r="C475" s="61">
        <v>348904634</v>
      </c>
      <c r="D475" s="62">
        <v>20</v>
      </c>
      <c r="E475" s="51">
        <v>202403</v>
      </c>
      <c r="F475" s="51" t="s">
        <v>38</v>
      </c>
      <c r="G475" s="51" t="s">
        <v>97</v>
      </c>
      <c r="H475" s="51" t="s">
        <v>82</v>
      </c>
      <c r="I475" s="50">
        <v>4.7</v>
      </c>
    </row>
    <row r="476" spans="1:9" x14ac:dyDescent="0.35">
      <c r="A476" s="52" t="s">
        <v>78</v>
      </c>
      <c r="B476" s="51" t="s">
        <v>79</v>
      </c>
      <c r="C476" s="61">
        <v>349076352</v>
      </c>
      <c r="D476" s="62">
        <v>20</v>
      </c>
      <c r="E476" s="51">
        <v>202403</v>
      </c>
      <c r="F476" s="51" t="s">
        <v>38</v>
      </c>
      <c r="G476" s="51" t="s">
        <v>97</v>
      </c>
      <c r="H476" s="51" t="s">
        <v>82</v>
      </c>
      <c r="I476" s="50">
        <v>4.7</v>
      </c>
    </row>
    <row r="477" spans="1:9" x14ac:dyDescent="0.35">
      <c r="A477" s="52" t="s">
        <v>78</v>
      </c>
      <c r="B477" s="51" t="s">
        <v>79</v>
      </c>
      <c r="C477" s="61">
        <v>349933710</v>
      </c>
      <c r="D477" s="62">
        <v>20</v>
      </c>
      <c r="E477" s="51">
        <v>202403</v>
      </c>
      <c r="F477" s="51" t="s">
        <v>38</v>
      </c>
      <c r="G477" s="51" t="s">
        <v>97</v>
      </c>
      <c r="H477" s="51" t="s">
        <v>82</v>
      </c>
      <c r="I477" s="50">
        <v>4.7</v>
      </c>
    </row>
    <row r="478" spans="1:9" x14ac:dyDescent="0.35">
      <c r="A478" s="52" t="s">
        <v>78</v>
      </c>
      <c r="B478" s="51" t="s">
        <v>79</v>
      </c>
      <c r="C478" s="61">
        <v>351003120</v>
      </c>
      <c r="D478" s="62">
        <v>20</v>
      </c>
      <c r="E478" s="51">
        <v>202403</v>
      </c>
      <c r="F478" s="51" t="s">
        <v>38</v>
      </c>
      <c r="G478" s="51" t="s">
        <v>97</v>
      </c>
      <c r="H478" s="51" t="s">
        <v>82</v>
      </c>
      <c r="I478" s="50">
        <v>30</v>
      </c>
    </row>
    <row r="479" spans="1:9" x14ac:dyDescent="0.35">
      <c r="A479" s="52" t="s">
        <v>78</v>
      </c>
      <c r="B479" s="51" t="s">
        <v>79</v>
      </c>
      <c r="C479" s="61">
        <v>352601556</v>
      </c>
      <c r="D479" s="62">
        <v>20</v>
      </c>
      <c r="E479" s="51">
        <v>202403</v>
      </c>
      <c r="F479" s="51" t="s">
        <v>38</v>
      </c>
      <c r="G479" s="51" t="s">
        <v>97</v>
      </c>
      <c r="H479" s="51" t="s">
        <v>82</v>
      </c>
      <c r="I479" s="50">
        <v>4.7</v>
      </c>
    </row>
    <row r="480" spans="1:9" x14ac:dyDescent="0.35">
      <c r="A480" s="52" t="s">
        <v>78</v>
      </c>
      <c r="B480" s="51" t="s">
        <v>79</v>
      </c>
      <c r="C480" s="61">
        <v>353302321</v>
      </c>
      <c r="D480" s="62">
        <v>20</v>
      </c>
      <c r="E480" s="51">
        <v>202403</v>
      </c>
      <c r="F480" s="51" t="s">
        <v>38</v>
      </c>
      <c r="G480" s="51" t="s">
        <v>97</v>
      </c>
      <c r="H480" s="51" t="s">
        <v>82</v>
      </c>
      <c r="I480" s="50">
        <v>4.7</v>
      </c>
    </row>
    <row r="481" spans="1:9" x14ac:dyDescent="0.35">
      <c r="A481" s="52" t="s">
        <v>78</v>
      </c>
      <c r="B481" s="51" t="s">
        <v>79</v>
      </c>
      <c r="C481" s="61">
        <v>353348830</v>
      </c>
      <c r="D481" s="62">
        <v>20</v>
      </c>
      <c r="E481" s="51">
        <v>202403</v>
      </c>
      <c r="F481" s="51" t="s">
        <v>38</v>
      </c>
      <c r="G481" s="51" t="s">
        <v>97</v>
      </c>
      <c r="H481" s="51" t="s">
        <v>82</v>
      </c>
      <c r="I481" s="50">
        <v>95</v>
      </c>
    </row>
    <row r="482" spans="1:9" x14ac:dyDescent="0.35">
      <c r="A482" s="52" t="s">
        <v>78</v>
      </c>
      <c r="B482" s="51" t="s">
        <v>79</v>
      </c>
      <c r="C482" s="61">
        <v>354177139</v>
      </c>
      <c r="D482" s="62">
        <v>20</v>
      </c>
      <c r="E482" s="51">
        <v>202403</v>
      </c>
      <c r="F482" s="51" t="s">
        <v>38</v>
      </c>
      <c r="G482" s="51" t="s">
        <v>97</v>
      </c>
      <c r="H482" s="51" t="s">
        <v>82</v>
      </c>
      <c r="I482" s="50">
        <v>4.7</v>
      </c>
    </row>
    <row r="483" spans="1:9" x14ac:dyDescent="0.35">
      <c r="A483" s="52" t="s">
        <v>78</v>
      </c>
      <c r="B483" s="51" t="s">
        <v>79</v>
      </c>
      <c r="C483" s="61">
        <v>355204320</v>
      </c>
      <c r="D483" s="62">
        <v>20</v>
      </c>
      <c r="E483" s="51">
        <v>202403</v>
      </c>
      <c r="F483" s="51" t="s">
        <v>38</v>
      </c>
      <c r="G483" s="51" t="s">
        <v>97</v>
      </c>
      <c r="H483" s="51" t="s">
        <v>82</v>
      </c>
      <c r="I483" s="50">
        <v>4.7</v>
      </c>
    </row>
    <row r="484" spans="1:9" x14ac:dyDescent="0.35">
      <c r="A484" s="52" t="s">
        <v>78</v>
      </c>
      <c r="B484" s="51" t="s">
        <v>79</v>
      </c>
      <c r="C484" s="61">
        <v>355972049</v>
      </c>
      <c r="D484" s="62">
        <v>20</v>
      </c>
      <c r="E484" s="51">
        <v>202403</v>
      </c>
      <c r="F484" s="51" t="s">
        <v>38</v>
      </c>
      <c r="G484" s="51" t="s">
        <v>97</v>
      </c>
      <c r="H484" s="51" t="s">
        <v>82</v>
      </c>
      <c r="I484" s="50">
        <v>4.7</v>
      </c>
    </row>
    <row r="485" spans="1:9" x14ac:dyDescent="0.35">
      <c r="A485" s="52" t="s">
        <v>78</v>
      </c>
      <c r="B485" s="51" t="s">
        <v>79</v>
      </c>
      <c r="C485" s="61">
        <v>356301736</v>
      </c>
      <c r="D485" s="62">
        <v>20</v>
      </c>
      <c r="E485" s="51">
        <v>202403</v>
      </c>
      <c r="F485" s="51" t="s">
        <v>38</v>
      </c>
      <c r="G485" s="51" t="s">
        <v>97</v>
      </c>
      <c r="H485" s="51" t="s">
        <v>82</v>
      </c>
      <c r="I485" s="50">
        <v>4.7</v>
      </c>
    </row>
    <row r="486" spans="1:9" x14ac:dyDescent="0.35">
      <c r="A486" s="52" t="s">
        <v>78</v>
      </c>
      <c r="B486" s="51" t="s">
        <v>79</v>
      </c>
      <c r="C486" s="61">
        <v>358740490</v>
      </c>
      <c r="D486" s="62">
        <v>20</v>
      </c>
      <c r="E486" s="51">
        <v>202403</v>
      </c>
      <c r="F486" s="51" t="s">
        <v>38</v>
      </c>
      <c r="G486" s="51" t="s">
        <v>97</v>
      </c>
      <c r="H486" s="51" t="s">
        <v>82</v>
      </c>
      <c r="I486" s="50">
        <v>4.7</v>
      </c>
    </row>
    <row r="487" spans="1:9" x14ac:dyDescent="0.35">
      <c r="A487" s="52" t="s">
        <v>78</v>
      </c>
      <c r="B487" s="51" t="s">
        <v>79</v>
      </c>
      <c r="C487" s="61">
        <v>359217261</v>
      </c>
      <c r="D487" s="62">
        <v>20</v>
      </c>
      <c r="E487" s="51">
        <v>202403</v>
      </c>
      <c r="F487" s="51" t="s">
        <v>38</v>
      </c>
      <c r="G487" s="51" t="s">
        <v>97</v>
      </c>
      <c r="H487" s="51" t="s">
        <v>82</v>
      </c>
      <c r="I487" s="50">
        <v>4.7</v>
      </c>
    </row>
    <row r="488" spans="1:9" x14ac:dyDescent="0.35">
      <c r="A488" s="52" t="s">
        <v>78</v>
      </c>
      <c r="B488" s="51" t="s">
        <v>79</v>
      </c>
      <c r="C488" s="61">
        <v>359404621</v>
      </c>
      <c r="D488" s="62">
        <v>20</v>
      </c>
      <c r="E488" s="51">
        <v>202403</v>
      </c>
      <c r="F488" s="51" t="s">
        <v>38</v>
      </c>
      <c r="G488" s="51" t="s">
        <v>97</v>
      </c>
      <c r="H488" s="51" t="s">
        <v>82</v>
      </c>
      <c r="I488" s="50">
        <v>4.7</v>
      </c>
    </row>
    <row r="489" spans="1:9" x14ac:dyDescent="0.35">
      <c r="A489" s="52" t="s">
        <v>78</v>
      </c>
      <c r="B489" s="51" t="s">
        <v>79</v>
      </c>
      <c r="C489" s="61">
        <v>359446145</v>
      </c>
      <c r="D489" s="62">
        <v>20</v>
      </c>
      <c r="E489" s="51">
        <v>202403</v>
      </c>
      <c r="F489" s="51" t="s">
        <v>38</v>
      </c>
      <c r="G489" s="51" t="s">
        <v>97</v>
      </c>
      <c r="H489" s="51" t="s">
        <v>82</v>
      </c>
      <c r="I489" s="50">
        <v>4.7</v>
      </c>
    </row>
    <row r="490" spans="1:9" x14ac:dyDescent="0.35">
      <c r="A490" s="52" t="s">
        <v>78</v>
      </c>
      <c r="B490" s="51" t="s">
        <v>79</v>
      </c>
      <c r="C490" s="61">
        <v>359601632</v>
      </c>
      <c r="D490" s="62">
        <v>20</v>
      </c>
      <c r="E490" s="51">
        <v>202403</v>
      </c>
      <c r="F490" s="51" t="s">
        <v>38</v>
      </c>
      <c r="G490" s="51" t="s">
        <v>97</v>
      </c>
      <c r="H490" s="51" t="s">
        <v>82</v>
      </c>
      <c r="I490" s="50">
        <v>30</v>
      </c>
    </row>
    <row r="491" spans="1:9" x14ac:dyDescent="0.35">
      <c r="A491" s="52" t="s">
        <v>78</v>
      </c>
      <c r="B491" s="51" t="s">
        <v>79</v>
      </c>
      <c r="C491" s="61">
        <v>359698687</v>
      </c>
      <c r="D491" s="62">
        <v>20</v>
      </c>
      <c r="E491" s="51">
        <v>202403</v>
      </c>
      <c r="F491" s="51" t="s">
        <v>38</v>
      </c>
      <c r="G491" s="51" t="s">
        <v>97</v>
      </c>
      <c r="H491" s="51" t="s">
        <v>82</v>
      </c>
      <c r="I491" s="50">
        <v>4.7</v>
      </c>
    </row>
    <row r="492" spans="1:9" x14ac:dyDescent="0.35">
      <c r="A492" s="52" t="s">
        <v>78</v>
      </c>
      <c r="B492" s="51" t="s">
        <v>79</v>
      </c>
      <c r="C492" s="61">
        <v>359703126</v>
      </c>
      <c r="D492" s="62">
        <v>20</v>
      </c>
      <c r="E492" s="51">
        <v>202403</v>
      </c>
      <c r="F492" s="51" t="s">
        <v>38</v>
      </c>
      <c r="G492" s="51" t="s">
        <v>97</v>
      </c>
      <c r="H492" s="51" t="s">
        <v>82</v>
      </c>
      <c r="I492" s="50">
        <v>4.7</v>
      </c>
    </row>
    <row r="493" spans="1:9" x14ac:dyDescent="0.35">
      <c r="A493" s="52" t="s">
        <v>78</v>
      </c>
      <c r="B493" s="51" t="s">
        <v>79</v>
      </c>
      <c r="C493" s="61">
        <v>360016223</v>
      </c>
      <c r="D493" s="62">
        <v>20</v>
      </c>
      <c r="E493" s="51">
        <v>202403</v>
      </c>
      <c r="F493" s="51" t="s">
        <v>38</v>
      </c>
      <c r="G493" s="51" t="s">
        <v>97</v>
      </c>
      <c r="H493" s="51" t="s">
        <v>82</v>
      </c>
      <c r="I493" s="50">
        <v>4.7</v>
      </c>
    </row>
    <row r="494" spans="1:9" x14ac:dyDescent="0.35">
      <c r="A494" s="52" t="s">
        <v>78</v>
      </c>
      <c r="B494" s="51" t="s">
        <v>79</v>
      </c>
      <c r="C494" s="61">
        <v>360101080</v>
      </c>
      <c r="D494" s="62">
        <v>20</v>
      </c>
      <c r="E494" s="51">
        <v>202403</v>
      </c>
      <c r="F494" s="51" t="s">
        <v>38</v>
      </c>
      <c r="G494" s="51" t="s">
        <v>97</v>
      </c>
      <c r="H494" s="51" t="s">
        <v>82</v>
      </c>
      <c r="I494" s="50">
        <v>4.7</v>
      </c>
    </row>
    <row r="495" spans="1:9" x14ac:dyDescent="0.35">
      <c r="A495" s="52" t="s">
        <v>78</v>
      </c>
      <c r="B495" s="51" t="s">
        <v>79</v>
      </c>
      <c r="C495" s="61">
        <v>360103316</v>
      </c>
      <c r="D495" s="62">
        <v>20</v>
      </c>
      <c r="E495" s="51">
        <v>202403</v>
      </c>
      <c r="F495" s="51" t="s">
        <v>38</v>
      </c>
      <c r="G495" s="51" t="s">
        <v>97</v>
      </c>
      <c r="H495" s="51" t="s">
        <v>82</v>
      </c>
      <c r="I495" s="50">
        <v>4.7</v>
      </c>
    </row>
    <row r="496" spans="1:9" x14ac:dyDescent="0.35">
      <c r="A496" s="52" t="s">
        <v>78</v>
      </c>
      <c r="B496" s="51" t="s">
        <v>79</v>
      </c>
      <c r="C496" s="61">
        <v>360333781</v>
      </c>
      <c r="D496" s="62">
        <v>20</v>
      </c>
      <c r="E496" s="51">
        <v>202403</v>
      </c>
      <c r="F496" s="51" t="s">
        <v>38</v>
      </c>
      <c r="G496" s="51" t="s">
        <v>97</v>
      </c>
      <c r="H496" s="51" t="s">
        <v>82</v>
      </c>
      <c r="I496" s="50">
        <v>4.7</v>
      </c>
    </row>
    <row r="497" spans="1:9" x14ac:dyDescent="0.35">
      <c r="A497" s="52" t="s">
        <v>78</v>
      </c>
      <c r="B497" s="51" t="s">
        <v>79</v>
      </c>
      <c r="C497" s="61">
        <v>360504536</v>
      </c>
      <c r="D497" s="62">
        <v>20</v>
      </c>
      <c r="E497" s="51">
        <v>202403</v>
      </c>
      <c r="F497" s="51" t="s">
        <v>38</v>
      </c>
      <c r="G497" s="51" t="s">
        <v>97</v>
      </c>
      <c r="H497" s="51" t="s">
        <v>82</v>
      </c>
      <c r="I497" s="50">
        <v>4.7</v>
      </c>
    </row>
    <row r="498" spans="1:9" x14ac:dyDescent="0.35">
      <c r="A498" s="52" t="s">
        <v>78</v>
      </c>
      <c r="B498" s="51" t="s">
        <v>79</v>
      </c>
      <c r="C498" s="61">
        <v>360601513</v>
      </c>
      <c r="D498" s="62">
        <v>20</v>
      </c>
      <c r="E498" s="51">
        <v>202403</v>
      </c>
      <c r="F498" s="51" t="s">
        <v>38</v>
      </c>
      <c r="G498" s="51" t="s">
        <v>97</v>
      </c>
      <c r="H498" s="51" t="s">
        <v>82</v>
      </c>
      <c r="I498" s="50">
        <v>4.7</v>
      </c>
    </row>
    <row r="499" spans="1:9" x14ac:dyDescent="0.35">
      <c r="A499" s="52" t="s">
        <v>78</v>
      </c>
      <c r="B499" s="51" t="s">
        <v>79</v>
      </c>
      <c r="C499" s="61">
        <v>360603090</v>
      </c>
      <c r="D499" s="62">
        <v>20</v>
      </c>
      <c r="E499" s="51">
        <v>202403</v>
      </c>
      <c r="F499" s="51" t="s">
        <v>38</v>
      </c>
      <c r="G499" s="51" t="s">
        <v>97</v>
      </c>
      <c r="H499" s="51" t="s">
        <v>82</v>
      </c>
      <c r="I499" s="50">
        <v>4.7</v>
      </c>
    </row>
    <row r="500" spans="1:9" x14ac:dyDescent="0.35">
      <c r="A500" s="52" t="s">
        <v>78</v>
      </c>
      <c r="B500" s="51" t="s">
        <v>79</v>
      </c>
      <c r="C500" s="61">
        <v>360955912</v>
      </c>
      <c r="D500" s="62">
        <v>20</v>
      </c>
      <c r="E500" s="51">
        <v>202403</v>
      </c>
      <c r="F500" s="51" t="s">
        <v>38</v>
      </c>
      <c r="G500" s="51" t="s">
        <v>97</v>
      </c>
      <c r="H500" s="51" t="s">
        <v>82</v>
      </c>
      <c r="I500" s="50">
        <v>4.7</v>
      </c>
    </row>
    <row r="501" spans="1:9" x14ac:dyDescent="0.35">
      <c r="A501" s="52" t="s">
        <v>78</v>
      </c>
      <c r="B501" s="51" t="s">
        <v>79</v>
      </c>
      <c r="C501" s="61">
        <v>361001950</v>
      </c>
      <c r="D501" s="62">
        <v>20</v>
      </c>
      <c r="E501" s="51">
        <v>202403</v>
      </c>
      <c r="F501" s="51" t="s">
        <v>38</v>
      </c>
      <c r="G501" s="51" t="s">
        <v>97</v>
      </c>
      <c r="H501" s="51" t="s">
        <v>82</v>
      </c>
      <c r="I501" s="50">
        <v>4.7</v>
      </c>
    </row>
    <row r="502" spans="1:9" x14ac:dyDescent="0.35">
      <c r="A502" s="52" t="s">
        <v>78</v>
      </c>
      <c r="B502" s="51" t="s">
        <v>79</v>
      </c>
      <c r="C502" s="61">
        <v>361776231</v>
      </c>
      <c r="D502" s="62">
        <v>20</v>
      </c>
      <c r="E502" s="51">
        <v>202403</v>
      </c>
      <c r="F502" s="51" t="s">
        <v>38</v>
      </c>
      <c r="G502" s="51" t="s">
        <v>97</v>
      </c>
      <c r="H502" s="51" t="s">
        <v>82</v>
      </c>
      <c r="I502" s="50">
        <v>30</v>
      </c>
    </row>
    <row r="503" spans="1:9" x14ac:dyDescent="0.35">
      <c r="A503" s="52" t="s">
        <v>78</v>
      </c>
      <c r="B503" s="51" t="s">
        <v>79</v>
      </c>
      <c r="C503" s="61">
        <v>362446115</v>
      </c>
      <c r="D503" s="62">
        <v>20</v>
      </c>
      <c r="E503" s="51">
        <v>202403</v>
      </c>
      <c r="F503" s="51" t="s">
        <v>38</v>
      </c>
      <c r="G503" s="51" t="s">
        <v>97</v>
      </c>
      <c r="H503" s="51" t="s">
        <v>82</v>
      </c>
      <c r="I503" s="50">
        <v>4.7</v>
      </c>
    </row>
    <row r="504" spans="1:9" x14ac:dyDescent="0.35">
      <c r="A504" s="52" t="s">
        <v>78</v>
      </c>
      <c r="B504" s="51" t="s">
        <v>79</v>
      </c>
      <c r="C504" s="61">
        <v>362910740</v>
      </c>
      <c r="D504" s="62">
        <v>20</v>
      </c>
      <c r="E504" s="51">
        <v>202403</v>
      </c>
      <c r="F504" s="51" t="s">
        <v>38</v>
      </c>
      <c r="G504" s="51" t="s">
        <v>97</v>
      </c>
      <c r="H504" s="51" t="s">
        <v>82</v>
      </c>
      <c r="I504" s="50">
        <v>4.7</v>
      </c>
    </row>
    <row r="505" spans="1:9" x14ac:dyDescent="0.35">
      <c r="A505" s="52" t="s">
        <v>78</v>
      </c>
      <c r="B505" s="51" t="s">
        <v>79</v>
      </c>
      <c r="C505" s="61">
        <v>363543810</v>
      </c>
      <c r="D505" s="62">
        <v>20</v>
      </c>
      <c r="E505" s="51">
        <v>202403</v>
      </c>
      <c r="F505" s="51" t="s">
        <v>38</v>
      </c>
      <c r="G505" s="51" t="s">
        <v>97</v>
      </c>
      <c r="H505" s="51" t="s">
        <v>82</v>
      </c>
      <c r="I505" s="50">
        <v>4.7</v>
      </c>
    </row>
    <row r="506" spans="1:9" x14ac:dyDescent="0.35">
      <c r="A506" s="52" t="s">
        <v>78</v>
      </c>
      <c r="B506" s="51" t="s">
        <v>79</v>
      </c>
      <c r="C506" s="61">
        <v>365404761</v>
      </c>
      <c r="D506" s="62">
        <v>20</v>
      </c>
      <c r="E506" s="51">
        <v>202403</v>
      </c>
      <c r="F506" s="51" t="s">
        <v>38</v>
      </c>
      <c r="G506" s="51" t="s">
        <v>97</v>
      </c>
      <c r="H506" s="51" t="s">
        <v>82</v>
      </c>
      <c r="I506" s="50">
        <v>30</v>
      </c>
    </row>
    <row r="507" spans="1:9" x14ac:dyDescent="0.35">
      <c r="A507" s="52" t="s">
        <v>78</v>
      </c>
      <c r="B507" s="51" t="s">
        <v>79</v>
      </c>
      <c r="C507" s="61">
        <v>365902895</v>
      </c>
      <c r="D507" s="62">
        <v>20</v>
      </c>
      <c r="E507" s="51">
        <v>202403</v>
      </c>
      <c r="F507" s="51" t="s">
        <v>38</v>
      </c>
      <c r="G507" s="51" t="s">
        <v>97</v>
      </c>
      <c r="H507" s="51" t="s">
        <v>82</v>
      </c>
      <c r="I507" s="50">
        <v>4.7</v>
      </c>
    </row>
    <row r="508" spans="1:9" x14ac:dyDescent="0.35">
      <c r="A508" s="52" t="s">
        <v>78</v>
      </c>
      <c r="B508" s="51" t="s">
        <v>79</v>
      </c>
      <c r="C508" s="61">
        <v>365935601</v>
      </c>
      <c r="D508" s="62">
        <v>20</v>
      </c>
      <c r="E508" s="51">
        <v>202403</v>
      </c>
      <c r="F508" s="51" t="s">
        <v>38</v>
      </c>
      <c r="G508" s="51" t="s">
        <v>97</v>
      </c>
      <c r="H508" s="51" t="s">
        <v>82</v>
      </c>
      <c r="I508" s="50">
        <v>4.7</v>
      </c>
    </row>
    <row r="509" spans="1:9" x14ac:dyDescent="0.35">
      <c r="A509" s="52" t="s">
        <v>78</v>
      </c>
      <c r="B509" s="51" t="s">
        <v>79</v>
      </c>
      <c r="C509" s="61">
        <v>366308091</v>
      </c>
      <c r="D509" s="62">
        <v>20</v>
      </c>
      <c r="E509" s="51">
        <v>202403</v>
      </c>
      <c r="F509" s="51" t="s">
        <v>38</v>
      </c>
      <c r="G509" s="51" t="s">
        <v>97</v>
      </c>
      <c r="H509" s="51" t="s">
        <v>82</v>
      </c>
      <c r="I509" s="50">
        <v>4.7</v>
      </c>
    </row>
    <row r="510" spans="1:9" x14ac:dyDescent="0.35">
      <c r="A510" s="52" t="s">
        <v>78</v>
      </c>
      <c r="B510" s="51" t="s">
        <v>79</v>
      </c>
      <c r="C510" s="61">
        <v>366800191</v>
      </c>
      <c r="D510" s="62">
        <v>20</v>
      </c>
      <c r="E510" s="51">
        <v>202403</v>
      </c>
      <c r="F510" s="51" t="s">
        <v>38</v>
      </c>
      <c r="G510" s="51" t="s">
        <v>97</v>
      </c>
      <c r="H510" s="51" t="s">
        <v>82</v>
      </c>
      <c r="I510" s="50">
        <v>4.7</v>
      </c>
    </row>
    <row r="511" spans="1:9" x14ac:dyDescent="0.35">
      <c r="A511" s="52" t="s">
        <v>78</v>
      </c>
      <c r="B511" s="51" t="s">
        <v>79</v>
      </c>
      <c r="C511" s="61">
        <v>368801372</v>
      </c>
      <c r="D511" s="62">
        <v>20</v>
      </c>
      <c r="E511" s="51">
        <v>202403</v>
      </c>
      <c r="F511" s="51" t="s">
        <v>38</v>
      </c>
      <c r="G511" s="51" t="s">
        <v>97</v>
      </c>
      <c r="H511" s="51" t="s">
        <v>82</v>
      </c>
      <c r="I511" s="50">
        <v>4.7</v>
      </c>
    </row>
    <row r="512" spans="1:9" x14ac:dyDescent="0.35">
      <c r="A512" s="52" t="s">
        <v>78</v>
      </c>
      <c r="B512" s="51" t="s">
        <v>79</v>
      </c>
      <c r="C512" s="61">
        <v>369323707</v>
      </c>
      <c r="D512" s="62">
        <v>20</v>
      </c>
      <c r="E512" s="51">
        <v>202403</v>
      </c>
      <c r="F512" s="51" t="s">
        <v>38</v>
      </c>
      <c r="G512" s="51" t="s">
        <v>97</v>
      </c>
      <c r="H512" s="51" t="s">
        <v>82</v>
      </c>
      <c r="I512" s="50">
        <v>4.7</v>
      </c>
    </row>
    <row r="513" spans="1:9" x14ac:dyDescent="0.35">
      <c r="A513" s="52" t="s">
        <v>78</v>
      </c>
      <c r="B513" s="51" t="s">
        <v>79</v>
      </c>
      <c r="C513" s="61">
        <v>369506510</v>
      </c>
      <c r="D513" s="62">
        <v>20</v>
      </c>
      <c r="E513" s="51">
        <v>202403</v>
      </c>
      <c r="F513" s="51" t="s">
        <v>38</v>
      </c>
      <c r="G513" s="51" t="s">
        <v>97</v>
      </c>
      <c r="H513" s="51" t="s">
        <v>82</v>
      </c>
      <c r="I513" s="50">
        <v>4.7</v>
      </c>
    </row>
    <row r="514" spans="1:9" x14ac:dyDescent="0.35">
      <c r="A514" s="52" t="s">
        <v>78</v>
      </c>
      <c r="B514" s="51" t="s">
        <v>79</v>
      </c>
      <c r="C514" s="61">
        <v>370605341</v>
      </c>
      <c r="D514" s="62">
        <v>20</v>
      </c>
      <c r="E514" s="51">
        <v>202403</v>
      </c>
      <c r="F514" s="51" t="s">
        <v>38</v>
      </c>
      <c r="G514" s="51" t="s">
        <v>97</v>
      </c>
      <c r="H514" s="51" t="s">
        <v>82</v>
      </c>
      <c r="I514" s="50">
        <v>4.7</v>
      </c>
    </row>
    <row r="515" spans="1:9" x14ac:dyDescent="0.35">
      <c r="A515" s="52" t="s">
        <v>78</v>
      </c>
      <c r="B515" s="51" t="s">
        <v>79</v>
      </c>
      <c r="C515" s="61">
        <v>372101729</v>
      </c>
      <c r="D515" s="62">
        <v>20</v>
      </c>
      <c r="E515" s="51">
        <v>202403</v>
      </c>
      <c r="F515" s="51" t="s">
        <v>38</v>
      </c>
      <c r="G515" s="51" t="s">
        <v>97</v>
      </c>
      <c r="H515" s="51" t="s">
        <v>82</v>
      </c>
      <c r="I515" s="50">
        <v>4.7</v>
      </c>
    </row>
    <row r="516" spans="1:9" x14ac:dyDescent="0.35">
      <c r="A516" s="52" t="s">
        <v>78</v>
      </c>
      <c r="B516" s="51" t="s">
        <v>79</v>
      </c>
      <c r="C516" s="61">
        <v>372502619</v>
      </c>
      <c r="D516" s="62">
        <v>20</v>
      </c>
      <c r="E516" s="51">
        <v>202403</v>
      </c>
      <c r="F516" s="51" t="s">
        <v>38</v>
      </c>
      <c r="G516" s="51" t="s">
        <v>97</v>
      </c>
      <c r="H516" s="51" t="s">
        <v>82</v>
      </c>
      <c r="I516" s="50">
        <v>4.7</v>
      </c>
    </row>
    <row r="517" spans="1:9" x14ac:dyDescent="0.35">
      <c r="A517" s="52" t="s">
        <v>78</v>
      </c>
      <c r="B517" s="51" t="s">
        <v>79</v>
      </c>
      <c r="C517" s="61">
        <v>373522112</v>
      </c>
      <c r="D517" s="62">
        <v>20</v>
      </c>
      <c r="E517" s="51">
        <v>202403</v>
      </c>
      <c r="F517" s="51" t="s">
        <v>38</v>
      </c>
      <c r="G517" s="51" t="s">
        <v>97</v>
      </c>
      <c r="H517" s="51" t="s">
        <v>82</v>
      </c>
      <c r="I517" s="50">
        <v>4.7</v>
      </c>
    </row>
    <row r="518" spans="1:9" x14ac:dyDescent="0.35">
      <c r="A518" s="52" t="s">
        <v>78</v>
      </c>
      <c r="B518" s="51" t="s">
        <v>79</v>
      </c>
      <c r="C518" s="61">
        <v>373786727</v>
      </c>
      <c r="D518" s="62">
        <v>20</v>
      </c>
      <c r="E518" s="51">
        <v>202403</v>
      </c>
      <c r="F518" s="51" t="s">
        <v>38</v>
      </c>
      <c r="G518" s="51" t="s">
        <v>97</v>
      </c>
      <c r="H518" s="51" t="s">
        <v>82</v>
      </c>
      <c r="I518" s="50">
        <v>4.7</v>
      </c>
    </row>
    <row r="519" spans="1:9" x14ac:dyDescent="0.35">
      <c r="A519" s="52" t="s">
        <v>78</v>
      </c>
      <c r="B519" s="51" t="s">
        <v>79</v>
      </c>
      <c r="C519" s="61">
        <v>373901732</v>
      </c>
      <c r="D519" s="62">
        <v>20</v>
      </c>
      <c r="E519" s="51">
        <v>202403</v>
      </c>
      <c r="F519" s="51" t="s">
        <v>38</v>
      </c>
      <c r="G519" s="51" t="s">
        <v>97</v>
      </c>
      <c r="H519" s="51" t="s">
        <v>82</v>
      </c>
      <c r="I519" s="50">
        <v>4.7</v>
      </c>
    </row>
    <row r="520" spans="1:9" x14ac:dyDescent="0.35">
      <c r="A520" s="52" t="s">
        <v>78</v>
      </c>
      <c r="B520" s="51" t="s">
        <v>79</v>
      </c>
      <c r="C520" s="61">
        <v>374564907</v>
      </c>
      <c r="D520" s="62">
        <v>20</v>
      </c>
      <c r="E520" s="51">
        <v>202403</v>
      </c>
      <c r="F520" s="51" t="s">
        <v>38</v>
      </c>
      <c r="G520" s="51" t="s">
        <v>97</v>
      </c>
      <c r="H520" s="51" t="s">
        <v>82</v>
      </c>
      <c r="I520" s="50">
        <v>4.7</v>
      </c>
    </row>
    <row r="521" spans="1:9" x14ac:dyDescent="0.35">
      <c r="A521" s="52" t="s">
        <v>78</v>
      </c>
      <c r="B521" s="51" t="s">
        <v>79</v>
      </c>
      <c r="C521" s="61">
        <v>374701177</v>
      </c>
      <c r="D521" s="62">
        <v>20</v>
      </c>
      <c r="E521" s="51">
        <v>202403</v>
      </c>
      <c r="F521" s="51" t="s">
        <v>38</v>
      </c>
      <c r="G521" s="51" t="s">
        <v>97</v>
      </c>
      <c r="H521" s="51" t="s">
        <v>82</v>
      </c>
      <c r="I521" s="50">
        <v>30</v>
      </c>
    </row>
    <row r="522" spans="1:9" x14ac:dyDescent="0.35">
      <c r="A522" s="52" t="s">
        <v>78</v>
      </c>
      <c r="B522" s="51" t="s">
        <v>79</v>
      </c>
      <c r="C522" s="61">
        <v>374895877</v>
      </c>
      <c r="D522" s="62">
        <v>20</v>
      </c>
      <c r="E522" s="51">
        <v>202403</v>
      </c>
      <c r="F522" s="51" t="s">
        <v>38</v>
      </c>
      <c r="G522" s="51" t="s">
        <v>97</v>
      </c>
      <c r="H522" s="51" t="s">
        <v>82</v>
      </c>
      <c r="I522" s="50">
        <v>4.7</v>
      </c>
    </row>
    <row r="523" spans="1:9" x14ac:dyDescent="0.35">
      <c r="A523" s="52" t="s">
        <v>78</v>
      </c>
      <c r="B523" s="51" t="s">
        <v>79</v>
      </c>
      <c r="C523" s="61">
        <v>375051301</v>
      </c>
      <c r="D523" s="62">
        <v>20</v>
      </c>
      <c r="E523" s="51">
        <v>202403</v>
      </c>
      <c r="F523" s="51" t="s">
        <v>38</v>
      </c>
      <c r="G523" s="51" t="s">
        <v>97</v>
      </c>
      <c r="H523" s="51" t="s">
        <v>82</v>
      </c>
      <c r="I523" s="50">
        <v>4.7</v>
      </c>
    </row>
    <row r="524" spans="1:9" x14ac:dyDescent="0.35">
      <c r="A524" s="52" t="s">
        <v>78</v>
      </c>
      <c r="B524" s="51" t="s">
        <v>79</v>
      </c>
      <c r="C524" s="61">
        <v>375260972</v>
      </c>
      <c r="D524" s="62">
        <v>20</v>
      </c>
      <c r="E524" s="51">
        <v>202403</v>
      </c>
      <c r="F524" s="51" t="s">
        <v>38</v>
      </c>
      <c r="G524" s="51" t="s">
        <v>97</v>
      </c>
      <c r="H524" s="51" t="s">
        <v>82</v>
      </c>
      <c r="I524" s="50">
        <v>30</v>
      </c>
    </row>
    <row r="525" spans="1:9" x14ac:dyDescent="0.35">
      <c r="A525" s="52" t="s">
        <v>78</v>
      </c>
      <c r="B525" s="51" t="s">
        <v>79</v>
      </c>
      <c r="C525" s="61">
        <v>375400292</v>
      </c>
      <c r="D525" s="62">
        <v>20</v>
      </c>
      <c r="E525" s="51">
        <v>202403</v>
      </c>
      <c r="F525" s="51" t="s">
        <v>38</v>
      </c>
      <c r="G525" s="51" t="s">
        <v>97</v>
      </c>
      <c r="H525" s="51" t="s">
        <v>82</v>
      </c>
      <c r="I525" s="50">
        <v>30</v>
      </c>
    </row>
    <row r="526" spans="1:9" x14ac:dyDescent="0.35">
      <c r="A526" s="52" t="s">
        <v>78</v>
      </c>
      <c r="B526" s="51" t="s">
        <v>79</v>
      </c>
      <c r="C526" s="61">
        <v>375429380</v>
      </c>
      <c r="D526" s="62">
        <v>20</v>
      </c>
      <c r="E526" s="51">
        <v>202403</v>
      </c>
      <c r="F526" s="51" t="s">
        <v>38</v>
      </c>
      <c r="G526" s="51" t="s">
        <v>97</v>
      </c>
      <c r="H526" s="51" t="s">
        <v>82</v>
      </c>
      <c r="I526" s="50">
        <v>4.7</v>
      </c>
    </row>
    <row r="527" spans="1:9" x14ac:dyDescent="0.35">
      <c r="A527" s="52" t="s">
        <v>78</v>
      </c>
      <c r="B527" s="51" t="s">
        <v>79</v>
      </c>
      <c r="C527" s="61">
        <v>375747620</v>
      </c>
      <c r="D527" s="62">
        <v>20</v>
      </c>
      <c r="E527" s="51">
        <v>202403</v>
      </c>
      <c r="F527" s="51" t="s">
        <v>38</v>
      </c>
      <c r="G527" s="51" t="s">
        <v>97</v>
      </c>
      <c r="H527" s="51" t="s">
        <v>82</v>
      </c>
      <c r="I527" s="50">
        <v>30</v>
      </c>
    </row>
    <row r="528" spans="1:9" x14ac:dyDescent="0.35">
      <c r="A528" s="52" t="s">
        <v>78</v>
      </c>
      <c r="B528" s="51" t="s">
        <v>79</v>
      </c>
      <c r="C528" s="61">
        <v>376203419</v>
      </c>
      <c r="D528" s="62">
        <v>20</v>
      </c>
      <c r="E528" s="51">
        <v>202403</v>
      </c>
      <c r="F528" s="51" t="s">
        <v>38</v>
      </c>
      <c r="G528" s="51" t="s">
        <v>97</v>
      </c>
      <c r="H528" s="51" t="s">
        <v>82</v>
      </c>
      <c r="I528" s="50">
        <v>4.7</v>
      </c>
    </row>
    <row r="529" spans="1:9" x14ac:dyDescent="0.35">
      <c r="A529" s="52" t="s">
        <v>78</v>
      </c>
      <c r="B529" s="51" t="s">
        <v>79</v>
      </c>
      <c r="C529" s="61">
        <v>376360900</v>
      </c>
      <c r="D529" s="62">
        <v>20</v>
      </c>
      <c r="E529" s="51">
        <v>202403</v>
      </c>
      <c r="F529" s="51" t="s">
        <v>38</v>
      </c>
      <c r="G529" s="51" t="s">
        <v>97</v>
      </c>
      <c r="H529" s="51" t="s">
        <v>82</v>
      </c>
      <c r="I529" s="50">
        <v>4.7</v>
      </c>
    </row>
    <row r="530" spans="1:9" x14ac:dyDescent="0.35">
      <c r="A530" s="52" t="s">
        <v>78</v>
      </c>
      <c r="B530" s="51" t="s">
        <v>79</v>
      </c>
      <c r="C530" s="61">
        <v>376500034</v>
      </c>
      <c r="D530" s="62">
        <v>20</v>
      </c>
      <c r="E530" s="51">
        <v>202403</v>
      </c>
      <c r="F530" s="51" t="s">
        <v>38</v>
      </c>
      <c r="G530" s="51" t="s">
        <v>97</v>
      </c>
      <c r="H530" s="51" t="s">
        <v>82</v>
      </c>
      <c r="I530" s="50">
        <v>4.7</v>
      </c>
    </row>
    <row r="531" spans="1:9" x14ac:dyDescent="0.35">
      <c r="A531" s="52" t="s">
        <v>78</v>
      </c>
      <c r="B531" s="51" t="s">
        <v>79</v>
      </c>
      <c r="C531" s="61">
        <v>377003571</v>
      </c>
      <c r="D531" s="62">
        <v>20</v>
      </c>
      <c r="E531" s="51">
        <v>202403</v>
      </c>
      <c r="F531" s="51" t="s">
        <v>38</v>
      </c>
      <c r="G531" s="51" t="s">
        <v>97</v>
      </c>
      <c r="H531" s="51" t="s">
        <v>82</v>
      </c>
      <c r="I531" s="50">
        <v>4.7</v>
      </c>
    </row>
    <row r="532" spans="1:9" x14ac:dyDescent="0.35">
      <c r="A532" s="52" t="s">
        <v>78</v>
      </c>
      <c r="B532" s="51" t="s">
        <v>79</v>
      </c>
      <c r="C532" s="61">
        <v>377205123</v>
      </c>
      <c r="D532" s="62">
        <v>20</v>
      </c>
      <c r="E532" s="51">
        <v>202403</v>
      </c>
      <c r="F532" s="51" t="s">
        <v>38</v>
      </c>
      <c r="G532" s="51" t="s">
        <v>97</v>
      </c>
      <c r="H532" s="51" t="s">
        <v>82</v>
      </c>
      <c r="I532" s="50">
        <v>4.7</v>
      </c>
    </row>
    <row r="533" spans="1:9" x14ac:dyDescent="0.35">
      <c r="A533" s="52" t="s">
        <v>78</v>
      </c>
      <c r="B533" s="51" t="s">
        <v>79</v>
      </c>
      <c r="C533" s="61">
        <v>377326087</v>
      </c>
      <c r="D533" s="62">
        <v>20</v>
      </c>
      <c r="E533" s="51">
        <v>202403</v>
      </c>
      <c r="F533" s="51" t="s">
        <v>38</v>
      </c>
      <c r="G533" s="51" t="s">
        <v>97</v>
      </c>
      <c r="H533" s="51" t="s">
        <v>82</v>
      </c>
      <c r="I533" s="50">
        <v>4.7</v>
      </c>
    </row>
    <row r="534" spans="1:9" x14ac:dyDescent="0.35">
      <c r="A534" s="52" t="s">
        <v>78</v>
      </c>
      <c r="B534" s="51" t="s">
        <v>79</v>
      </c>
      <c r="C534" s="61">
        <v>378255760</v>
      </c>
      <c r="D534" s="62">
        <v>20</v>
      </c>
      <c r="E534" s="51">
        <v>202403</v>
      </c>
      <c r="F534" s="51" t="s">
        <v>38</v>
      </c>
      <c r="G534" s="51" t="s">
        <v>97</v>
      </c>
      <c r="H534" s="51" t="s">
        <v>82</v>
      </c>
      <c r="I534" s="50">
        <v>4.7</v>
      </c>
    </row>
    <row r="535" spans="1:9" x14ac:dyDescent="0.35">
      <c r="A535" s="52" t="s">
        <v>78</v>
      </c>
      <c r="B535" s="51" t="s">
        <v>79</v>
      </c>
      <c r="C535" s="61">
        <v>378536331</v>
      </c>
      <c r="D535" s="62">
        <v>20</v>
      </c>
      <c r="E535" s="51">
        <v>202403</v>
      </c>
      <c r="F535" s="51" t="s">
        <v>38</v>
      </c>
      <c r="G535" s="51" t="s">
        <v>97</v>
      </c>
      <c r="H535" s="51" t="s">
        <v>82</v>
      </c>
      <c r="I535" s="50">
        <v>4.7</v>
      </c>
    </row>
    <row r="536" spans="1:9" x14ac:dyDescent="0.35">
      <c r="A536" s="52" t="s">
        <v>78</v>
      </c>
      <c r="B536" s="51" t="s">
        <v>79</v>
      </c>
      <c r="C536" s="61">
        <v>378717218</v>
      </c>
      <c r="D536" s="62">
        <v>20</v>
      </c>
      <c r="E536" s="51">
        <v>202403</v>
      </c>
      <c r="F536" s="51" t="s">
        <v>38</v>
      </c>
      <c r="G536" s="51" t="s">
        <v>97</v>
      </c>
      <c r="H536" s="51" t="s">
        <v>82</v>
      </c>
      <c r="I536" s="50">
        <v>4.7</v>
      </c>
    </row>
    <row r="537" spans="1:9" x14ac:dyDescent="0.35">
      <c r="A537" s="52" t="s">
        <v>78</v>
      </c>
      <c r="B537" s="51" t="s">
        <v>79</v>
      </c>
      <c r="C537" s="61">
        <v>378903722</v>
      </c>
      <c r="D537" s="62">
        <v>20</v>
      </c>
      <c r="E537" s="51">
        <v>202403</v>
      </c>
      <c r="F537" s="51" t="s">
        <v>38</v>
      </c>
      <c r="G537" s="51" t="s">
        <v>97</v>
      </c>
      <c r="H537" s="51" t="s">
        <v>82</v>
      </c>
      <c r="I537" s="50">
        <v>4.7</v>
      </c>
    </row>
    <row r="538" spans="1:9" x14ac:dyDescent="0.35">
      <c r="A538" s="52" t="s">
        <v>78</v>
      </c>
      <c r="B538" s="51" t="s">
        <v>79</v>
      </c>
      <c r="C538" s="61">
        <v>381901291</v>
      </c>
      <c r="D538" s="62">
        <v>20</v>
      </c>
      <c r="E538" s="51">
        <v>202403</v>
      </c>
      <c r="F538" s="51" t="s">
        <v>38</v>
      </c>
      <c r="G538" s="51" t="s">
        <v>97</v>
      </c>
      <c r="H538" s="51" t="s">
        <v>82</v>
      </c>
      <c r="I538" s="50">
        <v>4.7</v>
      </c>
    </row>
    <row r="539" spans="1:9" x14ac:dyDescent="0.35">
      <c r="A539" s="52" t="s">
        <v>78</v>
      </c>
      <c r="B539" s="51" t="s">
        <v>79</v>
      </c>
      <c r="C539" s="61">
        <v>382704948</v>
      </c>
      <c r="D539" s="62">
        <v>20</v>
      </c>
      <c r="E539" s="51">
        <v>202403</v>
      </c>
      <c r="F539" s="51" t="s">
        <v>38</v>
      </c>
      <c r="G539" s="51" t="s">
        <v>97</v>
      </c>
      <c r="H539" s="51" t="s">
        <v>82</v>
      </c>
      <c r="I539" s="50">
        <v>4.7</v>
      </c>
    </row>
    <row r="540" spans="1:9" x14ac:dyDescent="0.35">
      <c r="A540" s="52" t="s">
        <v>78</v>
      </c>
      <c r="B540" s="51" t="s">
        <v>79</v>
      </c>
      <c r="C540" s="61">
        <v>382751949</v>
      </c>
      <c r="D540" s="62">
        <v>20</v>
      </c>
      <c r="E540" s="51">
        <v>202403</v>
      </c>
      <c r="F540" s="51" t="s">
        <v>38</v>
      </c>
      <c r="G540" s="51" t="s">
        <v>97</v>
      </c>
      <c r="H540" s="51" t="s">
        <v>82</v>
      </c>
      <c r="I540" s="50">
        <v>4.7</v>
      </c>
    </row>
    <row r="541" spans="1:9" x14ac:dyDescent="0.35">
      <c r="A541" s="52" t="s">
        <v>78</v>
      </c>
      <c r="B541" s="51" t="s">
        <v>79</v>
      </c>
      <c r="C541" s="61">
        <v>382987350</v>
      </c>
      <c r="D541" s="62">
        <v>20</v>
      </c>
      <c r="E541" s="51">
        <v>202403</v>
      </c>
      <c r="F541" s="51" t="s">
        <v>38</v>
      </c>
      <c r="G541" s="51" t="s">
        <v>97</v>
      </c>
      <c r="H541" s="51" t="s">
        <v>82</v>
      </c>
      <c r="I541" s="50">
        <v>4.7</v>
      </c>
    </row>
    <row r="542" spans="1:9" x14ac:dyDescent="0.35">
      <c r="A542" s="52" t="s">
        <v>78</v>
      </c>
      <c r="B542" s="51" t="s">
        <v>79</v>
      </c>
      <c r="C542" s="61">
        <v>383103911</v>
      </c>
      <c r="D542" s="62">
        <v>20</v>
      </c>
      <c r="E542" s="51">
        <v>202403</v>
      </c>
      <c r="F542" s="51" t="s">
        <v>38</v>
      </c>
      <c r="G542" s="51" t="s">
        <v>97</v>
      </c>
      <c r="H542" s="51" t="s">
        <v>82</v>
      </c>
      <c r="I542" s="50">
        <v>4.7</v>
      </c>
    </row>
    <row r="543" spans="1:9" x14ac:dyDescent="0.35">
      <c r="A543" s="52" t="s">
        <v>78</v>
      </c>
      <c r="B543" s="51" t="s">
        <v>79</v>
      </c>
      <c r="C543" s="61">
        <v>383103911</v>
      </c>
      <c r="D543" s="62">
        <v>20</v>
      </c>
      <c r="E543" s="51">
        <v>202403</v>
      </c>
      <c r="F543" s="51" t="s">
        <v>38</v>
      </c>
      <c r="G543" s="51" t="s">
        <v>97</v>
      </c>
      <c r="H543" s="51" t="s">
        <v>82</v>
      </c>
      <c r="I543" s="50">
        <v>4.7</v>
      </c>
    </row>
    <row r="544" spans="1:9" x14ac:dyDescent="0.35">
      <c r="A544" s="52" t="s">
        <v>78</v>
      </c>
      <c r="B544" s="51" t="s">
        <v>79</v>
      </c>
      <c r="C544" s="61">
        <v>383603150</v>
      </c>
      <c r="D544" s="62">
        <v>20</v>
      </c>
      <c r="E544" s="51">
        <v>202403</v>
      </c>
      <c r="F544" s="51" t="s">
        <v>38</v>
      </c>
      <c r="G544" s="51" t="s">
        <v>97</v>
      </c>
      <c r="H544" s="51" t="s">
        <v>82</v>
      </c>
      <c r="I544" s="50">
        <v>30</v>
      </c>
    </row>
    <row r="545" spans="1:9" x14ac:dyDescent="0.35">
      <c r="A545" s="52" t="s">
        <v>78</v>
      </c>
      <c r="B545" s="51" t="s">
        <v>79</v>
      </c>
      <c r="C545" s="61">
        <v>384440643</v>
      </c>
      <c r="D545" s="62">
        <v>20</v>
      </c>
      <c r="E545" s="51">
        <v>202403</v>
      </c>
      <c r="F545" s="51" t="s">
        <v>38</v>
      </c>
      <c r="G545" s="51" t="s">
        <v>97</v>
      </c>
      <c r="H545" s="51" t="s">
        <v>82</v>
      </c>
      <c r="I545" s="50">
        <v>95</v>
      </c>
    </row>
    <row r="546" spans="1:9" x14ac:dyDescent="0.35">
      <c r="A546" s="52" t="s">
        <v>78</v>
      </c>
      <c r="B546" s="51" t="s">
        <v>79</v>
      </c>
      <c r="C546" s="61">
        <v>385190893</v>
      </c>
      <c r="D546" s="62">
        <v>20</v>
      </c>
      <c r="E546" s="51">
        <v>202403</v>
      </c>
      <c r="F546" s="51" t="s">
        <v>38</v>
      </c>
      <c r="G546" s="51" t="s">
        <v>97</v>
      </c>
      <c r="H546" s="51" t="s">
        <v>82</v>
      </c>
      <c r="I546" s="50">
        <v>4.7</v>
      </c>
    </row>
    <row r="547" spans="1:9" x14ac:dyDescent="0.35">
      <c r="A547" s="52" t="s">
        <v>78</v>
      </c>
      <c r="B547" s="51" t="s">
        <v>79</v>
      </c>
      <c r="C547" s="61">
        <v>386100239</v>
      </c>
      <c r="D547" s="62">
        <v>20</v>
      </c>
      <c r="E547" s="51">
        <v>202403</v>
      </c>
      <c r="F547" s="51" t="s">
        <v>38</v>
      </c>
      <c r="G547" s="51" t="s">
        <v>97</v>
      </c>
      <c r="H547" s="51" t="s">
        <v>82</v>
      </c>
      <c r="I547" s="50">
        <v>4.7</v>
      </c>
    </row>
    <row r="548" spans="1:9" x14ac:dyDescent="0.35">
      <c r="A548" s="52" t="s">
        <v>78</v>
      </c>
      <c r="B548" s="51" t="s">
        <v>79</v>
      </c>
      <c r="C548" s="61">
        <v>386380869</v>
      </c>
      <c r="D548" s="62">
        <v>20</v>
      </c>
      <c r="E548" s="51">
        <v>202403</v>
      </c>
      <c r="F548" s="51" t="s">
        <v>38</v>
      </c>
      <c r="G548" s="51" t="s">
        <v>97</v>
      </c>
      <c r="H548" s="51" t="s">
        <v>82</v>
      </c>
      <c r="I548" s="50">
        <v>4.7</v>
      </c>
    </row>
    <row r="549" spans="1:9" x14ac:dyDescent="0.35">
      <c r="A549" s="52" t="s">
        <v>78</v>
      </c>
      <c r="B549" s="51" t="s">
        <v>79</v>
      </c>
      <c r="C549" s="61">
        <v>387695201</v>
      </c>
      <c r="D549" s="62">
        <v>20</v>
      </c>
      <c r="E549" s="51">
        <v>202403</v>
      </c>
      <c r="F549" s="51" t="s">
        <v>38</v>
      </c>
      <c r="G549" s="51" t="s">
        <v>97</v>
      </c>
      <c r="H549" s="51" t="s">
        <v>82</v>
      </c>
      <c r="I549" s="50">
        <v>95</v>
      </c>
    </row>
    <row r="550" spans="1:9" x14ac:dyDescent="0.35">
      <c r="A550" s="52" t="s">
        <v>78</v>
      </c>
      <c r="B550" s="51" t="s">
        <v>79</v>
      </c>
      <c r="C550" s="61">
        <v>387903128</v>
      </c>
      <c r="D550" s="62">
        <v>20</v>
      </c>
      <c r="E550" s="51">
        <v>202403</v>
      </c>
      <c r="F550" s="51" t="s">
        <v>38</v>
      </c>
      <c r="G550" s="51" t="s">
        <v>97</v>
      </c>
      <c r="H550" s="51" t="s">
        <v>82</v>
      </c>
      <c r="I550" s="50">
        <v>30</v>
      </c>
    </row>
    <row r="551" spans="1:9" x14ac:dyDescent="0.35">
      <c r="A551" s="52" t="s">
        <v>78</v>
      </c>
      <c r="B551" s="51" t="s">
        <v>79</v>
      </c>
      <c r="C551" s="61">
        <v>388301611</v>
      </c>
      <c r="D551" s="62">
        <v>20</v>
      </c>
      <c r="E551" s="51">
        <v>202403</v>
      </c>
      <c r="F551" s="51" t="s">
        <v>38</v>
      </c>
      <c r="G551" s="51" t="s">
        <v>97</v>
      </c>
      <c r="H551" s="51" t="s">
        <v>82</v>
      </c>
      <c r="I551" s="50">
        <v>4.7</v>
      </c>
    </row>
    <row r="552" spans="1:9" x14ac:dyDescent="0.35">
      <c r="A552" s="52" t="s">
        <v>78</v>
      </c>
      <c r="B552" s="51" t="s">
        <v>79</v>
      </c>
      <c r="C552" s="61">
        <v>388303530</v>
      </c>
      <c r="D552" s="62">
        <v>20</v>
      </c>
      <c r="E552" s="51">
        <v>202403</v>
      </c>
      <c r="F552" s="51" t="s">
        <v>38</v>
      </c>
      <c r="G552" s="51" t="s">
        <v>97</v>
      </c>
      <c r="H552" s="51" t="s">
        <v>82</v>
      </c>
      <c r="I552" s="50">
        <v>4.7</v>
      </c>
    </row>
    <row r="553" spans="1:9" x14ac:dyDescent="0.35">
      <c r="A553" s="52" t="s">
        <v>78</v>
      </c>
      <c r="B553" s="51" t="s">
        <v>79</v>
      </c>
      <c r="C553" s="61">
        <v>388600743</v>
      </c>
      <c r="D553" s="62">
        <v>20</v>
      </c>
      <c r="E553" s="51">
        <v>202403</v>
      </c>
      <c r="F553" s="51" t="s">
        <v>38</v>
      </c>
      <c r="G553" s="51" t="s">
        <v>97</v>
      </c>
      <c r="H553" s="51" t="s">
        <v>82</v>
      </c>
      <c r="I553" s="50">
        <v>4.7</v>
      </c>
    </row>
    <row r="554" spans="1:9" x14ac:dyDescent="0.35">
      <c r="A554" s="52" t="s">
        <v>78</v>
      </c>
      <c r="B554" s="51" t="s">
        <v>79</v>
      </c>
      <c r="C554" s="61">
        <v>389005682</v>
      </c>
      <c r="D554" s="62">
        <v>20</v>
      </c>
      <c r="E554" s="51">
        <v>202403</v>
      </c>
      <c r="F554" s="51" t="s">
        <v>38</v>
      </c>
      <c r="G554" s="51" t="s">
        <v>97</v>
      </c>
      <c r="H554" s="51" t="s">
        <v>82</v>
      </c>
      <c r="I554" s="50">
        <v>4.7</v>
      </c>
    </row>
    <row r="555" spans="1:9" x14ac:dyDescent="0.35">
      <c r="A555" s="52" t="s">
        <v>78</v>
      </c>
      <c r="B555" s="51" t="s">
        <v>79</v>
      </c>
      <c r="C555" s="61">
        <v>389478781</v>
      </c>
      <c r="D555" s="62">
        <v>20</v>
      </c>
      <c r="E555" s="51">
        <v>202403</v>
      </c>
      <c r="F555" s="51" t="s">
        <v>38</v>
      </c>
      <c r="G555" s="51" t="s">
        <v>97</v>
      </c>
      <c r="H555" s="51" t="s">
        <v>82</v>
      </c>
      <c r="I555" s="50">
        <v>4.7</v>
      </c>
    </row>
    <row r="556" spans="1:9" x14ac:dyDescent="0.35">
      <c r="A556" s="52" t="s">
        <v>78</v>
      </c>
      <c r="B556" s="51" t="s">
        <v>79</v>
      </c>
      <c r="C556" s="61">
        <v>389769868</v>
      </c>
      <c r="D556" s="62">
        <v>20</v>
      </c>
      <c r="E556" s="51">
        <v>202403</v>
      </c>
      <c r="F556" s="51" t="s">
        <v>38</v>
      </c>
      <c r="G556" s="51" t="s">
        <v>97</v>
      </c>
      <c r="H556" s="51" t="s">
        <v>82</v>
      </c>
      <c r="I556" s="50">
        <v>4.7</v>
      </c>
    </row>
    <row r="557" spans="1:9" x14ac:dyDescent="0.35">
      <c r="A557" s="52" t="s">
        <v>78</v>
      </c>
      <c r="B557" s="51" t="s">
        <v>79</v>
      </c>
      <c r="C557" s="61">
        <v>390601512</v>
      </c>
      <c r="D557" s="62">
        <v>20</v>
      </c>
      <c r="E557" s="51">
        <v>202403</v>
      </c>
      <c r="F557" s="51" t="s">
        <v>38</v>
      </c>
      <c r="G557" s="51" t="s">
        <v>97</v>
      </c>
      <c r="H557" s="51" t="s">
        <v>82</v>
      </c>
      <c r="I557" s="50">
        <v>4.7</v>
      </c>
    </row>
    <row r="558" spans="1:9" x14ac:dyDescent="0.35">
      <c r="A558" s="52" t="s">
        <v>78</v>
      </c>
      <c r="B558" s="51" t="s">
        <v>79</v>
      </c>
      <c r="C558" s="61">
        <v>390904920</v>
      </c>
      <c r="D558" s="62">
        <v>20</v>
      </c>
      <c r="E558" s="51">
        <v>202403</v>
      </c>
      <c r="F558" s="51" t="s">
        <v>38</v>
      </c>
      <c r="G558" s="51" t="s">
        <v>97</v>
      </c>
      <c r="H558" s="51" t="s">
        <v>82</v>
      </c>
      <c r="I558" s="50">
        <v>30</v>
      </c>
    </row>
    <row r="559" spans="1:9" x14ac:dyDescent="0.35">
      <c r="A559" s="52" t="s">
        <v>78</v>
      </c>
      <c r="B559" s="51" t="s">
        <v>79</v>
      </c>
      <c r="C559" s="61">
        <v>391131915</v>
      </c>
      <c r="D559" s="62">
        <v>20</v>
      </c>
      <c r="E559" s="51">
        <v>202403</v>
      </c>
      <c r="F559" s="51" t="s">
        <v>38</v>
      </c>
      <c r="G559" s="51" t="s">
        <v>97</v>
      </c>
      <c r="H559" s="51" t="s">
        <v>82</v>
      </c>
      <c r="I559" s="50">
        <v>95</v>
      </c>
    </row>
    <row r="560" spans="1:9" x14ac:dyDescent="0.35">
      <c r="A560" s="52" t="s">
        <v>78</v>
      </c>
      <c r="B560" s="51" t="s">
        <v>79</v>
      </c>
      <c r="C560" s="61">
        <v>391300715</v>
      </c>
      <c r="D560" s="62">
        <v>20</v>
      </c>
      <c r="E560" s="51">
        <v>202403</v>
      </c>
      <c r="F560" s="51" t="s">
        <v>38</v>
      </c>
      <c r="G560" s="51" t="s">
        <v>97</v>
      </c>
      <c r="H560" s="51" t="s">
        <v>82</v>
      </c>
      <c r="I560" s="50">
        <v>4.7</v>
      </c>
    </row>
    <row r="561" spans="1:9" x14ac:dyDescent="0.35">
      <c r="A561" s="52" t="s">
        <v>78</v>
      </c>
      <c r="B561" s="51" t="s">
        <v>79</v>
      </c>
      <c r="C561" s="61">
        <v>392625315</v>
      </c>
      <c r="D561" s="62">
        <v>20</v>
      </c>
      <c r="E561" s="51">
        <v>202403</v>
      </c>
      <c r="F561" s="51" t="s">
        <v>38</v>
      </c>
      <c r="G561" s="51" t="s">
        <v>97</v>
      </c>
      <c r="H561" s="51" t="s">
        <v>82</v>
      </c>
      <c r="I561" s="50">
        <v>4.7</v>
      </c>
    </row>
    <row r="562" spans="1:9" x14ac:dyDescent="0.35">
      <c r="A562" s="52" t="s">
        <v>78</v>
      </c>
      <c r="B562" s="51" t="s">
        <v>79</v>
      </c>
      <c r="C562" s="61">
        <v>392903195</v>
      </c>
      <c r="D562" s="62">
        <v>20</v>
      </c>
      <c r="E562" s="51">
        <v>202403</v>
      </c>
      <c r="F562" s="51" t="s">
        <v>38</v>
      </c>
      <c r="G562" s="51" t="s">
        <v>97</v>
      </c>
      <c r="H562" s="51" t="s">
        <v>82</v>
      </c>
      <c r="I562" s="50">
        <v>4.7</v>
      </c>
    </row>
    <row r="563" spans="1:9" x14ac:dyDescent="0.35">
      <c r="A563" s="52" t="s">
        <v>78</v>
      </c>
      <c r="B563" s="51" t="s">
        <v>79</v>
      </c>
      <c r="C563" s="61">
        <v>393381902</v>
      </c>
      <c r="D563" s="62">
        <v>20</v>
      </c>
      <c r="E563" s="51">
        <v>202403</v>
      </c>
      <c r="F563" s="51" t="s">
        <v>38</v>
      </c>
      <c r="G563" s="51" t="s">
        <v>97</v>
      </c>
      <c r="H563" s="51" t="s">
        <v>82</v>
      </c>
      <c r="I563" s="50">
        <v>4.7</v>
      </c>
    </row>
    <row r="564" spans="1:9" x14ac:dyDescent="0.35">
      <c r="A564" s="52" t="s">
        <v>78</v>
      </c>
      <c r="B564" s="51" t="s">
        <v>79</v>
      </c>
      <c r="C564" s="61">
        <v>393701042</v>
      </c>
      <c r="D564" s="62">
        <v>20</v>
      </c>
      <c r="E564" s="51">
        <v>202403</v>
      </c>
      <c r="F564" s="51" t="s">
        <v>38</v>
      </c>
      <c r="G564" s="51" t="s">
        <v>97</v>
      </c>
      <c r="H564" s="51" t="s">
        <v>82</v>
      </c>
      <c r="I564" s="50">
        <v>4.7</v>
      </c>
    </row>
    <row r="565" spans="1:9" x14ac:dyDescent="0.35">
      <c r="A565" s="52" t="s">
        <v>78</v>
      </c>
      <c r="B565" s="51" t="s">
        <v>79</v>
      </c>
      <c r="C565" s="61">
        <v>394502556</v>
      </c>
      <c r="D565" s="62">
        <v>20</v>
      </c>
      <c r="E565" s="51">
        <v>202403</v>
      </c>
      <c r="F565" s="51" t="s">
        <v>38</v>
      </c>
      <c r="G565" s="51" t="s">
        <v>97</v>
      </c>
      <c r="H565" s="51" t="s">
        <v>82</v>
      </c>
      <c r="I565" s="50">
        <v>4.7</v>
      </c>
    </row>
    <row r="566" spans="1:9" x14ac:dyDescent="0.35">
      <c r="A566" s="52" t="s">
        <v>78</v>
      </c>
      <c r="B566" s="51" t="s">
        <v>79</v>
      </c>
      <c r="C566" s="61">
        <v>394537990</v>
      </c>
      <c r="D566" s="62">
        <v>20</v>
      </c>
      <c r="E566" s="51">
        <v>202403</v>
      </c>
      <c r="F566" s="51" t="s">
        <v>38</v>
      </c>
      <c r="G566" s="51" t="s">
        <v>97</v>
      </c>
      <c r="H566" s="51" t="s">
        <v>82</v>
      </c>
      <c r="I566" s="50">
        <v>30</v>
      </c>
    </row>
    <row r="567" spans="1:9" x14ac:dyDescent="0.35">
      <c r="A567" s="52" t="s">
        <v>78</v>
      </c>
      <c r="B567" s="51" t="s">
        <v>79</v>
      </c>
      <c r="C567" s="61">
        <v>394537990</v>
      </c>
      <c r="D567" s="62">
        <v>20</v>
      </c>
      <c r="E567" s="51">
        <v>202403</v>
      </c>
      <c r="F567" s="51" t="s">
        <v>38</v>
      </c>
      <c r="G567" s="51" t="s">
        <v>97</v>
      </c>
      <c r="H567" s="51" t="s">
        <v>82</v>
      </c>
      <c r="I567" s="50">
        <v>30</v>
      </c>
    </row>
    <row r="568" spans="1:9" x14ac:dyDescent="0.35">
      <c r="A568" s="52" t="s">
        <v>78</v>
      </c>
      <c r="B568" s="51" t="s">
        <v>79</v>
      </c>
      <c r="C568" s="61">
        <v>394800413</v>
      </c>
      <c r="D568" s="62">
        <v>20</v>
      </c>
      <c r="E568" s="51">
        <v>202403</v>
      </c>
      <c r="F568" s="51" t="s">
        <v>38</v>
      </c>
      <c r="G568" s="51" t="s">
        <v>97</v>
      </c>
      <c r="H568" s="51" t="s">
        <v>82</v>
      </c>
      <c r="I568" s="50">
        <v>4.7</v>
      </c>
    </row>
    <row r="569" spans="1:9" x14ac:dyDescent="0.35">
      <c r="A569" s="52" t="s">
        <v>78</v>
      </c>
      <c r="B569" s="51" t="s">
        <v>79</v>
      </c>
      <c r="C569" s="61">
        <v>396522541</v>
      </c>
      <c r="D569" s="62">
        <v>20</v>
      </c>
      <c r="E569" s="51">
        <v>202403</v>
      </c>
      <c r="F569" s="51" t="s">
        <v>38</v>
      </c>
      <c r="G569" s="51" t="s">
        <v>97</v>
      </c>
      <c r="H569" s="51" t="s">
        <v>82</v>
      </c>
      <c r="I569" s="50">
        <v>4.7</v>
      </c>
    </row>
    <row r="570" spans="1:9" x14ac:dyDescent="0.35">
      <c r="A570" s="52" t="s">
        <v>78</v>
      </c>
      <c r="B570" s="51" t="s">
        <v>79</v>
      </c>
      <c r="C570" s="61">
        <v>396524098</v>
      </c>
      <c r="D570" s="62">
        <v>20</v>
      </c>
      <c r="E570" s="51">
        <v>202403</v>
      </c>
      <c r="F570" s="51" t="s">
        <v>38</v>
      </c>
      <c r="G570" s="51" t="s">
        <v>97</v>
      </c>
      <c r="H570" s="51" t="s">
        <v>82</v>
      </c>
      <c r="I570" s="50">
        <v>4.7</v>
      </c>
    </row>
    <row r="571" spans="1:9" x14ac:dyDescent="0.35">
      <c r="A571" s="52" t="s">
        <v>78</v>
      </c>
      <c r="B571" s="51" t="s">
        <v>79</v>
      </c>
      <c r="C571" s="61">
        <v>397002901</v>
      </c>
      <c r="D571" s="62">
        <v>20</v>
      </c>
      <c r="E571" s="51">
        <v>202403</v>
      </c>
      <c r="F571" s="51" t="s">
        <v>38</v>
      </c>
      <c r="G571" s="51" t="s">
        <v>97</v>
      </c>
      <c r="H571" s="51" t="s">
        <v>82</v>
      </c>
      <c r="I571" s="50">
        <v>4.7</v>
      </c>
    </row>
    <row r="572" spans="1:9" x14ac:dyDescent="0.35">
      <c r="A572" s="52" t="s">
        <v>78</v>
      </c>
      <c r="B572" s="51" t="s">
        <v>79</v>
      </c>
      <c r="C572" s="61">
        <v>397900500</v>
      </c>
      <c r="D572" s="62">
        <v>20</v>
      </c>
      <c r="E572" s="51">
        <v>202403</v>
      </c>
      <c r="F572" s="51" t="s">
        <v>38</v>
      </c>
      <c r="G572" s="51" t="s">
        <v>97</v>
      </c>
      <c r="H572" s="51" t="s">
        <v>82</v>
      </c>
      <c r="I572" s="50">
        <v>4.7</v>
      </c>
    </row>
    <row r="573" spans="1:9" x14ac:dyDescent="0.35">
      <c r="A573" s="52" t="s">
        <v>78</v>
      </c>
      <c r="B573" s="51" t="s">
        <v>79</v>
      </c>
      <c r="C573" s="61">
        <v>398488362</v>
      </c>
      <c r="D573" s="62">
        <v>20</v>
      </c>
      <c r="E573" s="51">
        <v>202403</v>
      </c>
      <c r="F573" s="51" t="s">
        <v>38</v>
      </c>
      <c r="G573" s="51" t="s">
        <v>97</v>
      </c>
      <c r="H573" s="51" t="s">
        <v>82</v>
      </c>
      <c r="I573" s="50">
        <v>30</v>
      </c>
    </row>
    <row r="574" spans="1:9" x14ac:dyDescent="0.35">
      <c r="A574" s="52" t="s">
        <v>78</v>
      </c>
      <c r="B574" s="51" t="s">
        <v>79</v>
      </c>
      <c r="C574" s="61">
        <v>398800815</v>
      </c>
      <c r="D574" s="62">
        <v>20</v>
      </c>
      <c r="E574" s="51">
        <v>202403</v>
      </c>
      <c r="F574" s="51" t="s">
        <v>38</v>
      </c>
      <c r="G574" s="51" t="s">
        <v>97</v>
      </c>
      <c r="H574" s="51" t="s">
        <v>82</v>
      </c>
      <c r="I574" s="50">
        <v>4.7</v>
      </c>
    </row>
    <row r="575" spans="1:9" x14ac:dyDescent="0.35">
      <c r="A575" s="52" t="s">
        <v>78</v>
      </c>
      <c r="B575" s="51" t="s">
        <v>79</v>
      </c>
      <c r="C575" s="61">
        <v>398804520</v>
      </c>
      <c r="D575" s="62">
        <v>20</v>
      </c>
      <c r="E575" s="51">
        <v>202403</v>
      </c>
      <c r="F575" s="51" t="s">
        <v>38</v>
      </c>
      <c r="G575" s="51" t="s">
        <v>97</v>
      </c>
      <c r="H575" s="51" t="s">
        <v>82</v>
      </c>
      <c r="I575" s="50">
        <v>4.7</v>
      </c>
    </row>
    <row r="576" spans="1:9" x14ac:dyDescent="0.35">
      <c r="A576" s="52" t="s">
        <v>78</v>
      </c>
      <c r="B576" s="51" t="s">
        <v>79</v>
      </c>
      <c r="C576" s="61">
        <v>399503976</v>
      </c>
      <c r="D576" s="62">
        <v>20</v>
      </c>
      <c r="E576" s="51">
        <v>202403</v>
      </c>
      <c r="F576" s="51" t="s">
        <v>38</v>
      </c>
      <c r="G576" s="51" t="s">
        <v>97</v>
      </c>
      <c r="H576" s="51" t="s">
        <v>82</v>
      </c>
      <c r="I576" s="50">
        <v>4.7</v>
      </c>
    </row>
    <row r="577" spans="1:9" x14ac:dyDescent="0.35">
      <c r="A577" s="52" t="s">
        <v>78</v>
      </c>
      <c r="B577" s="51" t="s">
        <v>79</v>
      </c>
      <c r="C577" s="61">
        <v>399988810</v>
      </c>
      <c r="D577" s="62">
        <v>20</v>
      </c>
      <c r="E577" s="51">
        <v>202403</v>
      </c>
      <c r="F577" s="51" t="s">
        <v>38</v>
      </c>
      <c r="G577" s="51" t="s">
        <v>97</v>
      </c>
      <c r="H577" s="51" t="s">
        <v>82</v>
      </c>
      <c r="I577" s="50">
        <v>30</v>
      </c>
    </row>
    <row r="578" spans="1:9" x14ac:dyDescent="0.35">
      <c r="A578" s="52" t="s">
        <v>78</v>
      </c>
      <c r="B578" s="51" t="s">
        <v>79</v>
      </c>
      <c r="C578" s="61">
        <v>303892485</v>
      </c>
      <c r="D578" s="62">
        <v>211</v>
      </c>
      <c r="E578" s="51">
        <v>202403</v>
      </c>
      <c r="F578" s="51" t="s">
        <v>38</v>
      </c>
      <c r="G578" s="51" t="s">
        <v>97</v>
      </c>
      <c r="H578" s="51" t="s">
        <v>82</v>
      </c>
      <c r="I578" s="50">
        <v>4.7</v>
      </c>
    </row>
    <row r="579" spans="1:9" x14ac:dyDescent="0.35">
      <c r="A579" s="52" t="s">
        <v>78</v>
      </c>
      <c r="B579" s="51" t="s">
        <v>79</v>
      </c>
      <c r="C579" s="61">
        <v>309700811</v>
      </c>
      <c r="D579" s="62">
        <v>211</v>
      </c>
      <c r="E579" s="51">
        <v>202403</v>
      </c>
      <c r="F579" s="51" t="s">
        <v>38</v>
      </c>
      <c r="G579" s="51" t="s">
        <v>97</v>
      </c>
      <c r="H579" s="51" t="s">
        <v>82</v>
      </c>
      <c r="I579" s="50">
        <v>4.7</v>
      </c>
    </row>
    <row r="580" spans="1:9" x14ac:dyDescent="0.35">
      <c r="A580" s="52" t="s">
        <v>78</v>
      </c>
      <c r="B580" s="51" t="s">
        <v>79</v>
      </c>
      <c r="C580" s="61">
        <v>310869621</v>
      </c>
      <c r="D580" s="62">
        <v>211</v>
      </c>
      <c r="E580" s="51">
        <v>202403</v>
      </c>
      <c r="F580" s="51" t="s">
        <v>38</v>
      </c>
      <c r="G580" s="51" t="s">
        <v>97</v>
      </c>
      <c r="H580" s="51" t="s">
        <v>82</v>
      </c>
      <c r="I580" s="50">
        <v>4.7</v>
      </c>
    </row>
    <row r="581" spans="1:9" x14ac:dyDescent="0.35">
      <c r="A581" s="52" t="s">
        <v>78</v>
      </c>
      <c r="B581" s="51" t="s">
        <v>79</v>
      </c>
      <c r="C581" s="61">
        <v>313502107</v>
      </c>
      <c r="D581" s="62">
        <v>211</v>
      </c>
      <c r="E581" s="51">
        <v>202403</v>
      </c>
      <c r="F581" s="51" t="s">
        <v>38</v>
      </c>
      <c r="G581" s="51" t="s">
        <v>97</v>
      </c>
      <c r="H581" s="51" t="s">
        <v>82</v>
      </c>
      <c r="I581" s="50">
        <v>4.7</v>
      </c>
    </row>
    <row r="582" spans="1:9" x14ac:dyDescent="0.35">
      <c r="A582" s="52" t="s">
        <v>78</v>
      </c>
      <c r="B582" s="51" t="s">
        <v>79</v>
      </c>
      <c r="C582" s="61">
        <v>314303186</v>
      </c>
      <c r="D582" s="62">
        <v>211</v>
      </c>
      <c r="E582" s="51">
        <v>202403</v>
      </c>
      <c r="F582" s="51" t="s">
        <v>38</v>
      </c>
      <c r="G582" s="51" t="s">
        <v>97</v>
      </c>
      <c r="H582" s="51" t="s">
        <v>82</v>
      </c>
      <c r="I582" s="50">
        <v>4.7</v>
      </c>
    </row>
    <row r="583" spans="1:9" x14ac:dyDescent="0.35">
      <c r="A583" s="52" t="s">
        <v>78</v>
      </c>
      <c r="B583" s="51" t="s">
        <v>79</v>
      </c>
      <c r="C583" s="61">
        <v>317801850</v>
      </c>
      <c r="D583" s="62">
        <v>211</v>
      </c>
      <c r="E583" s="51">
        <v>202403</v>
      </c>
      <c r="F583" s="51" t="s">
        <v>38</v>
      </c>
      <c r="G583" s="51" t="s">
        <v>97</v>
      </c>
      <c r="H583" s="51" t="s">
        <v>82</v>
      </c>
      <c r="I583" s="50">
        <v>4.7</v>
      </c>
    </row>
    <row r="584" spans="1:9" x14ac:dyDescent="0.35">
      <c r="A584" s="52" t="s">
        <v>78</v>
      </c>
      <c r="B584" s="51" t="s">
        <v>79</v>
      </c>
      <c r="C584" s="61">
        <v>337992591</v>
      </c>
      <c r="D584" s="62">
        <v>211</v>
      </c>
      <c r="E584" s="51">
        <v>202403</v>
      </c>
      <c r="F584" s="51" t="s">
        <v>38</v>
      </c>
      <c r="G584" s="51" t="s">
        <v>97</v>
      </c>
      <c r="H584" s="51" t="s">
        <v>82</v>
      </c>
      <c r="I584" s="50">
        <v>4.7</v>
      </c>
    </row>
    <row r="585" spans="1:9" x14ac:dyDescent="0.35">
      <c r="A585" s="52" t="s">
        <v>78</v>
      </c>
      <c r="B585" s="51" t="s">
        <v>79</v>
      </c>
      <c r="C585" s="61">
        <v>339167375</v>
      </c>
      <c r="D585" s="62">
        <v>211</v>
      </c>
      <c r="E585" s="51">
        <v>202403</v>
      </c>
      <c r="F585" s="51" t="s">
        <v>38</v>
      </c>
      <c r="G585" s="51" t="s">
        <v>97</v>
      </c>
      <c r="H585" s="51" t="s">
        <v>82</v>
      </c>
      <c r="I585" s="50">
        <v>4.7</v>
      </c>
    </row>
    <row r="586" spans="1:9" x14ac:dyDescent="0.35">
      <c r="A586" s="52" t="s">
        <v>78</v>
      </c>
      <c r="B586" s="51" t="s">
        <v>79</v>
      </c>
      <c r="C586" s="61">
        <v>339800333</v>
      </c>
      <c r="D586" s="62">
        <v>211</v>
      </c>
      <c r="E586" s="51">
        <v>202403</v>
      </c>
      <c r="F586" s="51" t="s">
        <v>38</v>
      </c>
      <c r="G586" s="51" t="s">
        <v>97</v>
      </c>
      <c r="H586" s="51" t="s">
        <v>82</v>
      </c>
      <c r="I586" s="50">
        <v>4.7</v>
      </c>
    </row>
    <row r="587" spans="1:9" x14ac:dyDescent="0.35">
      <c r="A587" s="52" t="s">
        <v>78</v>
      </c>
      <c r="B587" s="51" t="s">
        <v>79</v>
      </c>
      <c r="C587" s="61">
        <v>343190131</v>
      </c>
      <c r="D587" s="62">
        <v>211</v>
      </c>
      <c r="E587" s="51">
        <v>202403</v>
      </c>
      <c r="F587" s="51" t="s">
        <v>38</v>
      </c>
      <c r="G587" s="51" t="s">
        <v>97</v>
      </c>
      <c r="H587" s="51" t="s">
        <v>82</v>
      </c>
      <c r="I587" s="50">
        <v>4.7</v>
      </c>
    </row>
    <row r="588" spans="1:9" x14ac:dyDescent="0.35">
      <c r="A588" s="52" t="s">
        <v>78</v>
      </c>
      <c r="B588" s="51" t="s">
        <v>79</v>
      </c>
      <c r="C588" s="61">
        <v>345096791</v>
      </c>
      <c r="D588" s="62">
        <v>211</v>
      </c>
      <c r="E588" s="51">
        <v>202403</v>
      </c>
      <c r="F588" s="51" t="s">
        <v>38</v>
      </c>
      <c r="G588" s="51" t="s">
        <v>97</v>
      </c>
      <c r="H588" s="51" t="s">
        <v>82</v>
      </c>
      <c r="I588" s="50">
        <v>4.7</v>
      </c>
    </row>
    <row r="589" spans="1:9" x14ac:dyDescent="0.35">
      <c r="A589" s="52" t="s">
        <v>78</v>
      </c>
      <c r="B589" s="51" t="s">
        <v>79</v>
      </c>
      <c r="C589" s="61">
        <v>345603304</v>
      </c>
      <c r="D589" s="62">
        <v>211</v>
      </c>
      <c r="E589" s="51">
        <v>202403</v>
      </c>
      <c r="F589" s="51" t="s">
        <v>38</v>
      </c>
      <c r="G589" s="51" t="s">
        <v>97</v>
      </c>
      <c r="H589" s="51" t="s">
        <v>82</v>
      </c>
      <c r="I589" s="50">
        <v>4.7</v>
      </c>
    </row>
    <row r="590" spans="1:9" x14ac:dyDescent="0.35">
      <c r="A590" s="52" t="s">
        <v>78</v>
      </c>
      <c r="B590" s="51" t="s">
        <v>79</v>
      </c>
      <c r="C590" s="61">
        <v>348466590</v>
      </c>
      <c r="D590" s="62">
        <v>211</v>
      </c>
      <c r="E590" s="51">
        <v>202403</v>
      </c>
      <c r="F590" s="51" t="s">
        <v>38</v>
      </c>
      <c r="G590" s="51" t="s">
        <v>97</v>
      </c>
      <c r="H590" s="51" t="s">
        <v>82</v>
      </c>
      <c r="I590" s="50">
        <v>4.7</v>
      </c>
    </row>
    <row r="591" spans="1:9" x14ac:dyDescent="0.35">
      <c r="A591" s="52" t="s">
        <v>78</v>
      </c>
      <c r="B591" s="51" t="s">
        <v>79</v>
      </c>
      <c r="C591" s="61">
        <v>361995520</v>
      </c>
      <c r="D591" s="62">
        <v>211</v>
      </c>
      <c r="E591" s="51">
        <v>202403</v>
      </c>
      <c r="F591" s="51" t="s">
        <v>38</v>
      </c>
      <c r="G591" s="51" t="s">
        <v>97</v>
      </c>
      <c r="H591" s="51" t="s">
        <v>82</v>
      </c>
      <c r="I591" s="50">
        <v>124</v>
      </c>
    </row>
    <row r="592" spans="1:9" x14ac:dyDescent="0.35">
      <c r="A592" s="52" t="s">
        <v>78</v>
      </c>
      <c r="B592" s="51" t="s">
        <v>79</v>
      </c>
      <c r="C592" s="61">
        <v>363646221</v>
      </c>
      <c r="D592" s="62">
        <v>211</v>
      </c>
      <c r="E592" s="51">
        <v>202403</v>
      </c>
      <c r="F592" s="51" t="s">
        <v>38</v>
      </c>
      <c r="G592" s="51" t="s">
        <v>97</v>
      </c>
      <c r="H592" s="51" t="s">
        <v>82</v>
      </c>
      <c r="I592" s="50">
        <v>4.7</v>
      </c>
    </row>
    <row r="593" spans="1:9" x14ac:dyDescent="0.35">
      <c r="A593" s="52" t="s">
        <v>78</v>
      </c>
      <c r="B593" s="51" t="s">
        <v>79</v>
      </c>
      <c r="C593" s="61">
        <v>374174760</v>
      </c>
      <c r="D593" s="62">
        <v>211</v>
      </c>
      <c r="E593" s="51">
        <v>202403</v>
      </c>
      <c r="F593" s="51" t="s">
        <v>38</v>
      </c>
      <c r="G593" s="51" t="s">
        <v>97</v>
      </c>
      <c r="H593" s="51" t="s">
        <v>82</v>
      </c>
      <c r="I593" s="50">
        <v>4.7</v>
      </c>
    </row>
    <row r="594" spans="1:9" x14ac:dyDescent="0.35">
      <c r="A594" s="52" t="s">
        <v>78</v>
      </c>
      <c r="B594" s="51" t="s">
        <v>79</v>
      </c>
      <c r="C594" s="61">
        <v>378920271</v>
      </c>
      <c r="D594" s="62">
        <v>211</v>
      </c>
      <c r="E594" s="51">
        <v>202403</v>
      </c>
      <c r="F594" s="51" t="s">
        <v>38</v>
      </c>
      <c r="G594" s="51" t="s">
        <v>97</v>
      </c>
      <c r="H594" s="51" t="s">
        <v>82</v>
      </c>
      <c r="I594" s="50">
        <v>4.7</v>
      </c>
    </row>
    <row r="595" spans="1:9" x14ac:dyDescent="0.35">
      <c r="A595" s="52" t="s">
        <v>78</v>
      </c>
      <c r="B595" s="51" t="s">
        <v>79</v>
      </c>
      <c r="C595" s="61">
        <v>380804624</v>
      </c>
      <c r="D595" s="62">
        <v>211</v>
      </c>
      <c r="E595" s="51">
        <v>202403</v>
      </c>
      <c r="F595" s="51" t="s">
        <v>38</v>
      </c>
      <c r="G595" s="51" t="s">
        <v>97</v>
      </c>
      <c r="H595" s="51" t="s">
        <v>82</v>
      </c>
      <c r="I595" s="50">
        <v>4.7</v>
      </c>
    </row>
    <row r="596" spans="1:9" x14ac:dyDescent="0.35">
      <c r="A596" s="52" t="s">
        <v>78</v>
      </c>
      <c r="B596" s="51" t="s">
        <v>79</v>
      </c>
      <c r="C596" s="61">
        <v>381100959</v>
      </c>
      <c r="D596" s="62">
        <v>211</v>
      </c>
      <c r="E596" s="51">
        <v>202403</v>
      </c>
      <c r="F596" s="51" t="s">
        <v>38</v>
      </c>
      <c r="G596" s="51" t="s">
        <v>97</v>
      </c>
      <c r="H596" s="51" t="s">
        <v>82</v>
      </c>
      <c r="I596" s="50">
        <v>4.7</v>
      </c>
    </row>
    <row r="597" spans="1:9" x14ac:dyDescent="0.35">
      <c r="A597" s="52" t="s">
        <v>78</v>
      </c>
      <c r="B597" s="51" t="s">
        <v>79</v>
      </c>
      <c r="C597" s="61">
        <v>384877491</v>
      </c>
      <c r="D597" s="62">
        <v>211</v>
      </c>
      <c r="E597" s="51">
        <v>202403</v>
      </c>
      <c r="F597" s="51" t="s">
        <v>38</v>
      </c>
      <c r="G597" s="51" t="s">
        <v>97</v>
      </c>
      <c r="H597" s="51" t="s">
        <v>82</v>
      </c>
      <c r="I597" s="50">
        <v>4.7</v>
      </c>
    </row>
    <row r="598" spans="1:9" x14ac:dyDescent="0.35">
      <c r="A598" s="52" t="s">
        <v>78</v>
      </c>
      <c r="B598" s="51" t="s">
        <v>79</v>
      </c>
      <c r="C598" s="61">
        <v>385766450</v>
      </c>
      <c r="D598" s="62">
        <v>211</v>
      </c>
      <c r="E598" s="51">
        <v>202403</v>
      </c>
      <c r="F598" s="51" t="s">
        <v>38</v>
      </c>
      <c r="G598" s="51" t="s">
        <v>97</v>
      </c>
      <c r="H598" s="51" t="s">
        <v>82</v>
      </c>
      <c r="I598" s="50">
        <v>124</v>
      </c>
    </row>
    <row r="599" spans="1:9" x14ac:dyDescent="0.35">
      <c r="A599" s="52" t="s">
        <v>78</v>
      </c>
      <c r="B599" s="51" t="s">
        <v>79</v>
      </c>
      <c r="C599" s="61">
        <v>391402144</v>
      </c>
      <c r="D599" s="62">
        <v>211</v>
      </c>
      <c r="E599" s="51">
        <v>202403</v>
      </c>
      <c r="F599" s="51" t="s">
        <v>38</v>
      </c>
      <c r="G599" s="51" t="s">
        <v>97</v>
      </c>
      <c r="H599" s="51" t="s">
        <v>82</v>
      </c>
      <c r="I599" s="50">
        <v>4.7</v>
      </c>
    </row>
    <row r="600" spans="1:9" x14ac:dyDescent="0.35">
      <c r="A600" s="52" t="s">
        <v>78</v>
      </c>
      <c r="B600" s="51" t="s">
        <v>79</v>
      </c>
      <c r="C600" s="61">
        <v>395103871</v>
      </c>
      <c r="D600" s="62">
        <v>211</v>
      </c>
      <c r="E600" s="51">
        <v>202403</v>
      </c>
      <c r="F600" s="51" t="s">
        <v>38</v>
      </c>
      <c r="G600" s="51" t="s">
        <v>97</v>
      </c>
      <c r="H600" s="51" t="s">
        <v>82</v>
      </c>
      <c r="I600" s="50">
        <v>4.7</v>
      </c>
    </row>
    <row r="601" spans="1:9" x14ac:dyDescent="0.35">
      <c r="A601" s="52" t="s">
        <v>78</v>
      </c>
      <c r="B601" s="51" t="s">
        <v>79</v>
      </c>
      <c r="C601" s="61">
        <v>301043830</v>
      </c>
      <c r="D601" s="62">
        <v>212</v>
      </c>
      <c r="E601" s="51">
        <v>202403</v>
      </c>
      <c r="F601" s="51" t="s">
        <v>38</v>
      </c>
      <c r="G601" s="51" t="s">
        <v>97</v>
      </c>
      <c r="H601" s="51" t="s">
        <v>82</v>
      </c>
      <c r="I601" s="50">
        <v>30</v>
      </c>
    </row>
    <row r="602" spans="1:9" x14ac:dyDescent="0.35">
      <c r="A602" s="52" t="s">
        <v>78</v>
      </c>
      <c r="B602" s="51" t="s">
        <v>79</v>
      </c>
      <c r="C602" s="61">
        <v>301338580</v>
      </c>
      <c r="D602" s="62">
        <v>212</v>
      </c>
      <c r="E602" s="51">
        <v>202403</v>
      </c>
      <c r="F602" s="51" t="s">
        <v>38</v>
      </c>
      <c r="G602" s="51" t="s">
        <v>97</v>
      </c>
      <c r="H602" s="51" t="s">
        <v>82</v>
      </c>
      <c r="I602" s="50">
        <v>4.7</v>
      </c>
    </row>
    <row r="603" spans="1:9" x14ac:dyDescent="0.35">
      <c r="A603" s="52" t="s">
        <v>78</v>
      </c>
      <c r="B603" s="51" t="s">
        <v>79</v>
      </c>
      <c r="C603" s="61">
        <v>309155073</v>
      </c>
      <c r="D603" s="62">
        <v>230</v>
      </c>
      <c r="E603" s="51">
        <v>202403</v>
      </c>
      <c r="F603" s="51" t="s">
        <v>38</v>
      </c>
      <c r="G603" s="51" t="s">
        <v>97</v>
      </c>
      <c r="H603" s="51" t="s">
        <v>82</v>
      </c>
      <c r="I603" s="50">
        <v>4.7</v>
      </c>
    </row>
    <row r="604" spans="1:9" x14ac:dyDescent="0.35">
      <c r="A604" s="52" t="s">
        <v>78</v>
      </c>
      <c r="B604" s="51" t="s">
        <v>79</v>
      </c>
      <c r="C604" s="61">
        <v>301800180</v>
      </c>
      <c r="D604" s="62">
        <v>10</v>
      </c>
      <c r="E604" s="51">
        <v>202404</v>
      </c>
      <c r="F604" s="51" t="s">
        <v>38</v>
      </c>
      <c r="G604" s="51" t="s">
        <v>97</v>
      </c>
      <c r="H604" s="51" t="s">
        <v>82</v>
      </c>
      <c r="I604" s="50">
        <v>95</v>
      </c>
    </row>
    <row r="605" spans="1:9" x14ac:dyDescent="0.35">
      <c r="A605" s="52" t="s">
        <v>78</v>
      </c>
      <c r="B605" s="51" t="s">
        <v>79</v>
      </c>
      <c r="C605" s="61">
        <v>301800266</v>
      </c>
      <c r="D605" s="62">
        <v>10</v>
      </c>
      <c r="E605" s="51">
        <v>202404</v>
      </c>
      <c r="F605" s="51" t="s">
        <v>38</v>
      </c>
      <c r="G605" s="51" t="s">
        <v>97</v>
      </c>
      <c r="H605" s="51" t="s">
        <v>82</v>
      </c>
      <c r="I605" s="50">
        <v>4.7</v>
      </c>
    </row>
    <row r="606" spans="1:9" x14ac:dyDescent="0.35">
      <c r="A606" s="52" t="s">
        <v>78</v>
      </c>
      <c r="B606" s="51" t="s">
        <v>79</v>
      </c>
      <c r="C606" s="61">
        <v>302402250</v>
      </c>
      <c r="D606" s="62">
        <v>10</v>
      </c>
      <c r="E606" s="51">
        <v>202404</v>
      </c>
      <c r="F606" s="51" t="s">
        <v>38</v>
      </c>
      <c r="G606" s="51" t="s">
        <v>97</v>
      </c>
      <c r="H606" s="51" t="s">
        <v>82</v>
      </c>
      <c r="I606" s="50">
        <v>4.7</v>
      </c>
    </row>
    <row r="607" spans="1:9" x14ac:dyDescent="0.35">
      <c r="A607" s="52" t="s">
        <v>78</v>
      </c>
      <c r="B607" s="51" t="s">
        <v>79</v>
      </c>
      <c r="C607" s="61">
        <v>302605415</v>
      </c>
      <c r="D607" s="62">
        <v>10</v>
      </c>
      <c r="E607" s="51">
        <v>202404</v>
      </c>
      <c r="F607" s="51" t="s">
        <v>38</v>
      </c>
      <c r="G607" s="51" t="s">
        <v>97</v>
      </c>
      <c r="H607" s="51" t="s">
        <v>82</v>
      </c>
      <c r="I607" s="50">
        <v>95</v>
      </c>
    </row>
    <row r="608" spans="1:9" x14ac:dyDescent="0.35">
      <c r="A608" s="52" t="s">
        <v>78</v>
      </c>
      <c r="B608" s="51" t="s">
        <v>79</v>
      </c>
      <c r="C608" s="61">
        <v>307302610</v>
      </c>
      <c r="D608" s="62">
        <v>10</v>
      </c>
      <c r="E608" s="51">
        <v>202404</v>
      </c>
      <c r="F608" s="51" t="s">
        <v>38</v>
      </c>
      <c r="G608" s="51" t="s">
        <v>97</v>
      </c>
      <c r="H608" s="51" t="s">
        <v>82</v>
      </c>
      <c r="I608" s="50">
        <v>95</v>
      </c>
    </row>
    <row r="609" spans="1:9" x14ac:dyDescent="0.35">
      <c r="A609" s="52" t="s">
        <v>78</v>
      </c>
      <c r="B609" s="51" t="s">
        <v>79</v>
      </c>
      <c r="C609" s="61">
        <v>307314932</v>
      </c>
      <c r="D609" s="62">
        <v>10</v>
      </c>
      <c r="E609" s="51">
        <v>202404</v>
      </c>
      <c r="F609" s="51" t="s">
        <v>38</v>
      </c>
      <c r="G609" s="51" t="s">
        <v>97</v>
      </c>
      <c r="H609" s="51" t="s">
        <v>82</v>
      </c>
      <c r="I609" s="50">
        <v>4.7</v>
      </c>
    </row>
    <row r="610" spans="1:9" x14ac:dyDescent="0.35">
      <c r="A610" s="52" t="s">
        <v>78</v>
      </c>
      <c r="B610" s="51" t="s">
        <v>79</v>
      </c>
      <c r="C610" s="61">
        <v>307500041</v>
      </c>
      <c r="D610" s="62">
        <v>10</v>
      </c>
      <c r="E610" s="51">
        <v>202404</v>
      </c>
      <c r="F610" s="51" t="s">
        <v>38</v>
      </c>
      <c r="G610" s="51" t="s">
        <v>97</v>
      </c>
      <c r="H610" s="51" t="s">
        <v>82</v>
      </c>
      <c r="I610" s="50">
        <v>4.7</v>
      </c>
    </row>
    <row r="611" spans="1:9" x14ac:dyDescent="0.35">
      <c r="A611" s="52" t="s">
        <v>78</v>
      </c>
      <c r="B611" s="51" t="s">
        <v>79</v>
      </c>
      <c r="C611" s="61">
        <v>308904630</v>
      </c>
      <c r="D611" s="62">
        <v>10</v>
      </c>
      <c r="E611" s="51">
        <v>202404</v>
      </c>
      <c r="F611" s="51" t="s">
        <v>38</v>
      </c>
      <c r="G611" s="51" t="s">
        <v>97</v>
      </c>
      <c r="H611" s="51" t="s">
        <v>82</v>
      </c>
      <c r="I611" s="50">
        <v>4.7</v>
      </c>
    </row>
    <row r="612" spans="1:9" x14ac:dyDescent="0.35">
      <c r="A612" s="52" t="s">
        <v>78</v>
      </c>
      <c r="B612" s="51" t="s">
        <v>79</v>
      </c>
      <c r="C612" s="61">
        <v>309885376</v>
      </c>
      <c r="D612" s="62">
        <v>10</v>
      </c>
      <c r="E612" s="51">
        <v>202404</v>
      </c>
      <c r="F612" s="51" t="s">
        <v>38</v>
      </c>
      <c r="G612" s="51" t="s">
        <v>97</v>
      </c>
      <c r="H612" s="51" t="s">
        <v>82</v>
      </c>
      <c r="I612" s="50">
        <v>95</v>
      </c>
    </row>
    <row r="613" spans="1:9" x14ac:dyDescent="0.35">
      <c r="A613" s="52" t="s">
        <v>78</v>
      </c>
      <c r="B613" s="51" t="s">
        <v>79</v>
      </c>
      <c r="C613" s="61">
        <v>312001771</v>
      </c>
      <c r="D613" s="62">
        <v>10</v>
      </c>
      <c r="E613" s="51">
        <v>202404</v>
      </c>
      <c r="F613" s="51" t="s">
        <v>38</v>
      </c>
      <c r="G613" s="51" t="s">
        <v>97</v>
      </c>
      <c r="H613" s="51" t="s">
        <v>82</v>
      </c>
      <c r="I613" s="50">
        <v>4.7</v>
      </c>
    </row>
    <row r="614" spans="1:9" x14ac:dyDescent="0.35">
      <c r="A614" s="52" t="s">
        <v>78</v>
      </c>
      <c r="B614" s="51" t="s">
        <v>79</v>
      </c>
      <c r="C614" s="61">
        <v>312795434</v>
      </c>
      <c r="D614" s="62">
        <v>10</v>
      </c>
      <c r="E614" s="51">
        <v>202404</v>
      </c>
      <c r="F614" s="51" t="s">
        <v>38</v>
      </c>
      <c r="G614" s="51" t="s">
        <v>97</v>
      </c>
      <c r="H614" s="51" t="s">
        <v>82</v>
      </c>
      <c r="I614" s="50">
        <v>95</v>
      </c>
    </row>
    <row r="615" spans="1:9" x14ac:dyDescent="0.35">
      <c r="A615" s="52" t="s">
        <v>78</v>
      </c>
      <c r="B615" s="51" t="s">
        <v>79</v>
      </c>
      <c r="C615" s="61">
        <v>314951530</v>
      </c>
      <c r="D615" s="62">
        <v>10</v>
      </c>
      <c r="E615" s="51">
        <v>202404</v>
      </c>
      <c r="F615" s="51" t="s">
        <v>38</v>
      </c>
      <c r="G615" s="51" t="s">
        <v>97</v>
      </c>
      <c r="H615" s="51" t="s">
        <v>82</v>
      </c>
      <c r="I615" s="50">
        <v>4.7</v>
      </c>
    </row>
    <row r="616" spans="1:9" x14ac:dyDescent="0.35">
      <c r="A616" s="52" t="s">
        <v>78</v>
      </c>
      <c r="B616" s="51" t="s">
        <v>79</v>
      </c>
      <c r="C616" s="61">
        <v>315405174</v>
      </c>
      <c r="D616" s="62">
        <v>10</v>
      </c>
      <c r="E616" s="51">
        <v>202404</v>
      </c>
      <c r="F616" s="51" t="s">
        <v>38</v>
      </c>
      <c r="G616" s="51" t="s">
        <v>97</v>
      </c>
      <c r="H616" s="51" t="s">
        <v>82</v>
      </c>
      <c r="I616" s="50">
        <v>4.7</v>
      </c>
    </row>
    <row r="617" spans="1:9" x14ac:dyDescent="0.35">
      <c r="A617" s="52" t="s">
        <v>78</v>
      </c>
      <c r="B617" s="51" t="s">
        <v>79</v>
      </c>
      <c r="C617" s="61">
        <v>317202546</v>
      </c>
      <c r="D617" s="62">
        <v>10</v>
      </c>
      <c r="E617" s="51">
        <v>202404</v>
      </c>
      <c r="F617" s="51" t="s">
        <v>38</v>
      </c>
      <c r="G617" s="51" t="s">
        <v>97</v>
      </c>
      <c r="H617" s="51" t="s">
        <v>82</v>
      </c>
      <c r="I617" s="50">
        <v>4.7</v>
      </c>
    </row>
    <row r="618" spans="1:9" x14ac:dyDescent="0.35">
      <c r="A618" s="52" t="s">
        <v>78</v>
      </c>
      <c r="B618" s="51" t="s">
        <v>79</v>
      </c>
      <c r="C618" s="61">
        <v>317800400</v>
      </c>
      <c r="D618" s="62">
        <v>10</v>
      </c>
      <c r="E618" s="51">
        <v>202404</v>
      </c>
      <c r="F618" s="51" t="s">
        <v>38</v>
      </c>
      <c r="G618" s="51" t="s">
        <v>97</v>
      </c>
      <c r="H618" s="51" t="s">
        <v>82</v>
      </c>
      <c r="I618" s="50">
        <v>4.7</v>
      </c>
    </row>
    <row r="619" spans="1:9" x14ac:dyDescent="0.35">
      <c r="A619" s="52" t="s">
        <v>78</v>
      </c>
      <c r="B619" s="51" t="s">
        <v>79</v>
      </c>
      <c r="C619" s="61">
        <v>318803680</v>
      </c>
      <c r="D619" s="62">
        <v>10</v>
      </c>
      <c r="E619" s="51">
        <v>202404</v>
      </c>
      <c r="F619" s="51" t="s">
        <v>38</v>
      </c>
      <c r="G619" s="51" t="s">
        <v>97</v>
      </c>
      <c r="H619" s="51" t="s">
        <v>82</v>
      </c>
      <c r="I619" s="50">
        <v>4.7</v>
      </c>
    </row>
    <row r="620" spans="1:9" x14ac:dyDescent="0.35">
      <c r="A620" s="52" t="s">
        <v>78</v>
      </c>
      <c r="B620" s="51" t="s">
        <v>79</v>
      </c>
      <c r="C620" s="61">
        <v>318900547</v>
      </c>
      <c r="D620" s="62">
        <v>10</v>
      </c>
      <c r="E620" s="51">
        <v>202404</v>
      </c>
      <c r="F620" s="51" t="s">
        <v>38</v>
      </c>
      <c r="G620" s="51" t="s">
        <v>97</v>
      </c>
      <c r="H620" s="51" t="s">
        <v>82</v>
      </c>
      <c r="I620" s="50">
        <v>30</v>
      </c>
    </row>
    <row r="621" spans="1:9" x14ac:dyDescent="0.35">
      <c r="A621" s="52" t="s">
        <v>78</v>
      </c>
      <c r="B621" s="51" t="s">
        <v>79</v>
      </c>
      <c r="C621" s="61">
        <v>319402803</v>
      </c>
      <c r="D621" s="62">
        <v>10</v>
      </c>
      <c r="E621" s="51">
        <v>202404</v>
      </c>
      <c r="F621" s="51" t="s">
        <v>38</v>
      </c>
      <c r="G621" s="51" t="s">
        <v>97</v>
      </c>
      <c r="H621" s="51" t="s">
        <v>82</v>
      </c>
      <c r="I621" s="50">
        <v>4.7</v>
      </c>
    </row>
    <row r="622" spans="1:9" x14ac:dyDescent="0.35">
      <c r="A622" s="52" t="s">
        <v>78</v>
      </c>
      <c r="B622" s="51" t="s">
        <v>79</v>
      </c>
      <c r="C622" s="61">
        <v>319900578</v>
      </c>
      <c r="D622" s="62">
        <v>10</v>
      </c>
      <c r="E622" s="51">
        <v>202404</v>
      </c>
      <c r="F622" s="51" t="s">
        <v>38</v>
      </c>
      <c r="G622" s="51" t="s">
        <v>97</v>
      </c>
      <c r="H622" s="51" t="s">
        <v>82</v>
      </c>
      <c r="I622" s="50">
        <v>4.7</v>
      </c>
    </row>
    <row r="623" spans="1:9" x14ac:dyDescent="0.35">
      <c r="A623" s="52" t="s">
        <v>78</v>
      </c>
      <c r="B623" s="51" t="s">
        <v>79</v>
      </c>
      <c r="C623" s="61">
        <v>320104231</v>
      </c>
      <c r="D623" s="62">
        <v>10</v>
      </c>
      <c r="E623" s="51">
        <v>202404</v>
      </c>
      <c r="F623" s="51" t="s">
        <v>38</v>
      </c>
      <c r="G623" s="51" t="s">
        <v>97</v>
      </c>
      <c r="H623" s="51" t="s">
        <v>82</v>
      </c>
      <c r="I623" s="50">
        <v>95</v>
      </c>
    </row>
    <row r="624" spans="1:9" x14ac:dyDescent="0.35">
      <c r="A624" s="52" t="s">
        <v>78</v>
      </c>
      <c r="B624" s="51" t="s">
        <v>79</v>
      </c>
      <c r="C624" s="61">
        <v>320610059</v>
      </c>
      <c r="D624" s="62">
        <v>10</v>
      </c>
      <c r="E624" s="51">
        <v>202404</v>
      </c>
      <c r="F624" s="51" t="s">
        <v>38</v>
      </c>
      <c r="G624" s="51" t="s">
        <v>97</v>
      </c>
      <c r="H624" s="51" t="s">
        <v>82</v>
      </c>
      <c r="I624" s="50">
        <v>4.7</v>
      </c>
    </row>
    <row r="625" spans="1:9" x14ac:dyDescent="0.35">
      <c r="A625" s="52" t="s">
        <v>78</v>
      </c>
      <c r="B625" s="51" t="s">
        <v>79</v>
      </c>
      <c r="C625" s="61">
        <v>323001480</v>
      </c>
      <c r="D625" s="62">
        <v>10</v>
      </c>
      <c r="E625" s="51">
        <v>202404</v>
      </c>
      <c r="F625" s="51" t="s">
        <v>38</v>
      </c>
      <c r="G625" s="51" t="s">
        <v>97</v>
      </c>
      <c r="H625" s="51" t="s">
        <v>82</v>
      </c>
      <c r="I625" s="50">
        <v>4.7</v>
      </c>
    </row>
    <row r="626" spans="1:9" x14ac:dyDescent="0.35">
      <c r="A626" s="52" t="s">
        <v>78</v>
      </c>
      <c r="B626" s="51" t="s">
        <v>79</v>
      </c>
      <c r="C626" s="61">
        <v>323100701</v>
      </c>
      <c r="D626" s="62">
        <v>10</v>
      </c>
      <c r="E626" s="51">
        <v>202404</v>
      </c>
      <c r="F626" s="51" t="s">
        <v>38</v>
      </c>
      <c r="G626" s="51" t="s">
        <v>97</v>
      </c>
      <c r="H626" s="51" t="s">
        <v>82</v>
      </c>
      <c r="I626" s="50">
        <v>4.7</v>
      </c>
    </row>
    <row r="627" spans="1:9" x14ac:dyDescent="0.35">
      <c r="A627" s="52" t="s">
        <v>78</v>
      </c>
      <c r="B627" s="51" t="s">
        <v>79</v>
      </c>
      <c r="C627" s="61">
        <v>325604073</v>
      </c>
      <c r="D627" s="62">
        <v>10</v>
      </c>
      <c r="E627" s="51">
        <v>202404</v>
      </c>
      <c r="F627" s="51" t="s">
        <v>38</v>
      </c>
      <c r="G627" s="51" t="s">
        <v>97</v>
      </c>
      <c r="H627" s="51" t="s">
        <v>82</v>
      </c>
      <c r="I627" s="50">
        <v>4.7</v>
      </c>
    </row>
    <row r="628" spans="1:9" x14ac:dyDescent="0.35">
      <c r="A628" s="52" t="s">
        <v>78</v>
      </c>
      <c r="B628" s="51" t="s">
        <v>79</v>
      </c>
      <c r="C628" s="61">
        <v>325802876</v>
      </c>
      <c r="D628" s="62">
        <v>10</v>
      </c>
      <c r="E628" s="51">
        <v>202404</v>
      </c>
      <c r="F628" s="51" t="s">
        <v>38</v>
      </c>
      <c r="G628" s="51" t="s">
        <v>97</v>
      </c>
      <c r="H628" s="51" t="s">
        <v>82</v>
      </c>
      <c r="I628" s="50">
        <v>4.7</v>
      </c>
    </row>
    <row r="629" spans="1:9" x14ac:dyDescent="0.35">
      <c r="A629" s="52" t="s">
        <v>78</v>
      </c>
      <c r="B629" s="51" t="s">
        <v>79</v>
      </c>
      <c r="C629" s="61">
        <v>327001268</v>
      </c>
      <c r="D629" s="62">
        <v>10</v>
      </c>
      <c r="E629" s="51">
        <v>202404</v>
      </c>
      <c r="F629" s="51" t="s">
        <v>38</v>
      </c>
      <c r="G629" s="51" t="s">
        <v>97</v>
      </c>
      <c r="H629" s="51" t="s">
        <v>82</v>
      </c>
      <c r="I629" s="50">
        <v>4.7</v>
      </c>
    </row>
    <row r="630" spans="1:9" x14ac:dyDescent="0.35">
      <c r="A630" s="52" t="s">
        <v>78</v>
      </c>
      <c r="B630" s="51" t="s">
        <v>79</v>
      </c>
      <c r="C630" s="61">
        <v>327137422</v>
      </c>
      <c r="D630" s="62">
        <v>10</v>
      </c>
      <c r="E630" s="51">
        <v>202404</v>
      </c>
      <c r="F630" s="51" t="s">
        <v>38</v>
      </c>
      <c r="G630" s="51" t="s">
        <v>97</v>
      </c>
      <c r="H630" s="51" t="s">
        <v>82</v>
      </c>
      <c r="I630" s="50">
        <v>4.7</v>
      </c>
    </row>
    <row r="631" spans="1:9" x14ac:dyDescent="0.35">
      <c r="A631" s="52" t="s">
        <v>78</v>
      </c>
      <c r="B631" s="51" t="s">
        <v>79</v>
      </c>
      <c r="C631" s="61">
        <v>328775490</v>
      </c>
      <c r="D631" s="62">
        <v>10</v>
      </c>
      <c r="E631" s="51">
        <v>202404</v>
      </c>
      <c r="F631" s="51" t="s">
        <v>38</v>
      </c>
      <c r="G631" s="51" t="s">
        <v>97</v>
      </c>
      <c r="H631" s="51" t="s">
        <v>82</v>
      </c>
      <c r="I631" s="50">
        <v>30</v>
      </c>
    </row>
    <row r="632" spans="1:9" x14ac:dyDescent="0.35">
      <c r="A632" s="52" t="s">
        <v>78</v>
      </c>
      <c r="B632" s="51" t="s">
        <v>79</v>
      </c>
      <c r="C632" s="61">
        <v>330701975</v>
      </c>
      <c r="D632" s="62">
        <v>10</v>
      </c>
      <c r="E632" s="51">
        <v>202404</v>
      </c>
      <c r="F632" s="51" t="s">
        <v>38</v>
      </c>
      <c r="G632" s="51" t="s">
        <v>97</v>
      </c>
      <c r="H632" s="51" t="s">
        <v>82</v>
      </c>
      <c r="I632" s="50">
        <v>4.7</v>
      </c>
    </row>
    <row r="633" spans="1:9" x14ac:dyDescent="0.35">
      <c r="A633" s="52" t="s">
        <v>78</v>
      </c>
      <c r="B633" s="51" t="s">
        <v>79</v>
      </c>
      <c r="C633" s="61">
        <v>330824580</v>
      </c>
      <c r="D633" s="62">
        <v>10</v>
      </c>
      <c r="E633" s="51">
        <v>202404</v>
      </c>
      <c r="F633" s="51" t="s">
        <v>38</v>
      </c>
      <c r="G633" s="51" t="s">
        <v>97</v>
      </c>
      <c r="H633" s="51" t="s">
        <v>82</v>
      </c>
      <c r="I633" s="50">
        <v>4.7</v>
      </c>
    </row>
    <row r="634" spans="1:9" x14ac:dyDescent="0.35">
      <c r="A634" s="52" t="s">
        <v>78</v>
      </c>
      <c r="B634" s="51" t="s">
        <v>79</v>
      </c>
      <c r="C634" s="61">
        <v>330901651</v>
      </c>
      <c r="D634" s="62">
        <v>10</v>
      </c>
      <c r="E634" s="51">
        <v>202404</v>
      </c>
      <c r="F634" s="51" t="s">
        <v>38</v>
      </c>
      <c r="G634" s="51" t="s">
        <v>97</v>
      </c>
      <c r="H634" s="51" t="s">
        <v>82</v>
      </c>
      <c r="I634" s="50">
        <v>4.7</v>
      </c>
    </row>
    <row r="635" spans="1:9" x14ac:dyDescent="0.35">
      <c r="A635" s="52" t="s">
        <v>78</v>
      </c>
      <c r="B635" s="51" t="s">
        <v>79</v>
      </c>
      <c r="C635" s="61">
        <v>333233392</v>
      </c>
      <c r="D635" s="62">
        <v>10</v>
      </c>
      <c r="E635" s="51">
        <v>202404</v>
      </c>
      <c r="F635" s="51" t="s">
        <v>38</v>
      </c>
      <c r="G635" s="51" t="s">
        <v>97</v>
      </c>
      <c r="H635" s="51" t="s">
        <v>82</v>
      </c>
      <c r="I635" s="50">
        <v>30</v>
      </c>
    </row>
    <row r="636" spans="1:9" x14ac:dyDescent="0.35">
      <c r="A636" s="52" t="s">
        <v>78</v>
      </c>
      <c r="B636" s="51" t="s">
        <v>79</v>
      </c>
      <c r="C636" s="61">
        <v>333405572</v>
      </c>
      <c r="D636" s="62">
        <v>10</v>
      </c>
      <c r="E636" s="51">
        <v>202404</v>
      </c>
      <c r="F636" s="51" t="s">
        <v>38</v>
      </c>
      <c r="G636" s="51" t="s">
        <v>97</v>
      </c>
      <c r="H636" s="51" t="s">
        <v>82</v>
      </c>
      <c r="I636" s="50">
        <v>4.7</v>
      </c>
    </row>
    <row r="637" spans="1:9" x14ac:dyDescent="0.35">
      <c r="A637" s="52" t="s">
        <v>78</v>
      </c>
      <c r="B637" s="51" t="s">
        <v>79</v>
      </c>
      <c r="C637" s="61">
        <v>333419709</v>
      </c>
      <c r="D637" s="62">
        <v>10</v>
      </c>
      <c r="E637" s="51">
        <v>202404</v>
      </c>
      <c r="F637" s="51" t="s">
        <v>38</v>
      </c>
      <c r="G637" s="51" t="s">
        <v>97</v>
      </c>
      <c r="H637" s="51" t="s">
        <v>82</v>
      </c>
      <c r="I637" s="50">
        <v>4.7</v>
      </c>
    </row>
    <row r="638" spans="1:9" x14ac:dyDescent="0.35">
      <c r="A638" s="52" t="s">
        <v>78</v>
      </c>
      <c r="B638" s="51" t="s">
        <v>79</v>
      </c>
      <c r="C638" s="61">
        <v>334502393</v>
      </c>
      <c r="D638" s="62">
        <v>10</v>
      </c>
      <c r="E638" s="51">
        <v>202404</v>
      </c>
      <c r="F638" s="51" t="s">
        <v>38</v>
      </c>
      <c r="G638" s="51" t="s">
        <v>97</v>
      </c>
      <c r="H638" s="51" t="s">
        <v>82</v>
      </c>
      <c r="I638" s="50">
        <v>4.7</v>
      </c>
    </row>
    <row r="639" spans="1:9" x14ac:dyDescent="0.35">
      <c r="A639" s="52" t="s">
        <v>78</v>
      </c>
      <c r="B639" s="51" t="s">
        <v>79</v>
      </c>
      <c r="C639" s="61">
        <v>334601507</v>
      </c>
      <c r="D639" s="62">
        <v>10</v>
      </c>
      <c r="E639" s="51">
        <v>202404</v>
      </c>
      <c r="F639" s="51" t="s">
        <v>38</v>
      </c>
      <c r="G639" s="51" t="s">
        <v>97</v>
      </c>
      <c r="H639" s="51" t="s">
        <v>82</v>
      </c>
      <c r="I639" s="50">
        <v>4.7</v>
      </c>
    </row>
    <row r="640" spans="1:9" x14ac:dyDescent="0.35">
      <c r="A640" s="52" t="s">
        <v>78</v>
      </c>
      <c r="B640" s="51" t="s">
        <v>79</v>
      </c>
      <c r="C640" s="61">
        <v>334700600</v>
      </c>
      <c r="D640" s="62">
        <v>10</v>
      </c>
      <c r="E640" s="51">
        <v>202404</v>
      </c>
      <c r="F640" s="51" t="s">
        <v>38</v>
      </c>
      <c r="G640" s="51" t="s">
        <v>97</v>
      </c>
      <c r="H640" s="51" t="s">
        <v>82</v>
      </c>
      <c r="I640" s="50">
        <v>4.7</v>
      </c>
    </row>
    <row r="641" spans="1:9" x14ac:dyDescent="0.35">
      <c r="A641" s="52" t="s">
        <v>78</v>
      </c>
      <c r="B641" s="51" t="s">
        <v>79</v>
      </c>
      <c r="C641" s="61">
        <v>335217620</v>
      </c>
      <c r="D641" s="62">
        <v>10</v>
      </c>
      <c r="E641" s="51">
        <v>202404</v>
      </c>
      <c r="F641" s="51" t="s">
        <v>38</v>
      </c>
      <c r="G641" s="51" t="s">
        <v>97</v>
      </c>
      <c r="H641" s="51" t="s">
        <v>82</v>
      </c>
      <c r="I641" s="50">
        <v>4.7</v>
      </c>
    </row>
    <row r="642" spans="1:9" x14ac:dyDescent="0.35">
      <c r="A642" s="52" t="s">
        <v>78</v>
      </c>
      <c r="B642" s="51" t="s">
        <v>79</v>
      </c>
      <c r="C642" s="61">
        <v>335903652</v>
      </c>
      <c r="D642" s="62">
        <v>10</v>
      </c>
      <c r="E642" s="51">
        <v>202404</v>
      </c>
      <c r="F642" s="51" t="s">
        <v>38</v>
      </c>
      <c r="G642" s="51" t="s">
        <v>97</v>
      </c>
      <c r="H642" s="51" t="s">
        <v>82</v>
      </c>
      <c r="I642" s="50">
        <v>4.7</v>
      </c>
    </row>
    <row r="643" spans="1:9" x14ac:dyDescent="0.35">
      <c r="A643" s="52" t="s">
        <v>78</v>
      </c>
      <c r="B643" s="51" t="s">
        <v>79</v>
      </c>
      <c r="C643" s="61">
        <v>336649160</v>
      </c>
      <c r="D643" s="62">
        <v>10</v>
      </c>
      <c r="E643" s="51">
        <v>202404</v>
      </c>
      <c r="F643" s="51" t="s">
        <v>38</v>
      </c>
      <c r="G643" s="51" t="s">
        <v>97</v>
      </c>
      <c r="H643" s="51" t="s">
        <v>82</v>
      </c>
      <c r="I643" s="50">
        <v>4.7</v>
      </c>
    </row>
    <row r="644" spans="1:9" x14ac:dyDescent="0.35">
      <c r="A644" s="52" t="s">
        <v>78</v>
      </c>
      <c r="B644" s="51" t="s">
        <v>79</v>
      </c>
      <c r="C644" s="61">
        <v>337513070</v>
      </c>
      <c r="D644" s="62">
        <v>10</v>
      </c>
      <c r="E644" s="51">
        <v>202404</v>
      </c>
      <c r="F644" s="51" t="s">
        <v>38</v>
      </c>
      <c r="G644" s="51" t="s">
        <v>97</v>
      </c>
      <c r="H644" s="51" t="s">
        <v>82</v>
      </c>
      <c r="I644" s="50">
        <v>4.7</v>
      </c>
    </row>
    <row r="645" spans="1:9" x14ac:dyDescent="0.35">
      <c r="A645" s="52" t="s">
        <v>78</v>
      </c>
      <c r="B645" s="51" t="s">
        <v>79</v>
      </c>
      <c r="C645" s="61">
        <v>338900540</v>
      </c>
      <c r="D645" s="62">
        <v>10</v>
      </c>
      <c r="E645" s="51">
        <v>202404</v>
      </c>
      <c r="F645" s="51" t="s">
        <v>38</v>
      </c>
      <c r="G645" s="51" t="s">
        <v>97</v>
      </c>
      <c r="H645" s="51" t="s">
        <v>82</v>
      </c>
      <c r="I645" s="50">
        <v>4.7</v>
      </c>
    </row>
    <row r="646" spans="1:9" x14ac:dyDescent="0.35">
      <c r="A646" s="52" t="s">
        <v>78</v>
      </c>
      <c r="B646" s="51" t="s">
        <v>79</v>
      </c>
      <c r="C646" s="61">
        <v>342400958</v>
      </c>
      <c r="D646" s="62">
        <v>10</v>
      </c>
      <c r="E646" s="51">
        <v>202404</v>
      </c>
      <c r="F646" s="51" t="s">
        <v>38</v>
      </c>
      <c r="G646" s="51" t="s">
        <v>97</v>
      </c>
      <c r="H646" s="51" t="s">
        <v>82</v>
      </c>
      <c r="I646" s="50">
        <v>124</v>
      </c>
    </row>
    <row r="647" spans="1:9" x14ac:dyDescent="0.35">
      <c r="A647" s="52" t="s">
        <v>78</v>
      </c>
      <c r="B647" s="51" t="s">
        <v>79</v>
      </c>
      <c r="C647" s="61">
        <v>343600380</v>
      </c>
      <c r="D647" s="62">
        <v>10</v>
      </c>
      <c r="E647" s="51">
        <v>202404</v>
      </c>
      <c r="F647" s="51" t="s">
        <v>38</v>
      </c>
      <c r="G647" s="51" t="s">
        <v>97</v>
      </c>
      <c r="H647" s="51" t="s">
        <v>82</v>
      </c>
      <c r="I647" s="50">
        <v>4.7</v>
      </c>
    </row>
    <row r="648" spans="1:9" x14ac:dyDescent="0.35">
      <c r="A648" s="52" t="s">
        <v>78</v>
      </c>
      <c r="B648" s="51" t="s">
        <v>79</v>
      </c>
      <c r="C648" s="61">
        <v>344901973</v>
      </c>
      <c r="D648" s="62">
        <v>10</v>
      </c>
      <c r="E648" s="51">
        <v>202404</v>
      </c>
      <c r="F648" s="51" t="s">
        <v>38</v>
      </c>
      <c r="G648" s="51" t="s">
        <v>97</v>
      </c>
      <c r="H648" s="51" t="s">
        <v>82</v>
      </c>
      <c r="I648" s="50">
        <v>95</v>
      </c>
    </row>
    <row r="649" spans="1:9" x14ac:dyDescent="0.35">
      <c r="A649" s="52" t="s">
        <v>78</v>
      </c>
      <c r="B649" s="51" t="s">
        <v>79</v>
      </c>
      <c r="C649" s="61">
        <v>344904090</v>
      </c>
      <c r="D649" s="62">
        <v>10</v>
      </c>
      <c r="E649" s="51">
        <v>202404</v>
      </c>
      <c r="F649" s="51" t="s">
        <v>38</v>
      </c>
      <c r="G649" s="51" t="s">
        <v>97</v>
      </c>
      <c r="H649" s="51" t="s">
        <v>82</v>
      </c>
      <c r="I649" s="50">
        <v>4.7</v>
      </c>
    </row>
    <row r="650" spans="1:9" x14ac:dyDescent="0.35">
      <c r="A650" s="52" t="s">
        <v>78</v>
      </c>
      <c r="B650" s="51" t="s">
        <v>79</v>
      </c>
      <c r="C650" s="61">
        <v>344904090</v>
      </c>
      <c r="D650" s="62">
        <v>10</v>
      </c>
      <c r="E650" s="51">
        <v>202404</v>
      </c>
      <c r="F650" s="51" t="s">
        <v>38</v>
      </c>
      <c r="G650" s="51" t="s">
        <v>97</v>
      </c>
      <c r="H650" s="51" t="s">
        <v>82</v>
      </c>
      <c r="I650" s="50">
        <v>4.7</v>
      </c>
    </row>
    <row r="651" spans="1:9" x14ac:dyDescent="0.35">
      <c r="A651" s="52" t="s">
        <v>78</v>
      </c>
      <c r="B651" s="51" t="s">
        <v>79</v>
      </c>
      <c r="C651" s="61">
        <v>345905400</v>
      </c>
      <c r="D651" s="62">
        <v>10</v>
      </c>
      <c r="E651" s="51">
        <v>202404</v>
      </c>
      <c r="F651" s="51" t="s">
        <v>38</v>
      </c>
      <c r="G651" s="51" t="s">
        <v>97</v>
      </c>
      <c r="H651" s="51" t="s">
        <v>82</v>
      </c>
      <c r="I651" s="50">
        <v>4.7</v>
      </c>
    </row>
    <row r="652" spans="1:9" x14ac:dyDescent="0.35">
      <c r="A652" s="52" t="s">
        <v>78</v>
      </c>
      <c r="B652" s="51" t="s">
        <v>79</v>
      </c>
      <c r="C652" s="61">
        <v>346800097</v>
      </c>
      <c r="D652" s="62">
        <v>10</v>
      </c>
      <c r="E652" s="51">
        <v>202404</v>
      </c>
      <c r="F652" s="51" t="s">
        <v>38</v>
      </c>
      <c r="G652" s="51" t="s">
        <v>97</v>
      </c>
      <c r="H652" s="51" t="s">
        <v>82</v>
      </c>
      <c r="I652" s="50">
        <v>4.7</v>
      </c>
    </row>
    <row r="653" spans="1:9" x14ac:dyDescent="0.35">
      <c r="A653" s="52" t="s">
        <v>78</v>
      </c>
      <c r="B653" s="51" t="s">
        <v>79</v>
      </c>
      <c r="C653" s="61">
        <v>347802619</v>
      </c>
      <c r="D653" s="62">
        <v>10</v>
      </c>
      <c r="E653" s="51">
        <v>202404</v>
      </c>
      <c r="F653" s="51" t="s">
        <v>38</v>
      </c>
      <c r="G653" s="51" t="s">
        <v>97</v>
      </c>
      <c r="H653" s="51" t="s">
        <v>82</v>
      </c>
      <c r="I653" s="50">
        <v>4.7</v>
      </c>
    </row>
    <row r="654" spans="1:9" x14ac:dyDescent="0.35">
      <c r="A654" s="52" t="s">
        <v>78</v>
      </c>
      <c r="B654" s="51" t="s">
        <v>79</v>
      </c>
      <c r="C654" s="61">
        <v>348201216</v>
      </c>
      <c r="D654" s="62">
        <v>10</v>
      </c>
      <c r="E654" s="51">
        <v>202404</v>
      </c>
      <c r="F654" s="51" t="s">
        <v>38</v>
      </c>
      <c r="G654" s="51" t="s">
        <v>97</v>
      </c>
      <c r="H654" s="51" t="s">
        <v>82</v>
      </c>
      <c r="I654" s="50">
        <v>4.7</v>
      </c>
    </row>
    <row r="655" spans="1:9" x14ac:dyDescent="0.35">
      <c r="A655" s="52" t="s">
        <v>78</v>
      </c>
      <c r="B655" s="51" t="s">
        <v>79</v>
      </c>
      <c r="C655" s="61">
        <v>348201275</v>
      </c>
      <c r="D655" s="62">
        <v>10</v>
      </c>
      <c r="E655" s="51">
        <v>202404</v>
      </c>
      <c r="F655" s="51" t="s">
        <v>38</v>
      </c>
      <c r="G655" s="51" t="s">
        <v>97</v>
      </c>
      <c r="H655" s="51" t="s">
        <v>82</v>
      </c>
      <c r="I655" s="50">
        <v>4.7</v>
      </c>
    </row>
    <row r="656" spans="1:9" x14ac:dyDescent="0.35">
      <c r="A656" s="52" t="s">
        <v>78</v>
      </c>
      <c r="B656" s="51" t="s">
        <v>79</v>
      </c>
      <c r="C656" s="61">
        <v>349301790</v>
      </c>
      <c r="D656" s="62">
        <v>10</v>
      </c>
      <c r="E656" s="51">
        <v>202404</v>
      </c>
      <c r="F656" s="51" t="s">
        <v>38</v>
      </c>
      <c r="G656" s="51" t="s">
        <v>97</v>
      </c>
      <c r="H656" s="51" t="s">
        <v>82</v>
      </c>
      <c r="I656" s="50">
        <v>4.7</v>
      </c>
    </row>
    <row r="657" spans="1:9" x14ac:dyDescent="0.35">
      <c r="A657" s="52" t="s">
        <v>78</v>
      </c>
      <c r="B657" s="51" t="s">
        <v>79</v>
      </c>
      <c r="C657" s="61">
        <v>350202510</v>
      </c>
      <c r="D657" s="62">
        <v>10</v>
      </c>
      <c r="E657" s="51">
        <v>202404</v>
      </c>
      <c r="F657" s="51" t="s">
        <v>38</v>
      </c>
      <c r="G657" s="51" t="s">
        <v>97</v>
      </c>
      <c r="H657" s="51" t="s">
        <v>82</v>
      </c>
      <c r="I657" s="50">
        <v>4.7</v>
      </c>
    </row>
    <row r="658" spans="1:9" x14ac:dyDescent="0.35">
      <c r="A658" s="52" t="s">
        <v>78</v>
      </c>
      <c r="B658" s="51" t="s">
        <v>79</v>
      </c>
      <c r="C658" s="61">
        <v>350404291</v>
      </c>
      <c r="D658" s="62">
        <v>10</v>
      </c>
      <c r="E658" s="51">
        <v>202404</v>
      </c>
      <c r="F658" s="51" t="s">
        <v>38</v>
      </c>
      <c r="G658" s="51" t="s">
        <v>97</v>
      </c>
      <c r="H658" s="51" t="s">
        <v>82</v>
      </c>
      <c r="I658" s="50">
        <v>4.7</v>
      </c>
    </row>
    <row r="659" spans="1:9" x14ac:dyDescent="0.35">
      <c r="A659" s="52" t="s">
        <v>78</v>
      </c>
      <c r="B659" s="51" t="s">
        <v>79</v>
      </c>
      <c r="C659" s="61">
        <v>351605528</v>
      </c>
      <c r="D659" s="62">
        <v>10</v>
      </c>
      <c r="E659" s="51">
        <v>202404</v>
      </c>
      <c r="F659" s="51" t="s">
        <v>38</v>
      </c>
      <c r="G659" s="51" t="s">
        <v>97</v>
      </c>
      <c r="H659" s="51" t="s">
        <v>82</v>
      </c>
      <c r="I659" s="50">
        <v>4.7</v>
      </c>
    </row>
    <row r="660" spans="1:9" x14ac:dyDescent="0.35">
      <c r="A660" s="52" t="s">
        <v>78</v>
      </c>
      <c r="B660" s="51" t="s">
        <v>79</v>
      </c>
      <c r="C660" s="61">
        <v>352900772</v>
      </c>
      <c r="D660" s="62">
        <v>10</v>
      </c>
      <c r="E660" s="51">
        <v>202404</v>
      </c>
      <c r="F660" s="51" t="s">
        <v>38</v>
      </c>
      <c r="G660" s="51" t="s">
        <v>97</v>
      </c>
      <c r="H660" s="51" t="s">
        <v>82</v>
      </c>
      <c r="I660" s="50">
        <v>4.7</v>
      </c>
    </row>
    <row r="661" spans="1:9" x14ac:dyDescent="0.35">
      <c r="A661" s="52" t="s">
        <v>78</v>
      </c>
      <c r="B661" s="51" t="s">
        <v>79</v>
      </c>
      <c r="C661" s="61">
        <v>353201143</v>
      </c>
      <c r="D661" s="62">
        <v>10</v>
      </c>
      <c r="E661" s="51">
        <v>202404</v>
      </c>
      <c r="F661" s="51" t="s">
        <v>38</v>
      </c>
      <c r="G661" s="51" t="s">
        <v>97</v>
      </c>
      <c r="H661" s="51" t="s">
        <v>82</v>
      </c>
      <c r="I661" s="50">
        <v>4.7</v>
      </c>
    </row>
    <row r="662" spans="1:9" x14ac:dyDescent="0.35">
      <c r="A662" s="52" t="s">
        <v>78</v>
      </c>
      <c r="B662" s="51" t="s">
        <v>79</v>
      </c>
      <c r="C662" s="61">
        <v>356534167</v>
      </c>
      <c r="D662" s="62">
        <v>10</v>
      </c>
      <c r="E662" s="51">
        <v>202404</v>
      </c>
      <c r="F662" s="51" t="s">
        <v>38</v>
      </c>
      <c r="G662" s="51" t="s">
        <v>97</v>
      </c>
      <c r="H662" s="51" t="s">
        <v>82</v>
      </c>
      <c r="I662" s="50">
        <v>4.7</v>
      </c>
    </row>
    <row r="663" spans="1:9" x14ac:dyDescent="0.35">
      <c r="A663" s="52" t="s">
        <v>78</v>
      </c>
      <c r="B663" s="51" t="s">
        <v>79</v>
      </c>
      <c r="C663" s="61">
        <v>357300280</v>
      </c>
      <c r="D663" s="62">
        <v>10</v>
      </c>
      <c r="E663" s="51">
        <v>202404</v>
      </c>
      <c r="F663" s="51" t="s">
        <v>38</v>
      </c>
      <c r="G663" s="51" t="s">
        <v>97</v>
      </c>
      <c r="H663" s="51" t="s">
        <v>82</v>
      </c>
      <c r="I663" s="50">
        <v>95</v>
      </c>
    </row>
    <row r="664" spans="1:9" x14ac:dyDescent="0.35">
      <c r="A664" s="52" t="s">
        <v>78</v>
      </c>
      <c r="B664" s="51" t="s">
        <v>79</v>
      </c>
      <c r="C664" s="61">
        <v>357500676</v>
      </c>
      <c r="D664" s="62">
        <v>10</v>
      </c>
      <c r="E664" s="51">
        <v>202404</v>
      </c>
      <c r="F664" s="51" t="s">
        <v>38</v>
      </c>
      <c r="G664" s="51" t="s">
        <v>97</v>
      </c>
      <c r="H664" s="51" t="s">
        <v>82</v>
      </c>
      <c r="I664" s="50">
        <v>4.7</v>
      </c>
    </row>
    <row r="665" spans="1:9" x14ac:dyDescent="0.35">
      <c r="A665" s="52" t="s">
        <v>78</v>
      </c>
      <c r="B665" s="51" t="s">
        <v>79</v>
      </c>
      <c r="C665" s="61">
        <v>358205317</v>
      </c>
      <c r="D665" s="62">
        <v>10</v>
      </c>
      <c r="E665" s="51">
        <v>202404</v>
      </c>
      <c r="F665" s="51" t="s">
        <v>38</v>
      </c>
      <c r="G665" s="51" t="s">
        <v>97</v>
      </c>
      <c r="H665" s="51" t="s">
        <v>82</v>
      </c>
      <c r="I665" s="50">
        <v>4.7</v>
      </c>
    </row>
    <row r="666" spans="1:9" x14ac:dyDescent="0.35">
      <c r="A666" s="52" t="s">
        <v>78</v>
      </c>
      <c r="B666" s="51" t="s">
        <v>79</v>
      </c>
      <c r="C666" s="61">
        <v>359601122</v>
      </c>
      <c r="D666" s="62">
        <v>10</v>
      </c>
      <c r="E666" s="51">
        <v>202404</v>
      </c>
      <c r="F666" s="51" t="s">
        <v>38</v>
      </c>
      <c r="G666" s="51" t="s">
        <v>97</v>
      </c>
      <c r="H666" s="51" t="s">
        <v>82</v>
      </c>
      <c r="I666" s="50">
        <v>4.7</v>
      </c>
    </row>
    <row r="667" spans="1:9" x14ac:dyDescent="0.35">
      <c r="A667" s="52" t="s">
        <v>78</v>
      </c>
      <c r="B667" s="51" t="s">
        <v>79</v>
      </c>
      <c r="C667" s="61">
        <v>361703646</v>
      </c>
      <c r="D667" s="62">
        <v>10</v>
      </c>
      <c r="E667" s="51">
        <v>202404</v>
      </c>
      <c r="F667" s="51" t="s">
        <v>38</v>
      </c>
      <c r="G667" s="51" t="s">
        <v>97</v>
      </c>
      <c r="H667" s="51" t="s">
        <v>82</v>
      </c>
      <c r="I667" s="50">
        <v>4.7</v>
      </c>
    </row>
    <row r="668" spans="1:9" x14ac:dyDescent="0.35">
      <c r="A668" s="52" t="s">
        <v>78</v>
      </c>
      <c r="B668" s="51" t="s">
        <v>79</v>
      </c>
      <c r="C668" s="61">
        <v>362300052</v>
      </c>
      <c r="D668" s="62">
        <v>10</v>
      </c>
      <c r="E668" s="51">
        <v>202404</v>
      </c>
      <c r="F668" s="51" t="s">
        <v>38</v>
      </c>
      <c r="G668" s="51" t="s">
        <v>97</v>
      </c>
      <c r="H668" s="51" t="s">
        <v>82</v>
      </c>
      <c r="I668" s="50">
        <v>4.7</v>
      </c>
    </row>
    <row r="669" spans="1:9" x14ac:dyDescent="0.35">
      <c r="A669" s="52" t="s">
        <v>78</v>
      </c>
      <c r="B669" s="51" t="s">
        <v>79</v>
      </c>
      <c r="C669" s="61">
        <v>362397090</v>
      </c>
      <c r="D669" s="62">
        <v>10</v>
      </c>
      <c r="E669" s="51">
        <v>202404</v>
      </c>
      <c r="F669" s="51" t="s">
        <v>38</v>
      </c>
      <c r="G669" s="51" t="s">
        <v>97</v>
      </c>
      <c r="H669" s="51" t="s">
        <v>82</v>
      </c>
      <c r="I669" s="50">
        <v>4.7</v>
      </c>
    </row>
    <row r="670" spans="1:9" x14ac:dyDescent="0.35">
      <c r="A670" s="52" t="s">
        <v>78</v>
      </c>
      <c r="B670" s="51" t="s">
        <v>79</v>
      </c>
      <c r="C670" s="61">
        <v>362452328</v>
      </c>
      <c r="D670" s="62">
        <v>10</v>
      </c>
      <c r="E670" s="51">
        <v>202404</v>
      </c>
      <c r="F670" s="51" t="s">
        <v>38</v>
      </c>
      <c r="G670" s="51" t="s">
        <v>97</v>
      </c>
      <c r="H670" s="51" t="s">
        <v>82</v>
      </c>
      <c r="I670" s="50">
        <v>4.7</v>
      </c>
    </row>
    <row r="671" spans="1:9" x14ac:dyDescent="0.35">
      <c r="A671" s="52" t="s">
        <v>78</v>
      </c>
      <c r="B671" s="51" t="s">
        <v>79</v>
      </c>
      <c r="C671" s="61">
        <v>363656470</v>
      </c>
      <c r="D671" s="62">
        <v>10</v>
      </c>
      <c r="E671" s="51">
        <v>202404</v>
      </c>
      <c r="F671" s="51" t="s">
        <v>38</v>
      </c>
      <c r="G671" s="51" t="s">
        <v>97</v>
      </c>
      <c r="H671" s="51" t="s">
        <v>82</v>
      </c>
      <c r="I671" s="50">
        <v>4.7</v>
      </c>
    </row>
    <row r="672" spans="1:9" x14ac:dyDescent="0.35">
      <c r="A672" s="52" t="s">
        <v>78</v>
      </c>
      <c r="B672" s="51" t="s">
        <v>79</v>
      </c>
      <c r="C672" s="61">
        <v>365004481</v>
      </c>
      <c r="D672" s="62">
        <v>10</v>
      </c>
      <c r="E672" s="51">
        <v>202404</v>
      </c>
      <c r="F672" s="51" t="s">
        <v>38</v>
      </c>
      <c r="G672" s="51" t="s">
        <v>97</v>
      </c>
      <c r="H672" s="51" t="s">
        <v>82</v>
      </c>
      <c r="I672" s="50">
        <v>4.7</v>
      </c>
    </row>
    <row r="673" spans="1:9" x14ac:dyDescent="0.35">
      <c r="A673" s="52" t="s">
        <v>78</v>
      </c>
      <c r="B673" s="51" t="s">
        <v>79</v>
      </c>
      <c r="C673" s="61">
        <v>365104238</v>
      </c>
      <c r="D673" s="62">
        <v>10</v>
      </c>
      <c r="E673" s="51">
        <v>202404</v>
      </c>
      <c r="F673" s="51" t="s">
        <v>38</v>
      </c>
      <c r="G673" s="51" t="s">
        <v>97</v>
      </c>
      <c r="H673" s="51" t="s">
        <v>82</v>
      </c>
      <c r="I673" s="50">
        <v>4.7</v>
      </c>
    </row>
    <row r="674" spans="1:9" x14ac:dyDescent="0.35">
      <c r="A674" s="52" t="s">
        <v>78</v>
      </c>
      <c r="B674" s="51" t="s">
        <v>79</v>
      </c>
      <c r="C674" s="61">
        <v>366700473</v>
      </c>
      <c r="D674" s="62">
        <v>10</v>
      </c>
      <c r="E674" s="51">
        <v>202404</v>
      </c>
      <c r="F674" s="51" t="s">
        <v>38</v>
      </c>
      <c r="G674" s="51" t="s">
        <v>97</v>
      </c>
      <c r="H674" s="51" t="s">
        <v>82</v>
      </c>
      <c r="I674" s="50">
        <v>95</v>
      </c>
    </row>
    <row r="675" spans="1:9" x14ac:dyDescent="0.35">
      <c r="A675" s="52" t="s">
        <v>78</v>
      </c>
      <c r="B675" s="51" t="s">
        <v>79</v>
      </c>
      <c r="C675" s="61">
        <v>370102502</v>
      </c>
      <c r="D675" s="62">
        <v>10</v>
      </c>
      <c r="E675" s="51">
        <v>202404</v>
      </c>
      <c r="F675" s="51" t="s">
        <v>38</v>
      </c>
      <c r="G675" s="51" t="s">
        <v>97</v>
      </c>
      <c r="H675" s="51" t="s">
        <v>82</v>
      </c>
      <c r="I675" s="50">
        <v>4.7</v>
      </c>
    </row>
    <row r="676" spans="1:9" x14ac:dyDescent="0.35">
      <c r="A676" s="52" t="s">
        <v>78</v>
      </c>
      <c r="B676" s="51" t="s">
        <v>79</v>
      </c>
      <c r="C676" s="61">
        <v>370501291</v>
      </c>
      <c r="D676" s="62">
        <v>10</v>
      </c>
      <c r="E676" s="51">
        <v>202404</v>
      </c>
      <c r="F676" s="51" t="s">
        <v>38</v>
      </c>
      <c r="G676" s="51" t="s">
        <v>97</v>
      </c>
      <c r="H676" s="51" t="s">
        <v>82</v>
      </c>
      <c r="I676" s="50">
        <v>4.7</v>
      </c>
    </row>
    <row r="677" spans="1:9" x14ac:dyDescent="0.35">
      <c r="A677" s="52" t="s">
        <v>78</v>
      </c>
      <c r="B677" s="51" t="s">
        <v>79</v>
      </c>
      <c r="C677" s="61">
        <v>370800151</v>
      </c>
      <c r="D677" s="62">
        <v>10</v>
      </c>
      <c r="E677" s="51">
        <v>202404</v>
      </c>
      <c r="F677" s="51" t="s">
        <v>38</v>
      </c>
      <c r="G677" s="51" t="s">
        <v>97</v>
      </c>
      <c r="H677" s="51" t="s">
        <v>82</v>
      </c>
      <c r="I677" s="50">
        <v>95</v>
      </c>
    </row>
    <row r="678" spans="1:9" x14ac:dyDescent="0.35">
      <c r="A678" s="52" t="s">
        <v>78</v>
      </c>
      <c r="B678" s="51" t="s">
        <v>79</v>
      </c>
      <c r="C678" s="61">
        <v>371002554</v>
      </c>
      <c r="D678" s="62">
        <v>10</v>
      </c>
      <c r="E678" s="51">
        <v>202404</v>
      </c>
      <c r="F678" s="51" t="s">
        <v>38</v>
      </c>
      <c r="G678" s="51" t="s">
        <v>97</v>
      </c>
      <c r="H678" s="51" t="s">
        <v>82</v>
      </c>
      <c r="I678" s="50">
        <v>4.7</v>
      </c>
    </row>
    <row r="679" spans="1:9" x14ac:dyDescent="0.35">
      <c r="A679" s="52" t="s">
        <v>78</v>
      </c>
      <c r="B679" s="51" t="s">
        <v>79</v>
      </c>
      <c r="C679" s="61">
        <v>373305613</v>
      </c>
      <c r="D679" s="62">
        <v>10</v>
      </c>
      <c r="E679" s="51">
        <v>202404</v>
      </c>
      <c r="F679" s="51" t="s">
        <v>38</v>
      </c>
      <c r="G679" s="51" t="s">
        <v>97</v>
      </c>
      <c r="H679" s="51" t="s">
        <v>82</v>
      </c>
      <c r="I679" s="50">
        <v>4.7</v>
      </c>
    </row>
    <row r="680" spans="1:9" x14ac:dyDescent="0.35">
      <c r="A680" s="52" t="s">
        <v>78</v>
      </c>
      <c r="B680" s="51" t="s">
        <v>79</v>
      </c>
      <c r="C680" s="61">
        <v>373600680</v>
      </c>
      <c r="D680" s="62">
        <v>10</v>
      </c>
      <c r="E680" s="51">
        <v>202404</v>
      </c>
      <c r="F680" s="51" t="s">
        <v>38</v>
      </c>
      <c r="G680" s="51" t="s">
        <v>97</v>
      </c>
      <c r="H680" s="51" t="s">
        <v>82</v>
      </c>
      <c r="I680" s="50">
        <v>4.7</v>
      </c>
    </row>
    <row r="681" spans="1:9" x14ac:dyDescent="0.35">
      <c r="A681" s="52" t="s">
        <v>78</v>
      </c>
      <c r="B681" s="51" t="s">
        <v>79</v>
      </c>
      <c r="C681" s="61">
        <v>376701951</v>
      </c>
      <c r="D681" s="62">
        <v>10</v>
      </c>
      <c r="E681" s="51">
        <v>202404</v>
      </c>
      <c r="F681" s="51" t="s">
        <v>38</v>
      </c>
      <c r="G681" s="51" t="s">
        <v>97</v>
      </c>
      <c r="H681" s="51" t="s">
        <v>82</v>
      </c>
      <c r="I681" s="50">
        <v>4.7</v>
      </c>
    </row>
    <row r="682" spans="1:9" x14ac:dyDescent="0.35">
      <c r="A682" s="52" t="s">
        <v>78</v>
      </c>
      <c r="B682" s="51" t="s">
        <v>79</v>
      </c>
      <c r="C682" s="61">
        <v>377901301</v>
      </c>
      <c r="D682" s="62">
        <v>10</v>
      </c>
      <c r="E682" s="51">
        <v>202404</v>
      </c>
      <c r="F682" s="51" t="s">
        <v>38</v>
      </c>
      <c r="G682" s="51" t="s">
        <v>97</v>
      </c>
      <c r="H682" s="51" t="s">
        <v>82</v>
      </c>
      <c r="I682" s="50">
        <v>4.7</v>
      </c>
    </row>
    <row r="683" spans="1:9" x14ac:dyDescent="0.35">
      <c r="A683" s="52" t="s">
        <v>78</v>
      </c>
      <c r="B683" s="51" t="s">
        <v>79</v>
      </c>
      <c r="C683" s="61">
        <v>378400049</v>
      </c>
      <c r="D683" s="62">
        <v>10</v>
      </c>
      <c r="E683" s="51">
        <v>202404</v>
      </c>
      <c r="F683" s="51" t="s">
        <v>38</v>
      </c>
      <c r="G683" s="51" t="s">
        <v>97</v>
      </c>
      <c r="H683" s="51" t="s">
        <v>82</v>
      </c>
      <c r="I683" s="50">
        <v>4.7</v>
      </c>
    </row>
    <row r="684" spans="1:9" x14ac:dyDescent="0.35">
      <c r="A684" s="52" t="s">
        <v>78</v>
      </c>
      <c r="B684" s="51" t="s">
        <v>79</v>
      </c>
      <c r="C684" s="61">
        <v>378903676</v>
      </c>
      <c r="D684" s="62">
        <v>10</v>
      </c>
      <c r="E684" s="51">
        <v>202404</v>
      </c>
      <c r="F684" s="51" t="s">
        <v>38</v>
      </c>
      <c r="G684" s="51" t="s">
        <v>97</v>
      </c>
      <c r="H684" s="51" t="s">
        <v>82</v>
      </c>
      <c r="I684" s="50">
        <v>4.7</v>
      </c>
    </row>
    <row r="685" spans="1:9" x14ac:dyDescent="0.35">
      <c r="A685" s="52" t="s">
        <v>78</v>
      </c>
      <c r="B685" s="51" t="s">
        <v>79</v>
      </c>
      <c r="C685" s="61">
        <v>379524876</v>
      </c>
      <c r="D685" s="62">
        <v>10</v>
      </c>
      <c r="E685" s="51">
        <v>202404</v>
      </c>
      <c r="F685" s="51" t="s">
        <v>38</v>
      </c>
      <c r="G685" s="51" t="s">
        <v>97</v>
      </c>
      <c r="H685" s="51" t="s">
        <v>82</v>
      </c>
      <c r="I685" s="50">
        <v>4.7</v>
      </c>
    </row>
    <row r="686" spans="1:9" x14ac:dyDescent="0.35">
      <c r="A686" s="52" t="s">
        <v>78</v>
      </c>
      <c r="B686" s="51" t="s">
        <v>79</v>
      </c>
      <c r="C686" s="61">
        <v>380100818</v>
      </c>
      <c r="D686" s="62">
        <v>10</v>
      </c>
      <c r="E686" s="51">
        <v>202404</v>
      </c>
      <c r="F686" s="51" t="s">
        <v>38</v>
      </c>
      <c r="G686" s="51" t="s">
        <v>97</v>
      </c>
      <c r="H686" s="51" t="s">
        <v>82</v>
      </c>
      <c r="I686" s="50">
        <v>4.7</v>
      </c>
    </row>
    <row r="687" spans="1:9" x14ac:dyDescent="0.35">
      <c r="A687" s="52" t="s">
        <v>78</v>
      </c>
      <c r="B687" s="51" t="s">
        <v>79</v>
      </c>
      <c r="C687" s="61">
        <v>381702404</v>
      </c>
      <c r="D687" s="62">
        <v>10</v>
      </c>
      <c r="E687" s="51">
        <v>202404</v>
      </c>
      <c r="F687" s="51" t="s">
        <v>38</v>
      </c>
      <c r="G687" s="51" t="s">
        <v>97</v>
      </c>
      <c r="H687" s="51" t="s">
        <v>82</v>
      </c>
      <c r="I687" s="50">
        <v>4.7</v>
      </c>
    </row>
    <row r="688" spans="1:9" x14ac:dyDescent="0.35">
      <c r="A688" s="52" t="s">
        <v>78</v>
      </c>
      <c r="B688" s="51" t="s">
        <v>79</v>
      </c>
      <c r="C688" s="61">
        <v>382100334</v>
      </c>
      <c r="D688" s="62">
        <v>10</v>
      </c>
      <c r="E688" s="51">
        <v>202404</v>
      </c>
      <c r="F688" s="51" t="s">
        <v>38</v>
      </c>
      <c r="G688" s="51" t="s">
        <v>97</v>
      </c>
      <c r="H688" s="51" t="s">
        <v>82</v>
      </c>
      <c r="I688" s="50">
        <v>4.7</v>
      </c>
    </row>
    <row r="689" spans="1:9" x14ac:dyDescent="0.35">
      <c r="A689" s="52" t="s">
        <v>78</v>
      </c>
      <c r="B689" s="51" t="s">
        <v>79</v>
      </c>
      <c r="C689" s="61">
        <v>384900608</v>
      </c>
      <c r="D689" s="62">
        <v>10</v>
      </c>
      <c r="E689" s="51">
        <v>202404</v>
      </c>
      <c r="F689" s="51" t="s">
        <v>38</v>
      </c>
      <c r="G689" s="51" t="s">
        <v>97</v>
      </c>
      <c r="H689" s="51" t="s">
        <v>82</v>
      </c>
      <c r="I689" s="50">
        <v>4.7</v>
      </c>
    </row>
    <row r="690" spans="1:9" x14ac:dyDescent="0.35">
      <c r="A690" s="52" t="s">
        <v>78</v>
      </c>
      <c r="B690" s="51" t="s">
        <v>79</v>
      </c>
      <c r="C690" s="61">
        <v>385605420</v>
      </c>
      <c r="D690" s="62">
        <v>10</v>
      </c>
      <c r="E690" s="51">
        <v>202404</v>
      </c>
      <c r="F690" s="51" t="s">
        <v>38</v>
      </c>
      <c r="G690" s="51" t="s">
        <v>97</v>
      </c>
      <c r="H690" s="51" t="s">
        <v>82</v>
      </c>
      <c r="I690" s="50">
        <v>4.7</v>
      </c>
    </row>
    <row r="691" spans="1:9" x14ac:dyDescent="0.35">
      <c r="A691" s="52" t="s">
        <v>78</v>
      </c>
      <c r="B691" s="51" t="s">
        <v>79</v>
      </c>
      <c r="C691" s="61">
        <v>385689810</v>
      </c>
      <c r="D691" s="62">
        <v>10</v>
      </c>
      <c r="E691" s="51">
        <v>202404</v>
      </c>
      <c r="F691" s="51" t="s">
        <v>38</v>
      </c>
      <c r="G691" s="51" t="s">
        <v>97</v>
      </c>
      <c r="H691" s="51" t="s">
        <v>82</v>
      </c>
      <c r="I691" s="50">
        <v>4.7</v>
      </c>
    </row>
    <row r="692" spans="1:9" x14ac:dyDescent="0.35">
      <c r="A692" s="52" t="s">
        <v>78</v>
      </c>
      <c r="B692" s="51" t="s">
        <v>79</v>
      </c>
      <c r="C692" s="61">
        <v>385801412</v>
      </c>
      <c r="D692" s="62">
        <v>10</v>
      </c>
      <c r="E692" s="51">
        <v>202404</v>
      </c>
      <c r="F692" s="51" t="s">
        <v>38</v>
      </c>
      <c r="G692" s="51" t="s">
        <v>97</v>
      </c>
      <c r="H692" s="51" t="s">
        <v>82</v>
      </c>
      <c r="I692" s="50">
        <v>4.7</v>
      </c>
    </row>
    <row r="693" spans="1:9" x14ac:dyDescent="0.35">
      <c r="A693" s="52" t="s">
        <v>78</v>
      </c>
      <c r="B693" s="51" t="s">
        <v>79</v>
      </c>
      <c r="C693" s="61">
        <v>386703840</v>
      </c>
      <c r="D693" s="62">
        <v>10</v>
      </c>
      <c r="E693" s="51">
        <v>202404</v>
      </c>
      <c r="F693" s="51" t="s">
        <v>38</v>
      </c>
      <c r="G693" s="51" t="s">
        <v>97</v>
      </c>
      <c r="H693" s="51" t="s">
        <v>82</v>
      </c>
      <c r="I693" s="50">
        <v>30</v>
      </c>
    </row>
    <row r="694" spans="1:9" x14ac:dyDescent="0.35">
      <c r="A694" s="52" t="s">
        <v>78</v>
      </c>
      <c r="B694" s="51" t="s">
        <v>79</v>
      </c>
      <c r="C694" s="61">
        <v>386788436</v>
      </c>
      <c r="D694" s="62">
        <v>10</v>
      </c>
      <c r="E694" s="51">
        <v>202404</v>
      </c>
      <c r="F694" s="51" t="s">
        <v>38</v>
      </c>
      <c r="G694" s="51" t="s">
        <v>97</v>
      </c>
      <c r="H694" s="51" t="s">
        <v>82</v>
      </c>
      <c r="I694" s="50">
        <v>4.7</v>
      </c>
    </row>
    <row r="695" spans="1:9" x14ac:dyDescent="0.35">
      <c r="A695" s="52" t="s">
        <v>78</v>
      </c>
      <c r="B695" s="51" t="s">
        <v>79</v>
      </c>
      <c r="C695" s="61">
        <v>387202231</v>
      </c>
      <c r="D695" s="62">
        <v>10</v>
      </c>
      <c r="E695" s="51">
        <v>202404</v>
      </c>
      <c r="F695" s="51" t="s">
        <v>38</v>
      </c>
      <c r="G695" s="51" t="s">
        <v>97</v>
      </c>
      <c r="H695" s="51" t="s">
        <v>82</v>
      </c>
      <c r="I695" s="50">
        <v>4.7</v>
      </c>
    </row>
    <row r="696" spans="1:9" x14ac:dyDescent="0.35">
      <c r="A696" s="52" t="s">
        <v>78</v>
      </c>
      <c r="B696" s="51" t="s">
        <v>79</v>
      </c>
      <c r="C696" s="61">
        <v>388005213</v>
      </c>
      <c r="D696" s="62">
        <v>10</v>
      </c>
      <c r="E696" s="51">
        <v>202404</v>
      </c>
      <c r="F696" s="51" t="s">
        <v>38</v>
      </c>
      <c r="G696" s="51" t="s">
        <v>97</v>
      </c>
      <c r="H696" s="51" t="s">
        <v>82</v>
      </c>
      <c r="I696" s="50">
        <v>4.7</v>
      </c>
    </row>
    <row r="697" spans="1:9" x14ac:dyDescent="0.35">
      <c r="A697" s="52" t="s">
        <v>78</v>
      </c>
      <c r="B697" s="51" t="s">
        <v>79</v>
      </c>
      <c r="C697" s="61">
        <v>389505571</v>
      </c>
      <c r="D697" s="62">
        <v>10</v>
      </c>
      <c r="E697" s="51">
        <v>202404</v>
      </c>
      <c r="F697" s="51" t="s">
        <v>38</v>
      </c>
      <c r="G697" s="51" t="s">
        <v>97</v>
      </c>
      <c r="H697" s="51" t="s">
        <v>82</v>
      </c>
      <c r="I697" s="50">
        <v>4.7</v>
      </c>
    </row>
    <row r="698" spans="1:9" x14ac:dyDescent="0.35">
      <c r="A698" s="52" t="s">
        <v>78</v>
      </c>
      <c r="B698" s="51" t="s">
        <v>79</v>
      </c>
      <c r="C698" s="61">
        <v>390100621</v>
      </c>
      <c r="D698" s="62">
        <v>10</v>
      </c>
      <c r="E698" s="51">
        <v>202404</v>
      </c>
      <c r="F698" s="51" t="s">
        <v>38</v>
      </c>
      <c r="G698" s="51" t="s">
        <v>97</v>
      </c>
      <c r="H698" s="51" t="s">
        <v>82</v>
      </c>
      <c r="I698" s="50">
        <v>4.7</v>
      </c>
    </row>
    <row r="699" spans="1:9" x14ac:dyDescent="0.35">
      <c r="A699" s="52" t="s">
        <v>78</v>
      </c>
      <c r="B699" s="51" t="s">
        <v>79</v>
      </c>
      <c r="C699" s="61">
        <v>390303542</v>
      </c>
      <c r="D699" s="62">
        <v>10</v>
      </c>
      <c r="E699" s="51">
        <v>202404</v>
      </c>
      <c r="F699" s="51" t="s">
        <v>38</v>
      </c>
      <c r="G699" s="51" t="s">
        <v>97</v>
      </c>
      <c r="H699" s="51" t="s">
        <v>82</v>
      </c>
      <c r="I699" s="50">
        <v>4.7</v>
      </c>
    </row>
    <row r="700" spans="1:9" x14ac:dyDescent="0.35">
      <c r="A700" s="52" t="s">
        <v>78</v>
      </c>
      <c r="B700" s="51" t="s">
        <v>79</v>
      </c>
      <c r="C700" s="61">
        <v>390504330</v>
      </c>
      <c r="D700" s="62">
        <v>10</v>
      </c>
      <c r="E700" s="51">
        <v>202404</v>
      </c>
      <c r="F700" s="51" t="s">
        <v>38</v>
      </c>
      <c r="G700" s="51" t="s">
        <v>97</v>
      </c>
      <c r="H700" s="51" t="s">
        <v>82</v>
      </c>
      <c r="I700" s="50">
        <v>4.7</v>
      </c>
    </row>
    <row r="701" spans="1:9" x14ac:dyDescent="0.35">
      <c r="A701" s="52" t="s">
        <v>78</v>
      </c>
      <c r="B701" s="51" t="s">
        <v>79</v>
      </c>
      <c r="C701" s="61">
        <v>391105265</v>
      </c>
      <c r="D701" s="62">
        <v>10</v>
      </c>
      <c r="E701" s="51">
        <v>202404</v>
      </c>
      <c r="F701" s="51" t="s">
        <v>38</v>
      </c>
      <c r="G701" s="51" t="s">
        <v>97</v>
      </c>
      <c r="H701" s="51" t="s">
        <v>82</v>
      </c>
      <c r="I701" s="50">
        <v>4.7</v>
      </c>
    </row>
    <row r="702" spans="1:9" x14ac:dyDescent="0.35">
      <c r="A702" s="52" t="s">
        <v>78</v>
      </c>
      <c r="B702" s="51" t="s">
        <v>79</v>
      </c>
      <c r="C702" s="61">
        <v>391703108</v>
      </c>
      <c r="D702" s="62">
        <v>10</v>
      </c>
      <c r="E702" s="51">
        <v>202404</v>
      </c>
      <c r="F702" s="51" t="s">
        <v>38</v>
      </c>
      <c r="G702" s="51" t="s">
        <v>97</v>
      </c>
      <c r="H702" s="51" t="s">
        <v>82</v>
      </c>
      <c r="I702" s="50">
        <v>4.7</v>
      </c>
    </row>
    <row r="703" spans="1:9" x14ac:dyDescent="0.35">
      <c r="A703" s="52" t="s">
        <v>78</v>
      </c>
      <c r="B703" s="51" t="s">
        <v>79</v>
      </c>
      <c r="C703" s="61">
        <v>392501282</v>
      </c>
      <c r="D703" s="62">
        <v>10</v>
      </c>
      <c r="E703" s="51">
        <v>202404</v>
      </c>
      <c r="F703" s="51" t="s">
        <v>38</v>
      </c>
      <c r="G703" s="51" t="s">
        <v>97</v>
      </c>
      <c r="H703" s="51" t="s">
        <v>82</v>
      </c>
      <c r="I703" s="50">
        <v>4.7</v>
      </c>
    </row>
    <row r="704" spans="1:9" x14ac:dyDescent="0.35">
      <c r="A704" s="52" t="s">
        <v>78</v>
      </c>
      <c r="B704" s="51" t="s">
        <v>79</v>
      </c>
      <c r="C704" s="61">
        <v>392601021</v>
      </c>
      <c r="D704" s="62">
        <v>10</v>
      </c>
      <c r="E704" s="51">
        <v>202404</v>
      </c>
      <c r="F704" s="51" t="s">
        <v>38</v>
      </c>
      <c r="G704" s="51" t="s">
        <v>97</v>
      </c>
      <c r="H704" s="51" t="s">
        <v>82</v>
      </c>
      <c r="I704" s="50">
        <v>4.7</v>
      </c>
    </row>
    <row r="705" spans="1:9" x14ac:dyDescent="0.35">
      <c r="A705" s="52" t="s">
        <v>78</v>
      </c>
      <c r="B705" s="51" t="s">
        <v>79</v>
      </c>
      <c r="C705" s="61">
        <v>393600136</v>
      </c>
      <c r="D705" s="62">
        <v>10</v>
      </c>
      <c r="E705" s="51">
        <v>202404</v>
      </c>
      <c r="F705" s="51" t="s">
        <v>38</v>
      </c>
      <c r="G705" s="51" t="s">
        <v>97</v>
      </c>
      <c r="H705" s="51" t="s">
        <v>82</v>
      </c>
      <c r="I705" s="50">
        <v>4.7</v>
      </c>
    </row>
    <row r="706" spans="1:9" x14ac:dyDescent="0.35">
      <c r="A706" s="52" t="s">
        <v>78</v>
      </c>
      <c r="B706" s="51" t="s">
        <v>79</v>
      </c>
      <c r="C706" s="61">
        <v>396700840</v>
      </c>
      <c r="D706" s="62">
        <v>10</v>
      </c>
      <c r="E706" s="51">
        <v>202404</v>
      </c>
      <c r="F706" s="51" t="s">
        <v>38</v>
      </c>
      <c r="G706" s="51" t="s">
        <v>97</v>
      </c>
      <c r="H706" s="51" t="s">
        <v>82</v>
      </c>
      <c r="I706" s="50">
        <v>4.7</v>
      </c>
    </row>
    <row r="707" spans="1:9" x14ac:dyDescent="0.35">
      <c r="A707" s="52" t="s">
        <v>78</v>
      </c>
      <c r="B707" s="51" t="s">
        <v>79</v>
      </c>
      <c r="C707" s="61">
        <v>397205350</v>
      </c>
      <c r="D707" s="62">
        <v>10</v>
      </c>
      <c r="E707" s="51">
        <v>202404</v>
      </c>
      <c r="F707" s="51" t="s">
        <v>38</v>
      </c>
      <c r="G707" s="51" t="s">
        <v>97</v>
      </c>
      <c r="H707" s="51" t="s">
        <v>82</v>
      </c>
      <c r="I707" s="50">
        <v>95</v>
      </c>
    </row>
    <row r="708" spans="1:9" x14ac:dyDescent="0.35">
      <c r="A708" s="52" t="s">
        <v>78</v>
      </c>
      <c r="B708" s="51" t="s">
        <v>79</v>
      </c>
      <c r="C708" s="61">
        <v>398398862</v>
      </c>
      <c r="D708" s="62">
        <v>10</v>
      </c>
      <c r="E708" s="51">
        <v>202404</v>
      </c>
      <c r="F708" s="51" t="s">
        <v>38</v>
      </c>
      <c r="G708" s="51" t="s">
        <v>97</v>
      </c>
      <c r="H708" s="51" t="s">
        <v>82</v>
      </c>
      <c r="I708" s="50">
        <v>4.7</v>
      </c>
    </row>
    <row r="709" spans="1:9" x14ac:dyDescent="0.35">
      <c r="A709" s="52" t="s">
        <v>78</v>
      </c>
      <c r="B709" s="51" t="s">
        <v>79</v>
      </c>
      <c r="C709" s="61">
        <v>398539450</v>
      </c>
      <c r="D709" s="62">
        <v>10</v>
      </c>
      <c r="E709" s="51">
        <v>202404</v>
      </c>
      <c r="F709" s="51" t="s">
        <v>38</v>
      </c>
      <c r="G709" s="51" t="s">
        <v>97</v>
      </c>
      <c r="H709" s="51" t="s">
        <v>82</v>
      </c>
      <c r="I709" s="50">
        <v>30</v>
      </c>
    </row>
    <row r="710" spans="1:9" x14ac:dyDescent="0.35">
      <c r="A710" s="52" t="s">
        <v>78</v>
      </c>
      <c r="B710" s="51" t="s">
        <v>79</v>
      </c>
      <c r="C710" s="61">
        <v>398605385</v>
      </c>
      <c r="D710" s="62">
        <v>10</v>
      </c>
      <c r="E710" s="51">
        <v>202404</v>
      </c>
      <c r="F710" s="51" t="s">
        <v>38</v>
      </c>
      <c r="G710" s="51" t="s">
        <v>97</v>
      </c>
      <c r="H710" s="51" t="s">
        <v>82</v>
      </c>
      <c r="I710" s="50">
        <v>95</v>
      </c>
    </row>
    <row r="711" spans="1:9" x14ac:dyDescent="0.35">
      <c r="A711" s="52" t="s">
        <v>78</v>
      </c>
      <c r="B711" s="51" t="s">
        <v>79</v>
      </c>
      <c r="C711" s="61">
        <v>300419430</v>
      </c>
      <c r="D711" s="62">
        <v>20</v>
      </c>
      <c r="E711" s="51">
        <v>202404</v>
      </c>
      <c r="F711" s="51" t="s">
        <v>38</v>
      </c>
      <c r="G711" s="51" t="s">
        <v>97</v>
      </c>
      <c r="H711" s="51" t="s">
        <v>82</v>
      </c>
      <c r="I711" s="50">
        <v>4.7</v>
      </c>
    </row>
    <row r="712" spans="1:9" x14ac:dyDescent="0.35">
      <c r="A712" s="52" t="s">
        <v>78</v>
      </c>
      <c r="B712" s="51" t="s">
        <v>79</v>
      </c>
      <c r="C712" s="61">
        <v>300905824</v>
      </c>
      <c r="D712" s="62">
        <v>20</v>
      </c>
      <c r="E712" s="51">
        <v>202404</v>
      </c>
      <c r="F712" s="51" t="s">
        <v>38</v>
      </c>
      <c r="G712" s="51" t="s">
        <v>97</v>
      </c>
      <c r="H712" s="51" t="s">
        <v>82</v>
      </c>
      <c r="I712" s="50">
        <v>4.7</v>
      </c>
    </row>
    <row r="713" spans="1:9" x14ac:dyDescent="0.35">
      <c r="A713" s="52" t="s">
        <v>78</v>
      </c>
      <c r="B713" s="51" t="s">
        <v>79</v>
      </c>
      <c r="C713" s="61">
        <v>301328968</v>
      </c>
      <c r="D713" s="62">
        <v>20</v>
      </c>
      <c r="E713" s="51">
        <v>202404</v>
      </c>
      <c r="F713" s="51" t="s">
        <v>38</v>
      </c>
      <c r="G713" s="51" t="s">
        <v>97</v>
      </c>
      <c r="H713" s="51" t="s">
        <v>82</v>
      </c>
      <c r="I713" s="50">
        <v>4.7</v>
      </c>
    </row>
    <row r="714" spans="1:9" x14ac:dyDescent="0.35">
      <c r="A714" s="52" t="s">
        <v>78</v>
      </c>
      <c r="B714" s="51" t="s">
        <v>79</v>
      </c>
      <c r="C714" s="61">
        <v>302304454</v>
      </c>
      <c r="D714" s="62">
        <v>20</v>
      </c>
      <c r="E714" s="51">
        <v>202404</v>
      </c>
      <c r="F714" s="51" t="s">
        <v>38</v>
      </c>
      <c r="G714" s="51" t="s">
        <v>97</v>
      </c>
      <c r="H714" s="51" t="s">
        <v>82</v>
      </c>
      <c r="I714" s="50">
        <v>4.7</v>
      </c>
    </row>
    <row r="715" spans="1:9" x14ac:dyDescent="0.35">
      <c r="A715" s="52" t="s">
        <v>78</v>
      </c>
      <c r="B715" s="51" t="s">
        <v>79</v>
      </c>
      <c r="C715" s="61">
        <v>302601524</v>
      </c>
      <c r="D715" s="62">
        <v>20</v>
      </c>
      <c r="E715" s="51">
        <v>202404</v>
      </c>
      <c r="F715" s="51" t="s">
        <v>38</v>
      </c>
      <c r="G715" s="51" t="s">
        <v>97</v>
      </c>
      <c r="H715" s="51" t="s">
        <v>82</v>
      </c>
      <c r="I715" s="50">
        <v>30</v>
      </c>
    </row>
    <row r="716" spans="1:9" x14ac:dyDescent="0.35">
      <c r="A716" s="52" t="s">
        <v>78</v>
      </c>
      <c r="B716" s="51" t="s">
        <v>79</v>
      </c>
      <c r="C716" s="61">
        <v>302927497</v>
      </c>
      <c r="D716" s="62">
        <v>20</v>
      </c>
      <c r="E716" s="51">
        <v>202404</v>
      </c>
      <c r="F716" s="51" t="s">
        <v>38</v>
      </c>
      <c r="G716" s="51" t="s">
        <v>97</v>
      </c>
      <c r="H716" s="51" t="s">
        <v>82</v>
      </c>
      <c r="I716" s="50">
        <v>4.7</v>
      </c>
    </row>
    <row r="717" spans="1:9" x14ac:dyDescent="0.35">
      <c r="A717" s="52" t="s">
        <v>78</v>
      </c>
      <c r="B717" s="51" t="s">
        <v>79</v>
      </c>
      <c r="C717" s="61">
        <v>303500321</v>
      </c>
      <c r="D717" s="62">
        <v>20</v>
      </c>
      <c r="E717" s="51">
        <v>202404</v>
      </c>
      <c r="F717" s="51" t="s">
        <v>38</v>
      </c>
      <c r="G717" s="51" t="s">
        <v>97</v>
      </c>
      <c r="H717" s="51" t="s">
        <v>82</v>
      </c>
      <c r="I717" s="50">
        <v>4.7</v>
      </c>
    </row>
    <row r="718" spans="1:9" x14ac:dyDescent="0.35">
      <c r="A718" s="52" t="s">
        <v>78</v>
      </c>
      <c r="B718" s="51" t="s">
        <v>79</v>
      </c>
      <c r="C718" s="61">
        <v>303672592</v>
      </c>
      <c r="D718" s="62">
        <v>20</v>
      </c>
      <c r="E718" s="51">
        <v>202404</v>
      </c>
      <c r="F718" s="51" t="s">
        <v>38</v>
      </c>
      <c r="G718" s="51" t="s">
        <v>97</v>
      </c>
      <c r="H718" s="51" t="s">
        <v>82</v>
      </c>
      <c r="I718" s="50">
        <v>95</v>
      </c>
    </row>
    <row r="719" spans="1:9" x14ac:dyDescent="0.35">
      <c r="A719" s="52" t="s">
        <v>78</v>
      </c>
      <c r="B719" s="51" t="s">
        <v>79</v>
      </c>
      <c r="C719" s="61">
        <v>303700982</v>
      </c>
      <c r="D719" s="62">
        <v>20</v>
      </c>
      <c r="E719" s="51">
        <v>202404</v>
      </c>
      <c r="F719" s="51" t="s">
        <v>38</v>
      </c>
      <c r="G719" s="51" t="s">
        <v>97</v>
      </c>
      <c r="H719" s="51" t="s">
        <v>82</v>
      </c>
      <c r="I719" s="50">
        <v>4.7</v>
      </c>
    </row>
    <row r="720" spans="1:9" x14ac:dyDescent="0.35">
      <c r="A720" s="52" t="s">
        <v>78</v>
      </c>
      <c r="B720" s="51" t="s">
        <v>79</v>
      </c>
      <c r="C720" s="61">
        <v>304553350</v>
      </c>
      <c r="D720" s="62">
        <v>20</v>
      </c>
      <c r="E720" s="51">
        <v>202404</v>
      </c>
      <c r="F720" s="51" t="s">
        <v>38</v>
      </c>
      <c r="G720" s="51" t="s">
        <v>97</v>
      </c>
      <c r="H720" s="51" t="s">
        <v>82</v>
      </c>
      <c r="I720" s="50">
        <v>4.7</v>
      </c>
    </row>
    <row r="721" spans="1:9" x14ac:dyDescent="0.35">
      <c r="A721" s="52" t="s">
        <v>78</v>
      </c>
      <c r="B721" s="51" t="s">
        <v>79</v>
      </c>
      <c r="C721" s="61">
        <v>304614252</v>
      </c>
      <c r="D721" s="62">
        <v>20</v>
      </c>
      <c r="E721" s="51">
        <v>202404</v>
      </c>
      <c r="F721" s="51" t="s">
        <v>38</v>
      </c>
      <c r="G721" s="51" t="s">
        <v>97</v>
      </c>
      <c r="H721" s="51" t="s">
        <v>82</v>
      </c>
      <c r="I721" s="50">
        <v>4.7</v>
      </c>
    </row>
    <row r="722" spans="1:9" x14ac:dyDescent="0.35">
      <c r="A722" s="52" t="s">
        <v>78</v>
      </c>
      <c r="B722" s="51" t="s">
        <v>79</v>
      </c>
      <c r="C722" s="61">
        <v>305200298</v>
      </c>
      <c r="D722" s="62">
        <v>20</v>
      </c>
      <c r="E722" s="51">
        <v>202404</v>
      </c>
      <c r="F722" s="51" t="s">
        <v>38</v>
      </c>
      <c r="G722" s="51" t="s">
        <v>97</v>
      </c>
      <c r="H722" s="51" t="s">
        <v>82</v>
      </c>
      <c r="I722" s="50">
        <v>4.7</v>
      </c>
    </row>
    <row r="723" spans="1:9" x14ac:dyDescent="0.35">
      <c r="A723" s="52" t="s">
        <v>78</v>
      </c>
      <c r="B723" s="51" t="s">
        <v>79</v>
      </c>
      <c r="C723" s="61">
        <v>305726544</v>
      </c>
      <c r="D723" s="62">
        <v>20</v>
      </c>
      <c r="E723" s="51">
        <v>202404</v>
      </c>
      <c r="F723" s="51" t="s">
        <v>38</v>
      </c>
      <c r="G723" s="51" t="s">
        <v>97</v>
      </c>
      <c r="H723" s="51" t="s">
        <v>82</v>
      </c>
      <c r="I723" s="50">
        <v>4.7</v>
      </c>
    </row>
    <row r="724" spans="1:9" x14ac:dyDescent="0.35">
      <c r="A724" s="52" t="s">
        <v>78</v>
      </c>
      <c r="B724" s="51" t="s">
        <v>79</v>
      </c>
      <c r="C724" s="61">
        <v>306402067</v>
      </c>
      <c r="D724" s="62">
        <v>20</v>
      </c>
      <c r="E724" s="51">
        <v>202404</v>
      </c>
      <c r="F724" s="51" t="s">
        <v>38</v>
      </c>
      <c r="G724" s="51" t="s">
        <v>97</v>
      </c>
      <c r="H724" s="51" t="s">
        <v>82</v>
      </c>
      <c r="I724" s="50">
        <v>4.7</v>
      </c>
    </row>
    <row r="725" spans="1:9" x14ac:dyDescent="0.35">
      <c r="A725" s="52" t="s">
        <v>78</v>
      </c>
      <c r="B725" s="51" t="s">
        <v>79</v>
      </c>
      <c r="C725" s="61">
        <v>307041430</v>
      </c>
      <c r="D725" s="62">
        <v>20</v>
      </c>
      <c r="E725" s="51">
        <v>202404</v>
      </c>
      <c r="F725" s="51" t="s">
        <v>38</v>
      </c>
      <c r="G725" s="51" t="s">
        <v>97</v>
      </c>
      <c r="H725" s="51" t="s">
        <v>82</v>
      </c>
      <c r="I725" s="50">
        <v>4.7</v>
      </c>
    </row>
    <row r="726" spans="1:9" x14ac:dyDescent="0.35">
      <c r="A726" s="52" t="s">
        <v>78</v>
      </c>
      <c r="B726" s="51" t="s">
        <v>79</v>
      </c>
      <c r="C726" s="61">
        <v>308205150</v>
      </c>
      <c r="D726" s="62">
        <v>20</v>
      </c>
      <c r="E726" s="51">
        <v>202404</v>
      </c>
      <c r="F726" s="51" t="s">
        <v>38</v>
      </c>
      <c r="G726" s="51" t="s">
        <v>97</v>
      </c>
      <c r="H726" s="51" t="s">
        <v>82</v>
      </c>
      <c r="I726" s="50">
        <v>4.7</v>
      </c>
    </row>
    <row r="727" spans="1:9" x14ac:dyDescent="0.35">
      <c r="A727" s="52" t="s">
        <v>78</v>
      </c>
      <c r="B727" s="51" t="s">
        <v>79</v>
      </c>
      <c r="C727" s="61">
        <v>308850757</v>
      </c>
      <c r="D727" s="62">
        <v>20</v>
      </c>
      <c r="E727" s="51">
        <v>202404</v>
      </c>
      <c r="F727" s="51" t="s">
        <v>38</v>
      </c>
      <c r="G727" s="51" t="s">
        <v>97</v>
      </c>
      <c r="H727" s="51" t="s">
        <v>82</v>
      </c>
      <c r="I727" s="50">
        <v>4.7</v>
      </c>
    </row>
    <row r="728" spans="1:9" x14ac:dyDescent="0.35">
      <c r="A728" s="52" t="s">
        <v>78</v>
      </c>
      <c r="B728" s="51" t="s">
        <v>79</v>
      </c>
      <c r="C728" s="61">
        <v>309934960</v>
      </c>
      <c r="D728" s="62">
        <v>20</v>
      </c>
      <c r="E728" s="51">
        <v>202404</v>
      </c>
      <c r="F728" s="51" t="s">
        <v>38</v>
      </c>
      <c r="G728" s="51" t="s">
        <v>97</v>
      </c>
      <c r="H728" s="51" t="s">
        <v>82</v>
      </c>
      <c r="I728" s="50">
        <v>4.7</v>
      </c>
    </row>
    <row r="729" spans="1:9" x14ac:dyDescent="0.35">
      <c r="A729" s="52" t="s">
        <v>78</v>
      </c>
      <c r="B729" s="51" t="s">
        <v>79</v>
      </c>
      <c r="C729" s="61">
        <v>310204894</v>
      </c>
      <c r="D729" s="62">
        <v>20</v>
      </c>
      <c r="E729" s="51">
        <v>202404</v>
      </c>
      <c r="F729" s="51" t="s">
        <v>38</v>
      </c>
      <c r="G729" s="51" t="s">
        <v>97</v>
      </c>
      <c r="H729" s="51" t="s">
        <v>82</v>
      </c>
      <c r="I729" s="50">
        <v>4.7</v>
      </c>
    </row>
    <row r="730" spans="1:9" x14ac:dyDescent="0.35">
      <c r="A730" s="52" t="s">
        <v>78</v>
      </c>
      <c r="B730" s="51" t="s">
        <v>79</v>
      </c>
      <c r="C730" s="61">
        <v>310403613</v>
      </c>
      <c r="D730" s="62">
        <v>20</v>
      </c>
      <c r="E730" s="51">
        <v>202404</v>
      </c>
      <c r="F730" s="51" t="s">
        <v>38</v>
      </c>
      <c r="G730" s="51" t="s">
        <v>97</v>
      </c>
      <c r="H730" s="51" t="s">
        <v>82</v>
      </c>
      <c r="I730" s="50">
        <v>4.7</v>
      </c>
    </row>
    <row r="731" spans="1:9" x14ac:dyDescent="0.35">
      <c r="A731" s="52" t="s">
        <v>78</v>
      </c>
      <c r="B731" s="51" t="s">
        <v>79</v>
      </c>
      <c r="C731" s="61">
        <v>311905518</v>
      </c>
      <c r="D731" s="62">
        <v>20</v>
      </c>
      <c r="E731" s="51">
        <v>202404</v>
      </c>
      <c r="F731" s="51" t="s">
        <v>38</v>
      </c>
      <c r="G731" s="51" t="s">
        <v>97</v>
      </c>
      <c r="H731" s="51" t="s">
        <v>82</v>
      </c>
      <c r="I731" s="50">
        <v>4.7</v>
      </c>
    </row>
    <row r="732" spans="1:9" x14ac:dyDescent="0.35">
      <c r="A732" s="52" t="s">
        <v>78</v>
      </c>
      <c r="B732" s="51" t="s">
        <v>79</v>
      </c>
      <c r="C732" s="61">
        <v>312200314</v>
      </c>
      <c r="D732" s="62">
        <v>20</v>
      </c>
      <c r="E732" s="51">
        <v>202404</v>
      </c>
      <c r="F732" s="51" t="s">
        <v>38</v>
      </c>
      <c r="G732" s="51" t="s">
        <v>97</v>
      </c>
      <c r="H732" s="51" t="s">
        <v>82</v>
      </c>
      <c r="I732" s="50">
        <v>95</v>
      </c>
    </row>
    <row r="733" spans="1:9" x14ac:dyDescent="0.35">
      <c r="A733" s="52" t="s">
        <v>78</v>
      </c>
      <c r="B733" s="51" t="s">
        <v>79</v>
      </c>
      <c r="C733" s="61">
        <v>312604684</v>
      </c>
      <c r="D733" s="62">
        <v>20</v>
      </c>
      <c r="E733" s="51">
        <v>202404</v>
      </c>
      <c r="F733" s="51" t="s">
        <v>38</v>
      </c>
      <c r="G733" s="51" t="s">
        <v>97</v>
      </c>
      <c r="H733" s="51" t="s">
        <v>82</v>
      </c>
      <c r="I733" s="50">
        <v>4.7</v>
      </c>
    </row>
    <row r="734" spans="1:9" x14ac:dyDescent="0.35">
      <c r="A734" s="52" t="s">
        <v>78</v>
      </c>
      <c r="B734" s="51" t="s">
        <v>79</v>
      </c>
      <c r="C734" s="61">
        <v>312805625</v>
      </c>
      <c r="D734" s="62">
        <v>20</v>
      </c>
      <c r="E734" s="51">
        <v>202404</v>
      </c>
      <c r="F734" s="51" t="s">
        <v>38</v>
      </c>
      <c r="G734" s="51" t="s">
        <v>97</v>
      </c>
      <c r="H734" s="51" t="s">
        <v>82</v>
      </c>
      <c r="I734" s="50">
        <v>4.7</v>
      </c>
    </row>
    <row r="735" spans="1:9" x14ac:dyDescent="0.35">
      <c r="A735" s="52" t="s">
        <v>78</v>
      </c>
      <c r="B735" s="51" t="s">
        <v>79</v>
      </c>
      <c r="C735" s="61">
        <v>312986402</v>
      </c>
      <c r="D735" s="62">
        <v>20</v>
      </c>
      <c r="E735" s="51">
        <v>202404</v>
      </c>
      <c r="F735" s="51" t="s">
        <v>38</v>
      </c>
      <c r="G735" s="51" t="s">
        <v>97</v>
      </c>
      <c r="H735" s="51" t="s">
        <v>82</v>
      </c>
      <c r="I735" s="50">
        <v>4.7</v>
      </c>
    </row>
    <row r="736" spans="1:9" x14ac:dyDescent="0.35">
      <c r="A736" s="52" t="s">
        <v>78</v>
      </c>
      <c r="B736" s="51" t="s">
        <v>79</v>
      </c>
      <c r="C736" s="61">
        <v>313102240</v>
      </c>
      <c r="D736" s="62">
        <v>20</v>
      </c>
      <c r="E736" s="51">
        <v>202404</v>
      </c>
      <c r="F736" s="51" t="s">
        <v>38</v>
      </c>
      <c r="G736" s="51" t="s">
        <v>97</v>
      </c>
      <c r="H736" s="51" t="s">
        <v>82</v>
      </c>
      <c r="I736" s="50">
        <v>95</v>
      </c>
    </row>
    <row r="737" spans="1:9" x14ac:dyDescent="0.35">
      <c r="A737" s="52" t="s">
        <v>78</v>
      </c>
      <c r="B737" s="51" t="s">
        <v>79</v>
      </c>
      <c r="C737" s="61">
        <v>314301480</v>
      </c>
      <c r="D737" s="62">
        <v>20</v>
      </c>
      <c r="E737" s="51">
        <v>202404</v>
      </c>
      <c r="F737" s="51" t="s">
        <v>38</v>
      </c>
      <c r="G737" s="51" t="s">
        <v>97</v>
      </c>
      <c r="H737" s="51" t="s">
        <v>82</v>
      </c>
      <c r="I737" s="50">
        <v>4.7</v>
      </c>
    </row>
    <row r="738" spans="1:9" x14ac:dyDescent="0.35">
      <c r="A738" s="52" t="s">
        <v>78</v>
      </c>
      <c r="B738" s="51" t="s">
        <v>79</v>
      </c>
      <c r="C738" s="61">
        <v>314502150</v>
      </c>
      <c r="D738" s="62">
        <v>20</v>
      </c>
      <c r="E738" s="51">
        <v>202404</v>
      </c>
      <c r="F738" s="51" t="s">
        <v>38</v>
      </c>
      <c r="G738" s="51" t="s">
        <v>97</v>
      </c>
      <c r="H738" s="51" t="s">
        <v>82</v>
      </c>
      <c r="I738" s="50">
        <v>4.7</v>
      </c>
    </row>
    <row r="739" spans="1:9" x14ac:dyDescent="0.35">
      <c r="A739" s="52" t="s">
        <v>78</v>
      </c>
      <c r="B739" s="51" t="s">
        <v>79</v>
      </c>
      <c r="C739" s="61">
        <v>314601524</v>
      </c>
      <c r="D739" s="62">
        <v>20</v>
      </c>
      <c r="E739" s="51">
        <v>202404</v>
      </c>
      <c r="F739" s="51" t="s">
        <v>38</v>
      </c>
      <c r="G739" s="51" t="s">
        <v>97</v>
      </c>
      <c r="H739" s="51" t="s">
        <v>82</v>
      </c>
      <c r="I739" s="50">
        <v>4.7</v>
      </c>
    </row>
    <row r="740" spans="1:9" x14ac:dyDescent="0.35">
      <c r="A740" s="52" t="s">
        <v>78</v>
      </c>
      <c r="B740" s="51" t="s">
        <v>79</v>
      </c>
      <c r="C740" s="61">
        <v>314700320</v>
      </c>
      <c r="D740" s="62">
        <v>20</v>
      </c>
      <c r="E740" s="51">
        <v>202404</v>
      </c>
      <c r="F740" s="51" t="s">
        <v>38</v>
      </c>
      <c r="G740" s="51" t="s">
        <v>97</v>
      </c>
      <c r="H740" s="51" t="s">
        <v>82</v>
      </c>
      <c r="I740" s="50">
        <v>4.7</v>
      </c>
    </row>
    <row r="741" spans="1:9" x14ac:dyDescent="0.35">
      <c r="A741" s="52" t="s">
        <v>78</v>
      </c>
      <c r="B741" s="51" t="s">
        <v>79</v>
      </c>
      <c r="C741" s="61">
        <v>314704414</v>
      </c>
      <c r="D741" s="62">
        <v>20</v>
      </c>
      <c r="E741" s="51">
        <v>202404</v>
      </c>
      <c r="F741" s="51" t="s">
        <v>38</v>
      </c>
      <c r="G741" s="51" t="s">
        <v>97</v>
      </c>
      <c r="H741" s="51" t="s">
        <v>82</v>
      </c>
      <c r="I741" s="50">
        <v>4.7</v>
      </c>
    </row>
    <row r="742" spans="1:9" x14ac:dyDescent="0.35">
      <c r="A742" s="52" t="s">
        <v>78</v>
      </c>
      <c r="B742" s="51" t="s">
        <v>79</v>
      </c>
      <c r="C742" s="61">
        <v>314812565</v>
      </c>
      <c r="D742" s="62">
        <v>20</v>
      </c>
      <c r="E742" s="51">
        <v>202404</v>
      </c>
      <c r="F742" s="51" t="s">
        <v>38</v>
      </c>
      <c r="G742" s="51" t="s">
        <v>97</v>
      </c>
      <c r="H742" s="51" t="s">
        <v>82</v>
      </c>
      <c r="I742" s="50">
        <v>4.7</v>
      </c>
    </row>
    <row r="743" spans="1:9" x14ac:dyDescent="0.35">
      <c r="A743" s="52" t="s">
        <v>78</v>
      </c>
      <c r="B743" s="51" t="s">
        <v>79</v>
      </c>
      <c r="C743" s="61">
        <v>315400372</v>
      </c>
      <c r="D743" s="62">
        <v>20</v>
      </c>
      <c r="E743" s="51">
        <v>202404</v>
      </c>
      <c r="F743" s="51" t="s">
        <v>38</v>
      </c>
      <c r="G743" s="51" t="s">
        <v>97</v>
      </c>
      <c r="H743" s="51" t="s">
        <v>82</v>
      </c>
      <c r="I743" s="50">
        <v>4.7</v>
      </c>
    </row>
    <row r="744" spans="1:9" x14ac:dyDescent="0.35">
      <c r="A744" s="52" t="s">
        <v>78</v>
      </c>
      <c r="B744" s="51" t="s">
        <v>79</v>
      </c>
      <c r="C744" s="61">
        <v>315703777</v>
      </c>
      <c r="D744" s="62">
        <v>20</v>
      </c>
      <c r="E744" s="51">
        <v>202404</v>
      </c>
      <c r="F744" s="51" t="s">
        <v>38</v>
      </c>
      <c r="G744" s="51" t="s">
        <v>97</v>
      </c>
      <c r="H744" s="51" t="s">
        <v>82</v>
      </c>
      <c r="I744" s="50">
        <v>4.7</v>
      </c>
    </row>
    <row r="745" spans="1:9" x14ac:dyDescent="0.35">
      <c r="A745" s="52" t="s">
        <v>78</v>
      </c>
      <c r="B745" s="51" t="s">
        <v>79</v>
      </c>
      <c r="C745" s="61">
        <v>316704951</v>
      </c>
      <c r="D745" s="62">
        <v>20</v>
      </c>
      <c r="E745" s="51">
        <v>202404</v>
      </c>
      <c r="F745" s="51" t="s">
        <v>38</v>
      </c>
      <c r="G745" s="51" t="s">
        <v>97</v>
      </c>
      <c r="H745" s="51" t="s">
        <v>82</v>
      </c>
      <c r="I745" s="50">
        <v>95</v>
      </c>
    </row>
    <row r="746" spans="1:9" x14ac:dyDescent="0.35">
      <c r="A746" s="52" t="s">
        <v>78</v>
      </c>
      <c r="B746" s="51" t="s">
        <v>79</v>
      </c>
      <c r="C746" s="61">
        <v>317004480</v>
      </c>
      <c r="D746" s="62">
        <v>20</v>
      </c>
      <c r="E746" s="51">
        <v>202404</v>
      </c>
      <c r="F746" s="51" t="s">
        <v>38</v>
      </c>
      <c r="G746" s="51" t="s">
        <v>97</v>
      </c>
      <c r="H746" s="51" t="s">
        <v>82</v>
      </c>
      <c r="I746" s="50">
        <v>30</v>
      </c>
    </row>
    <row r="747" spans="1:9" x14ac:dyDescent="0.35">
      <c r="A747" s="52" t="s">
        <v>78</v>
      </c>
      <c r="B747" s="51" t="s">
        <v>79</v>
      </c>
      <c r="C747" s="61">
        <v>317762724</v>
      </c>
      <c r="D747" s="62">
        <v>20</v>
      </c>
      <c r="E747" s="51">
        <v>202404</v>
      </c>
      <c r="F747" s="51" t="s">
        <v>38</v>
      </c>
      <c r="G747" s="51" t="s">
        <v>97</v>
      </c>
      <c r="H747" s="51" t="s">
        <v>82</v>
      </c>
      <c r="I747" s="50">
        <v>30</v>
      </c>
    </row>
    <row r="748" spans="1:9" x14ac:dyDescent="0.35">
      <c r="A748" s="52" t="s">
        <v>78</v>
      </c>
      <c r="B748" s="51" t="s">
        <v>79</v>
      </c>
      <c r="C748" s="61">
        <v>320304448</v>
      </c>
      <c r="D748" s="62">
        <v>20</v>
      </c>
      <c r="E748" s="51">
        <v>202404</v>
      </c>
      <c r="F748" s="51" t="s">
        <v>38</v>
      </c>
      <c r="G748" s="51" t="s">
        <v>97</v>
      </c>
      <c r="H748" s="51" t="s">
        <v>82</v>
      </c>
      <c r="I748" s="50">
        <v>95</v>
      </c>
    </row>
    <row r="749" spans="1:9" x14ac:dyDescent="0.35">
      <c r="A749" s="52" t="s">
        <v>78</v>
      </c>
      <c r="B749" s="51" t="s">
        <v>79</v>
      </c>
      <c r="C749" s="61">
        <v>321000151</v>
      </c>
      <c r="D749" s="62">
        <v>20</v>
      </c>
      <c r="E749" s="51">
        <v>202404</v>
      </c>
      <c r="F749" s="51" t="s">
        <v>38</v>
      </c>
      <c r="G749" s="51" t="s">
        <v>97</v>
      </c>
      <c r="H749" s="51" t="s">
        <v>82</v>
      </c>
      <c r="I749" s="50">
        <v>4.7</v>
      </c>
    </row>
    <row r="750" spans="1:9" x14ac:dyDescent="0.35">
      <c r="A750" s="52" t="s">
        <v>78</v>
      </c>
      <c r="B750" s="51" t="s">
        <v>79</v>
      </c>
      <c r="C750" s="61">
        <v>321000368</v>
      </c>
      <c r="D750" s="62">
        <v>20</v>
      </c>
      <c r="E750" s="51">
        <v>202404</v>
      </c>
      <c r="F750" s="51" t="s">
        <v>38</v>
      </c>
      <c r="G750" s="51" t="s">
        <v>97</v>
      </c>
      <c r="H750" s="51" t="s">
        <v>82</v>
      </c>
      <c r="I750" s="50">
        <v>30</v>
      </c>
    </row>
    <row r="751" spans="1:9" x14ac:dyDescent="0.35">
      <c r="A751" s="52" t="s">
        <v>78</v>
      </c>
      <c r="B751" s="51" t="s">
        <v>79</v>
      </c>
      <c r="C751" s="61">
        <v>321459389</v>
      </c>
      <c r="D751" s="62">
        <v>20</v>
      </c>
      <c r="E751" s="51">
        <v>202404</v>
      </c>
      <c r="F751" s="51" t="s">
        <v>38</v>
      </c>
      <c r="G751" s="51" t="s">
        <v>97</v>
      </c>
      <c r="H751" s="51" t="s">
        <v>82</v>
      </c>
      <c r="I751" s="50">
        <v>30</v>
      </c>
    </row>
    <row r="752" spans="1:9" x14ac:dyDescent="0.35">
      <c r="A752" s="52" t="s">
        <v>78</v>
      </c>
      <c r="B752" s="51" t="s">
        <v>79</v>
      </c>
      <c r="C752" s="61">
        <v>321601263</v>
      </c>
      <c r="D752" s="62">
        <v>20</v>
      </c>
      <c r="E752" s="51">
        <v>202404</v>
      </c>
      <c r="F752" s="51" t="s">
        <v>38</v>
      </c>
      <c r="G752" s="51" t="s">
        <v>97</v>
      </c>
      <c r="H752" s="51" t="s">
        <v>82</v>
      </c>
      <c r="I752" s="50">
        <v>4.7</v>
      </c>
    </row>
    <row r="753" spans="1:9" x14ac:dyDescent="0.35">
      <c r="A753" s="52" t="s">
        <v>78</v>
      </c>
      <c r="B753" s="51" t="s">
        <v>79</v>
      </c>
      <c r="C753" s="61">
        <v>324871284</v>
      </c>
      <c r="D753" s="62">
        <v>20</v>
      </c>
      <c r="E753" s="51">
        <v>202404</v>
      </c>
      <c r="F753" s="51" t="s">
        <v>38</v>
      </c>
      <c r="G753" s="51" t="s">
        <v>97</v>
      </c>
      <c r="H753" s="51" t="s">
        <v>82</v>
      </c>
      <c r="I753" s="50">
        <v>4.7</v>
      </c>
    </row>
    <row r="754" spans="1:9" x14ac:dyDescent="0.35">
      <c r="A754" s="52" t="s">
        <v>78</v>
      </c>
      <c r="B754" s="51" t="s">
        <v>79</v>
      </c>
      <c r="C754" s="61">
        <v>325432001</v>
      </c>
      <c r="D754" s="62">
        <v>20</v>
      </c>
      <c r="E754" s="51">
        <v>202404</v>
      </c>
      <c r="F754" s="51" t="s">
        <v>38</v>
      </c>
      <c r="G754" s="51" t="s">
        <v>97</v>
      </c>
      <c r="H754" s="51" t="s">
        <v>82</v>
      </c>
      <c r="I754" s="50">
        <v>4.7</v>
      </c>
    </row>
    <row r="755" spans="1:9" x14ac:dyDescent="0.35">
      <c r="A755" s="52" t="s">
        <v>78</v>
      </c>
      <c r="B755" s="51" t="s">
        <v>79</v>
      </c>
      <c r="C755" s="61">
        <v>328004973</v>
      </c>
      <c r="D755" s="62">
        <v>20</v>
      </c>
      <c r="E755" s="51">
        <v>202404</v>
      </c>
      <c r="F755" s="51" t="s">
        <v>38</v>
      </c>
      <c r="G755" s="51" t="s">
        <v>97</v>
      </c>
      <c r="H755" s="51" t="s">
        <v>82</v>
      </c>
      <c r="I755" s="50">
        <v>95</v>
      </c>
    </row>
    <row r="756" spans="1:9" x14ac:dyDescent="0.35">
      <c r="A756" s="52" t="s">
        <v>78</v>
      </c>
      <c r="B756" s="51" t="s">
        <v>79</v>
      </c>
      <c r="C756" s="61">
        <v>328201143</v>
      </c>
      <c r="D756" s="62">
        <v>20</v>
      </c>
      <c r="E756" s="51">
        <v>202404</v>
      </c>
      <c r="F756" s="51" t="s">
        <v>38</v>
      </c>
      <c r="G756" s="51" t="s">
        <v>97</v>
      </c>
      <c r="H756" s="51" t="s">
        <v>82</v>
      </c>
      <c r="I756" s="50">
        <v>4.7</v>
      </c>
    </row>
    <row r="757" spans="1:9" x14ac:dyDescent="0.35">
      <c r="A757" s="52" t="s">
        <v>78</v>
      </c>
      <c r="B757" s="51" t="s">
        <v>79</v>
      </c>
      <c r="C757" s="61">
        <v>328535477</v>
      </c>
      <c r="D757" s="62">
        <v>20</v>
      </c>
      <c r="E757" s="51">
        <v>202404</v>
      </c>
      <c r="F757" s="51" t="s">
        <v>38</v>
      </c>
      <c r="G757" s="51" t="s">
        <v>97</v>
      </c>
      <c r="H757" s="51" t="s">
        <v>82</v>
      </c>
      <c r="I757" s="50">
        <v>4.7</v>
      </c>
    </row>
    <row r="758" spans="1:9" x14ac:dyDescent="0.35">
      <c r="A758" s="52" t="s">
        <v>78</v>
      </c>
      <c r="B758" s="51" t="s">
        <v>79</v>
      </c>
      <c r="C758" s="61">
        <v>329677391</v>
      </c>
      <c r="D758" s="62">
        <v>20</v>
      </c>
      <c r="E758" s="51">
        <v>202404</v>
      </c>
      <c r="F758" s="51" t="s">
        <v>38</v>
      </c>
      <c r="G758" s="51" t="s">
        <v>97</v>
      </c>
      <c r="H758" s="51" t="s">
        <v>82</v>
      </c>
      <c r="I758" s="50">
        <v>4.7</v>
      </c>
    </row>
    <row r="759" spans="1:9" x14ac:dyDescent="0.35">
      <c r="A759" s="52" t="s">
        <v>78</v>
      </c>
      <c r="B759" s="51" t="s">
        <v>79</v>
      </c>
      <c r="C759" s="61">
        <v>332851040</v>
      </c>
      <c r="D759" s="62">
        <v>20</v>
      </c>
      <c r="E759" s="51">
        <v>202404</v>
      </c>
      <c r="F759" s="51" t="s">
        <v>38</v>
      </c>
      <c r="G759" s="51" t="s">
        <v>97</v>
      </c>
      <c r="H759" s="51" t="s">
        <v>82</v>
      </c>
      <c r="I759" s="50">
        <v>4.7</v>
      </c>
    </row>
    <row r="760" spans="1:9" x14ac:dyDescent="0.35">
      <c r="A760" s="52" t="s">
        <v>78</v>
      </c>
      <c r="B760" s="51" t="s">
        <v>79</v>
      </c>
      <c r="C760" s="61">
        <v>333001239</v>
      </c>
      <c r="D760" s="62">
        <v>20</v>
      </c>
      <c r="E760" s="51">
        <v>202404</v>
      </c>
      <c r="F760" s="51" t="s">
        <v>38</v>
      </c>
      <c r="G760" s="51" t="s">
        <v>97</v>
      </c>
      <c r="H760" s="51" t="s">
        <v>82</v>
      </c>
      <c r="I760" s="50">
        <v>4.7</v>
      </c>
    </row>
    <row r="761" spans="1:9" x14ac:dyDescent="0.35">
      <c r="A761" s="52" t="s">
        <v>78</v>
      </c>
      <c r="B761" s="51" t="s">
        <v>79</v>
      </c>
      <c r="C761" s="61">
        <v>336301462</v>
      </c>
      <c r="D761" s="62">
        <v>20</v>
      </c>
      <c r="E761" s="51">
        <v>202404</v>
      </c>
      <c r="F761" s="51" t="s">
        <v>38</v>
      </c>
      <c r="G761" s="51" t="s">
        <v>97</v>
      </c>
      <c r="H761" s="51" t="s">
        <v>82</v>
      </c>
      <c r="I761" s="50">
        <v>95</v>
      </c>
    </row>
    <row r="762" spans="1:9" x14ac:dyDescent="0.35">
      <c r="A762" s="52" t="s">
        <v>78</v>
      </c>
      <c r="B762" s="51" t="s">
        <v>79</v>
      </c>
      <c r="C762" s="61">
        <v>336501454</v>
      </c>
      <c r="D762" s="62">
        <v>20</v>
      </c>
      <c r="E762" s="51">
        <v>202404</v>
      </c>
      <c r="F762" s="51" t="s">
        <v>38</v>
      </c>
      <c r="G762" s="51" t="s">
        <v>97</v>
      </c>
      <c r="H762" s="51" t="s">
        <v>82</v>
      </c>
      <c r="I762" s="50">
        <v>4.7</v>
      </c>
    </row>
    <row r="763" spans="1:9" x14ac:dyDescent="0.35">
      <c r="A763" s="52" t="s">
        <v>78</v>
      </c>
      <c r="B763" s="51" t="s">
        <v>79</v>
      </c>
      <c r="C763" s="61">
        <v>336660961</v>
      </c>
      <c r="D763" s="62">
        <v>20</v>
      </c>
      <c r="E763" s="51">
        <v>202404</v>
      </c>
      <c r="F763" s="51" t="s">
        <v>38</v>
      </c>
      <c r="G763" s="51" t="s">
        <v>97</v>
      </c>
      <c r="H763" s="51" t="s">
        <v>82</v>
      </c>
      <c r="I763" s="50">
        <v>4.7</v>
      </c>
    </row>
    <row r="764" spans="1:9" x14ac:dyDescent="0.35">
      <c r="A764" s="52" t="s">
        <v>78</v>
      </c>
      <c r="B764" s="51" t="s">
        <v>79</v>
      </c>
      <c r="C764" s="61">
        <v>336677702</v>
      </c>
      <c r="D764" s="62">
        <v>20</v>
      </c>
      <c r="E764" s="51">
        <v>202404</v>
      </c>
      <c r="F764" s="51" t="s">
        <v>38</v>
      </c>
      <c r="G764" s="51" t="s">
        <v>97</v>
      </c>
      <c r="H764" s="51" t="s">
        <v>82</v>
      </c>
      <c r="I764" s="50">
        <v>124</v>
      </c>
    </row>
    <row r="765" spans="1:9" x14ac:dyDescent="0.35">
      <c r="A765" s="52" t="s">
        <v>78</v>
      </c>
      <c r="B765" s="51" t="s">
        <v>79</v>
      </c>
      <c r="C765" s="61">
        <v>337400041</v>
      </c>
      <c r="D765" s="62">
        <v>20</v>
      </c>
      <c r="E765" s="51">
        <v>202404</v>
      </c>
      <c r="F765" s="51" t="s">
        <v>38</v>
      </c>
      <c r="G765" s="51" t="s">
        <v>97</v>
      </c>
      <c r="H765" s="51" t="s">
        <v>82</v>
      </c>
      <c r="I765" s="50">
        <v>4.7</v>
      </c>
    </row>
    <row r="766" spans="1:9" x14ac:dyDescent="0.35">
      <c r="A766" s="52" t="s">
        <v>78</v>
      </c>
      <c r="B766" s="51" t="s">
        <v>79</v>
      </c>
      <c r="C766" s="61">
        <v>338374633</v>
      </c>
      <c r="D766" s="62">
        <v>20</v>
      </c>
      <c r="E766" s="51">
        <v>202404</v>
      </c>
      <c r="F766" s="51" t="s">
        <v>38</v>
      </c>
      <c r="G766" s="51" t="s">
        <v>97</v>
      </c>
      <c r="H766" s="51" t="s">
        <v>82</v>
      </c>
      <c r="I766" s="50">
        <v>4.7</v>
      </c>
    </row>
    <row r="767" spans="1:9" x14ac:dyDescent="0.35">
      <c r="A767" s="52" t="s">
        <v>78</v>
      </c>
      <c r="B767" s="51" t="s">
        <v>79</v>
      </c>
      <c r="C767" s="61">
        <v>338703950</v>
      </c>
      <c r="D767" s="62">
        <v>20</v>
      </c>
      <c r="E767" s="51">
        <v>202404</v>
      </c>
      <c r="F767" s="51" t="s">
        <v>38</v>
      </c>
      <c r="G767" s="51" t="s">
        <v>97</v>
      </c>
      <c r="H767" s="51" t="s">
        <v>82</v>
      </c>
      <c r="I767" s="50">
        <v>4.7</v>
      </c>
    </row>
    <row r="768" spans="1:9" x14ac:dyDescent="0.35">
      <c r="A768" s="52" t="s">
        <v>78</v>
      </c>
      <c r="B768" s="51" t="s">
        <v>79</v>
      </c>
      <c r="C768" s="61">
        <v>339061960</v>
      </c>
      <c r="D768" s="62">
        <v>20</v>
      </c>
      <c r="E768" s="51">
        <v>202404</v>
      </c>
      <c r="F768" s="51" t="s">
        <v>38</v>
      </c>
      <c r="G768" s="51" t="s">
        <v>97</v>
      </c>
      <c r="H768" s="51" t="s">
        <v>82</v>
      </c>
      <c r="I768" s="50">
        <v>4.7</v>
      </c>
    </row>
    <row r="769" spans="1:9" x14ac:dyDescent="0.35">
      <c r="A769" s="52" t="s">
        <v>78</v>
      </c>
      <c r="B769" s="51" t="s">
        <v>79</v>
      </c>
      <c r="C769" s="61">
        <v>339169570</v>
      </c>
      <c r="D769" s="62">
        <v>20</v>
      </c>
      <c r="E769" s="51">
        <v>202404</v>
      </c>
      <c r="F769" s="51" t="s">
        <v>38</v>
      </c>
      <c r="G769" s="51" t="s">
        <v>97</v>
      </c>
      <c r="H769" s="51" t="s">
        <v>82</v>
      </c>
      <c r="I769" s="50">
        <v>4.7</v>
      </c>
    </row>
    <row r="770" spans="1:9" x14ac:dyDescent="0.35">
      <c r="A770" s="52" t="s">
        <v>78</v>
      </c>
      <c r="B770" s="51" t="s">
        <v>79</v>
      </c>
      <c r="C770" s="61">
        <v>339570463</v>
      </c>
      <c r="D770" s="62">
        <v>20</v>
      </c>
      <c r="E770" s="51">
        <v>202404</v>
      </c>
      <c r="F770" s="51" t="s">
        <v>38</v>
      </c>
      <c r="G770" s="51" t="s">
        <v>97</v>
      </c>
      <c r="H770" s="51" t="s">
        <v>82</v>
      </c>
      <c r="I770" s="50">
        <v>124</v>
      </c>
    </row>
    <row r="771" spans="1:9" x14ac:dyDescent="0.35">
      <c r="A771" s="52" t="s">
        <v>78</v>
      </c>
      <c r="B771" s="51" t="s">
        <v>79</v>
      </c>
      <c r="C771" s="61">
        <v>339605574</v>
      </c>
      <c r="D771" s="62">
        <v>20</v>
      </c>
      <c r="E771" s="51">
        <v>202404</v>
      </c>
      <c r="F771" s="51" t="s">
        <v>38</v>
      </c>
      <c r="G771" s="51" t="s">
        <v>97</v>
      </c>
      <c r="H771" s="51" t="s">
        <v>82</v>
      </c>
      <c r="I771" s="50">
        <v>4.7</v>
      </c>
    </row>
    <row r="772" spans="1:9" x14ac:dyDescent="0.35">
      <c r="A772" s="52" t="s">
        <v>78</v>
      </c>
      <c r="B772" s="51" t="s">
        <v>79</v>
      </c>
      <c r="C772" s="61">
        <v>339802185</v>
      </c>
      <c r="D772" s="62">
        <v>20</v>
      </c>
      <c r="E772" s="51">
        <v>202404</v>
      </c>
      <c r="F772" s="51" t="s">
        <v>38</v>
      </c>
      <c r="G772" s="51" t="s">
        <v>97</v>
      </c>
      <c r="H772" s="51" t="s">
        <v>82</v>
      </c>
      <c r="I772" s="50">
        <v>4.7</v>
      </c>
    </row>
    <row r="773" spans="1:9" x14ac:dyDescent="0.35">
      <c r="A773" s="52" t="s">
        <v>78</v>
      </c>
      <c r="B773" s="51" t="s">
        <v>79</v>
      </c>
      <c r="C773" s="61">
        <v>339849730</v>
      </c>
      <c r="D773" s="62">
        <v>20</v>
      </c>
      <c r="E773" s="51">
        <v>202404</v>
      </c>
      <c r="F773" s="51" t="s">
        <v>38</v>
      </c>
      <c r="G773" s="51" t="s">
        <v>97</v>
      </c>
      <c r="H773" s="51" t="s">
        <v>82</v>
      </c>
      <c r="I773" s="50">
        <v>4.7</v>
      </c>
    </row>
    <row r="774" spans="1:9" x14ac:dyDescent="0.35">
      <c r="A774" s="52" t="s">
        <v>78</v>
      </c>
      <c r="B774" s="51" t="s">
        <v>79</v>
      </c>
      <c r="C774" s="61">
        <v>340330300</v>
      </c>
      <c r="D774" s="62">
        <v>20</v>
      </c>
      <c r="E774" s="51">
        <v>202404</v>
      </c>
      <c r="F774" s="51" t="s">
        <v>38</v>
      </c>
      <c r="G774" s="51" t="s">
        <v>97</v>
      </c>
      <c r="H774" s="51" t="s">
        <v>82</v>
      </c>
      <c r="I774" s="50">
        <v>4.7</v>
      </c>
    </row>
    <row r="775" spans="1:9" x14ac:dyDescent="0.35">
      <c r="A775" s="52" t="s">
        <v>78</v>
      </c>
      <c r="B775" s="51" t="s">
        <v>79</v>
      </c>
      <c r="C775" s="61">
        <v>340733140</v>
      </c>
      <c r="D775" s="62">
        <v>20</v>
      </c>
      <c r="E775" s="51">
        <v>202404</v>
      </c>
      <c r="F775" s="51" t="s">
        <v>38</v>
      </c>
      <c r="G775" s="51" t="s">
        <v>97</v>
      </c>
      <c r="H775" s="51" t="s">
        <v>82</v>
      </c>
      <c r="I775" s="50">
        <v>4.7</v>
      </c>
    </row>
    <row r="776" spans="1:9" x14ac:dyDescent="0.35">
      <c r="A776" s="52" t="s">
        <v>78</v>
      </c>
      <c r="B776" s="51" t="s">
        <v>79</v>
      </c>
      <c r="C776" s="61">
        <v>341101493</v>
      </c>
      <c r="D776" s="62">
        <v>20</v>
      </c>
      <c r="E776" s="51">
        <v>202404</v>
      </c>
      <c r="F776" s="51" t="s">
        <v>38</v>
      </c>
      <c r="G776" s="51" t="s">
        <v>97</v>
      </c>
      <c r="H776" s="51" t="s">
        <v>82</v>
      </c>
      <c r="I776" s="50">
        <v>4.7</v>
      </c>
    </row>
    <row r="777" spans="1:9" x14ac:dyDescent="0.35">
      <c r="A777" s="52" t="s">
        <v>78</v>
      </c>
      <c r="B777" s="51" t="s">
        <v>79</v>
      </c>
      <c r="C777" s="61">
        <v>341606067</v>
      </c>
      <c r="D777" s="62">
        <v>20</v>
      </c>
      <c r="E777" s="51">
        <v>202404</v>
      </c>
      <c r="F777" s="51" t="s">
        <v>38</v>
      </c>
      <c r="G777" s="51" t="s">
        <v>97</v>
      </c>
      <c r="H777" s="51" t="s">
        <v>82</v>
      </c>
      <c r="I777" s="50">
        <v>4.7</v>
      </c>
    </row>
    <row r="778" spans="1:9" x14ac:dyDescent="0.35">
      <c r="A778" s="52" t="s">
        <v>78</v>
      </c>
      <c r="B778" s="51" t="s">
        <v>79</v>
      </c>
      <c r="C778" s="61">
        <v>341817820</v>
      </c>
      <c r="D778" s="62">
        <v>20</v>
      </c>
      <c r="E778" s="51">
        <v>202404</v>
      </c>
      <c r="F778" s="51" t="s">
        <v>38</v>
      </c>
      <c r="G778" s="51" t="s">
        <v>97</v>
      </c>
      <c r="H778" s="51" t="s">
        <v>82</v>
      </c>
      <c r="I778" s="50">
        <v>4.7</v>
      </c>
    </row>
    <row r="779" spans="1:9" x14ac:dyDescent="0.35">
      <c r="A779" s="52" t="s">
        <v>78</v>
      </c>
      <c r="B779" s="51" t="s">
        <v>79</v>
      </c>
      <c r="C779" s="61">
        <v>342501158</v>
      </c>
      <c r="D779" s="62">
        <v>20</v>
      </c>
      <c r="E779" s="51">
        <v>202404</v>
      </c>
      <c r="F779" s="51" t="s">
        <v>38</v>
      </c>
      <c r="G779" s="51" t="s">
        <v>97</v>
      </c>
      <c r="H779" s="51" t="s">
        <v>82</v>
      </c>
      <c r="I779" s="50">
        <v>4.7</v>
      </c>
    </row>
    <row r="780" spans="1:9" x14ac:dyDescent="0.35">
      <c r="A780" s="52" t="s">
        <v>78</v>
      </c>
      <c r="B780" s="51" t="s">
        <v>79</v>
      </c>
      <c r="C780" s="61">
        <v>343304163</v>
      </c>
      <c r="D780" s="62">
        <v>20</v>
      </c>
      <c r="E780" s="51">
        <v>202404</v>
      </c>
      <c r="F780" s="51" t="s">
        <v>38</v>
      </c>
      <c r="G780" s="51" t="s">
        <v>97</v>
      </c>
      <c r="H780" s="51" t="s">
        <v>82</v>
      </c>
      <c r="I780" s="50">
        <v>4.7</v>
      </c>
    </row>
    <row r="781" spans="1:9" x14ac:dyDescent="0.35">
      <c r="A781" s="52" t="s">
        <v>78</v>
      </c>
      <c r="B781" s="51" t="s">
        <v>79</v>
      </c>
      <c r="C781" s="61">
        <v>343601545</v>
      </c>
      <c r="D781" s="62">
        <v>20</v>
      </c>
      <c r="E781" s="51">
        <v>202404</v>
      </c>
      <c r="F781" s="51" t="s">
        <v>38</v>
      </c>
      <c r="G781" s="51" t="s">
        <v>97</v>
      </c>
      <c r="H781" s="51" t="s">
        <v>82</v>
      </c>
      <c r="I781" s="50">
        <v>4.7</v>
      </c>
    </row>
    <row r="782" spans="1:9" x14ac:dyDescent="0.35">
      <c r="A782" s="52" t="s">
        <v>78</v>
      </c>
      <c r="B782" s="51" t="s">
        <v>79</v>
      </c>
      <c r="C782" s="61">
        <v>343661250</v>
      </c>
      <c r="D782" s="62">
        <v>20</v>
      </c>
      <c r="E782" s="51">
        <v>202404</v>
      </c>
      <c r="F782" s="51" t="s">
        <v>38</v>
      </c>
      <c r="G782" s="51" t="s">
        <v>97</v>
      </c>
      <c r="H782" s="51" t="s">
        <v>82</v>
      </c>
      <c r="I782" s="50">
        <v>95</v>
      </c>
    </row>
    <row r="783" spans="1:9" x14ac:dyDescent="0.35">
      <c r="A783" s="52" t="s">
        <v>78</v>
      </c>
      <c r="B783" s="51" t="s">
        <v>79</v>
      </c>
      <c r="C783" s="61">
        <v>344650572</v>
      </c>
      <c r="D783" s="62">
        <v>20</v>
      </c>
      <c r="E783" s="51">
        <v>202404</v>
      </c>
      <c r="F783" s="51" t="s">
        <v>38</v>
      </c>
      <c r="G783" s="51" t="s">
        <v>97</v>
      </c>
      <c r="H783" s="51" t="s">
        <v>82</v>
      </c>
      <c r="I783" s="50">
        <v>4.7</v>
      </c>
    </row>
    <row r="784" spans="1:9" x14ac:dyDescent="0.35">
      <c r="A784" s="52" t="s">
        <v>78</v>
      </c>
      <c r="B784" s="51" t="s">
        <v>79</v>
      </c>
      <c r="C784" s="61">
        <v>344704088</v>
      </c>
      <c r="D784" s="62">
        <v>20</v>
      </c>
      <c r="E784" s="51">
        <v>202404</v>
      </c>
      <c r="F784" s="51" t="s">
        <v>38</v>
      </c>
      <c r="G784" s="51" t="s">
        <v>97</v>
      </c>
      <c r="H784" s="51" t="s">
        <v>82</v>
      </c>
      <c r="I784" s="50">
        <v>4.7</v>
      </c>
    </row>
    <row r="785" spans="1:9" x14ac:dyDescent="0.35">
      <c r="A785" s="52" t="s">
        <v>78</v>
      </c>
      <c r="B785" s="51" t="s">
        <v>79</v>
      </c>
      <c r="C785" s="61">
        <v>346078501</v>
      </c>
      <c r="D785" s="62">
        <v>20</v>
      </c>
      <c r="E785" s="51">
        <v>202404</v>
      </c>
      <c r="F785" s="51" t="s">
        <v>38</v>
      </c>
      <c r="G785" s="51" t="s">
        <v>97</v>
      </c>
      <c r="H785" s="51" t="s">
        <v>82</v>
      </c>
      <c r="I785" s="50">
        <v>30</v>
      </c>
    </row>
    <row r="786" spans="1:9" x14ac:dyDescent="0.35">
      <c r="A786" s="52" t="s">
        <v>78</v>
      </c>
      <c r="B786" s="51" t="s">
        <v>79</v>
      </c>
      <c r="C786" s="61">
        <v>346154333</v>
      </c>
      <c r="D786" s="62">
        <v>20</v>
      </c>
      <c r="E786" s="51">
        <v>202404</v>
      </c>
      <c r="F786" s="51" t="s">
        <v>38</v>
      </c>
      <c r="G786" s="51" t="s">
        <v>97</v>
      </c>
      <c r="H786" s="51" t="s">
        <v>82</v>
      </c>
      <c r="I786" s="50">
        <v>4.7</v>
      </c>
    </row>
    <row r="787" spans="1:9" x14ac:dyDescent="0.35">
      <c r="A787" s="52" t="s">
        <v>78</v>
      </c>
      <c r="B787" s="51" t="s">
        <v>79</v>
      </c>
      <c r="C787" s="61">
        <v>346958924</v>
      </c>
      <c r="D787" s="62">
        <v>20</v>
      </c>
      <c r="E787" s="51">
        <v>202404</v>
      </c>
      <c r="F787" s="51" t="s">
        <v>38</v>
      </c>
      <c r="G787" s="51" t="s">
        <v>97</v>
      </c>
      <c r="H787" s="51" t="s">
        <v>82</v>
      </c>
      <c r="I787" s="50">
        <v>4.7</v>
      </c>
    </row>
    <row r="788" spans="1:9" x14ac:dyDescent="0.35">
      <c r="A788" s="52" t="s">
        <v>78</v>
      </c>
      <c r="B788" s="51" t="s">
        <v>79</v>
      </c>
      <c r="C788" s="61">
        <v>348575372</v>
      </c>
      <c r="D788" s="62">
        <v>20</v>
      </c>
      <c r="E788" s="51">
        <v>202404</v>
      </c>
      <c r="F788" s="51" t="s">
        <v>38</v>
      </c>
      <c r="G788" s="51" t="s">
        <v>97</v>
      </c>
      <c r="H788" s="51" t="s">
        <v>82</v>
      </c>
      <c r="I788" s="50">
        <v>30</v>
      </c>
    </row>
    <row r="789" spans="1:9" x14ac:dyDescent="0.35">
      <c r="A789" s="52" t="s">
        <v>78</v>
      </c>
      <c r="B789" s="51" t="s">
        <v>79</v>
      </c>
      <c r="C789" s="61">
        <v>349103372</v>
      </c>
      <c r="D789" s="62">
        <v>20</v>
      </c>
      <c r="E789" s="51">
        <v>202404</v>
      </c>
      <c r="F789" s="51" t="s">
        <v>38</v>
      </c>
      <c r="G789" s="51" t="s">
        <v>97</v>
      </c>
      <c r="H789" s="51" t="s">
        <v>82</v>
      </c>
      <c r="I789" s="50">
        <v>4.7</v>
      </c>
    </row>
    <row r="790" spans="1:9" x14ac:dyDescent="0.35">
      <c r="A790" s="52" t="s">
        <v>78</v>
      </c>
      <c r="B790" s="51" t="s">
        <v>79</v>
      </c>
      <c r="C790" s="61">
        <v>349800851</v>
      </c>
      <c r="D790" s="62">
        <v>20</v>
      </c>
      <c r="E790" s="51">
        <v>202404</v>
      </c>
      <c r="F790" s="51" t="s">
        <v>38</v>
      </c>
      <c r="G790" s="51" t="s">
        <v>97</v>
      </c>
      <c r="H790" s="51" t="s">
        <v>82</v>
      </c>
      <c r="I790" s="50">
        <v>4.7</v>
      </c>
    </row>
    <row r="791" spans="1:9" x14ac:dyDescent="0.35">
      <c r="A791" s="52" t="s">
        <v>78</v>
      </c>
      <c r="B791" s="51" t="s">
        <v>79</v>
      </c>
      <c r="C791" s="61">
        <v>350197256</v>
      </c>
      <c r="D791" s="62">
        <v>20</v>
      </c>
      <c r="E791" s="51">
        <v>202404</v>
      </c>
      <c r="F791" s="51" t="s">
        <v>38</v>
      </c>
      <c r="G791" s="51" t="s">
        <v>97</v>
      </c>
      <c r="H791" s="51" t="s">
        <v>82</v>
      </c>
      <c r="I791" s="50">
        <v>4.7</v>
      </c>
    </row>
    <row r="792" spans="1:9" x14ac:dyDescent="0.35">
      <c r="A792" s="52" t="s">
        <v>78</v>
      </c>
      <c r="B792" s="51" t="s">
        <v>79</v>
      </c>
      <c r="C792" s="61">
        <v>350561867</v>
      </c>
      <c r="D792" s="62">
        <v>20</v>
      </c>
      <c r="E792" s="51">
        <v>202404</v>
      </c>
      <c r="F792" s="51" t="s">
        <v>38</v>
      </c>
      <c r="G792" s="51" t="s">
        <v>97</v>
      </c>
      <c r="H792" s="51" t="s">
        <v>82</v>
      </c>
      <c r="I792" s="50">
        <v>4.7</v>
      </c>
    </row>
    <row r="793" spans="1:9" x14ac:dyDescent="0.35">
      <c r="A793" s="52" t="s">
        <v>78</v>
      </c>
      <c r="B793" s="51" t="s">
        <v>79</v>
      </c>
      <c r="C793" s="61">
        <v>350891660</v>
      </c>
      <c r="D793" s="62">
        <v>20</v>
      </c>
      <c r="E793" s="51">
        <v>202404</v>
      </c>
      <c r="F793" s="51" t="s">
        <v>38</v>
      </c>
      <c r="G793" s="51" t="s">
        <v>97</v>
      </c>
      <c r="H793" s="51" t="s">
        <v>82</v>
      </c>
      <c r="I793" s="50">
        <v>4.7</v>
      </c>
    </row>
    <row r="794" spans="1:9" x14ac:dyDescent="0.35">
      <c r="A794" s="52" t="s">
        <v>78</v>
      </c>
      <c r="B794" s="51" t="s">
        <v>79</v>
      </c>
      <c r="C794" s="61">
        <v>352502713</v>
      </c>
      <c r="D794" s="62">
        <v>20</v>
      </c>
      <c r="E794" s="51">
        <v>202404</v>
      </c>
      <c r="F794" s="51" t="s">
        <v>38</v>
      </c>
      <c r="G794" s="51" t="s">
        <v>97</v>
      </c>
      <c r="H794" s="51" t="s">
        <v>82</v>
      </c>
      <c r="I794" s="50">
        <v>4.7</v>
      </c>
    </row>
    <row r="795" spans="1:9" x14ac:dyDescent="0.35">
      <c r="A795" s="52" t="s">
        <v>78</v>
      </c>
      <c r="B795" s="51" t="s">
        <v>79</v>
      </c>
      <c r="C795" s="61">
        <v>353618621</v>
      </c>
      <c r="D795" s="62">
        <v>20</v>
      </c>
      <c r="E795" s="51">
        <v>202404</v>
      </c>
      <c r="F795" s="51" t="s">
        <v>38</v>
      </c>
      <c r="G795" s="51" t="s">
        <v>97</v>
      </c>
      <c r="H795" s="51" t="s">
        <v>82</v>
      </c>
      <c r="I795" s="50">
        <v>30</v>
      </c>
    </row>
    <row r="796" spans="1:9" x14ac:dyDescent="0.35">
      <c r="A796" s="52" t="s">
        <v>78</v>
      </c>
      <c r="B796" s="51" t="s">
        <v>79</v>
      </c>
      <c r="C796" s="61">
        <v>353872567</v>
      </c>
      <c r="D796" s="62">
        <v>20</v>
      </c>
      <c r="E796" s="51">
        <v>202404</v>
      </c>
      <c r="F796" s="51" t="s">
        <v>38</v>
      </c>
      <c r="G796" s="51" t="s">
        <v>97</v>
      </c>
      <c r="H796" s="51" t="s">
        <v>82</v>
      </c>
      <c r="I796" s="50">
        <v>4.7</v>
      </c>
    </row>
    <row r="797" spans="1:9" x14ac:dyDescent="0.35">
      <c r="A797" s="52" t="s">
        <v>78</v>
      </c>
      <c r="B797" s="51" t="s">
        <v>79</v>
      </c>
      <c r="C797" s="61">
        <v>354097799</v>
      </c>
      <c r="D797" s="62">
        <v>20</v>
      </c>
      <c r="E797" s="51">
        <v>202404</v>
      </c>
      <c r="F797" s="51" t="s">
        <v>38</v>
      </c>
      <c r="G797" s="51" t="s">
        <v>97</v>
      </c>
      <c r="H797" s="51" t="s">
        <v>82</v>
      </c>
      <c r="I797" s="50">
        <v>4.7</v>
      </c>
    </row>
    <row r="798" spans="1:9" x14ac:dyDescent="0.35">
      <c r="A798" s="52" t="s">
        <v>78</v>
      </c>
      <c r="B798" s="51" t="s">
        <v>79</v>
      </c>
      <c r="C798" s="61">
        <v>354324932</v>
      </c>
      <c r="D798" s="62">
        <v>20</v>
      </c>
      <c r="E798" s="51">
        <v>202404</v>
      </c>
      <c r="F798" s="51" t="s">
        <v>38</v>
      </c>
      <c r="G798" s="51" t="s">
        <v>97</v>
      </c>
      <c r="H798" s="51" t="s">
        <v>82</v>
      </c>
      <c r="I798" s="50">
        <v>4.7</v>
      </c>
    </row>
    <row r="799" spans="1:9" x14ac:dyDescent="0.35">
      <c r="A799" s="52" t="s">
        <v>78</v>
      </c>
      <c r="B799" s="51" t="s">
        <v>79</v>
      </c>
      <c r="C799" s="61">
        <v>354521402</v>
      </c>
      <c r="D799" s="62">
        <v>20</v>
      </c>
      <c r="E799" s="51">
        <v>202404</v>
      </c>
      <c r="F799" s="51" t="s">
        <v>38</v>
      </c>
      <c r="G799" s="51" t="s">
        <v>97</v>
      </c>
      <c r="H799" s="51" t="s">
        <v>82</v>
      </c>
      <c r="I799" s="50">
        <v>4.7</v>
      </c>
    </row>
    <row r="800" spans="1:9" x14ac:dyDescent="0.35">
      <c r="A800" s="52" t="s">
        <v>78</v>
      </c>
      <c r="B800" s="51" t="s">
        <v>79</v>
      </c>
      <c r="C800" s="61">
        <v>354547356</v>
      </c>
      <c r="D800" s="62">
        <v>20</v>
      </c>
      <c r="E800" s="51">
        <v>202404</v>
      </c>
      <c r="F800" s="51" t="s">
        <v>38</v>
      </c>
      <c r="G800" s="51" t="s">
        <v>97</v>
      </c>
      <c r="H800" s="51" t="s">
        <v>82</v>
      </c>
      <c r="I800" s="50">
        <v>4.7</v>
      </c>
    </row>
    <row r="801" spans="1:9" x14ac:dyDescent="0.35">
      <c r="A801" s="52" t="s">
        <v>78</v>
      </c>
      <c r="B801" s="51" t="s">
        <v>79</v>
      </c>
      <c r="C801" s="61">
        <v>355100945</v>
      </c>
      <c r="D801" s="62">
        <v>20</v>
      </c>
      <c r="E801" s="51">
        <v>202404</v>
      </c>
      <c r="F801" s="51" t="s">
        <v>38</v>
      </c>
      <c r="G801" s="51" t="s">
        <v>97</v>
      </c>
      <c r="H801" s="51" t="s">
        <v>82</v>
      </c>
      <c r="I801" s="50">
        <v>95</v>
      </c>
    </row>
    <row r="802" spans="1:9" x14ac:dyDescent="0.35">
      <c r="A802" s="52" t="s">
        <v>78</v>
      </c>
      <c r="B802" s="51" t="s">
        <v>79</v>
      </c>
      <c r="C802" s="61">
        <v>355701157</v>
      </c>
      <c r="D802" s="62">
        <v>20</v>
      </c>
      <c r="E802" s="51">
        <v>202404</v>
      </c>
      <c r="F802" s="51" t="s">
        <v>38</v>
      </c>
      <c r="G802" s="51" t="s">
        <v>97</v>
      </c>
      <c r="H802" s="51" t="s">
        <v>82</v>
      </c>
      <c r="I802" s="50">
        <v>30</v>
      </c>
    </row>
    <row r="803" spans="1:9" x14ac:dyDescent="0.35">
      <c r="A803" s="52" t="s">
        <v>78</v>
      </c>
      <c r="B803" s="51" t="s">
        <v>79</v>
      </c>
      <c r="C803" s="61">
        <v>356302530</v>
      </c>
      <c r="D803" s="62">
        <v>20</v>
      </c>
      <c r="E803" s="51">
        <v>202404</v>
      </c>
      <c r="F803" s="51" t="s">
        <v>38</v>
      </c>
      <c r="G803" s="51" t="s">
        <v>97</v>
      </c>
      <c r="H803" s="51" t="s">
        <v>82</v>
      </c>
      <c r="I803" s="50">
        <v>4.7</v>
      </c>
    </row>
    <row r="804" spans="1:9" x14ac:dyDescent="0.35">
      <c r="A804" s="52" t="s">
        <v>78</v>
      </c>
      <c r="B804" s="51" t="s">
        <v>79</v>
      </c>
      <c r="C804" s="61">
        <v>356382767</v>
      </c>
      <c r="D804" s="62">
        <v>20</v>
      </c>
      <c r="E804" s="51">
        <v>202404</v>
      </c>
      <c r="F804" s="51" t="s">
        <v>38</v>
      </c>
      <c r="G804" s="51" t="s">
        <v>97</v>
      </c>
      <c r="H804" s="51" t="s">
        <v>82</v>
      </c>
      <c r="I804" s="50">
        <v>4.7</v>
      </c>
    </row>
    <row r="805" spans="1:9" x14ac:dyDescent="0.35">
      <c r="A805" s="52" t="s">
        <v>78</v>
      </c>
      <c r="B805" s="51" t="s">
        <v>79</v>
      </c>
      <c r="C805" s="61">
        <v>357633082</v>
      </c>
      <c r="D805" s="62">
        <v>20</v>
      </c>
      <c r="E805" s="51">
        <v>202404</v>
      </c>
      <c r="F805" s="51" t="s">
        <v>38</v>
      </c>
      <c r="G805" s="51" t="s">
        <v>97</v>
      </c>
      <c r="H805" s="51" t="s">
        <v>82</v>
      </c>
      <c r="I805" s="50">
        <v>4.7</v>
      </c>
    </row>
    <row r="806" spans="1:9" x14ac:dyDescent="0.35">
      <c r="A806" s="52" t="s">
        <v>78</v>
      </c>
      <c r="B806" s="51" t="s">
        <v>79</v>
      </c>
      <c r="C806" s="61">
        <v>358400213</v>
      </c>
      <c r="D806" s="62">
        <v>20</v>
      </c>
      <c r="E806" s="51">
        <v>202404</v>
      </c>
      <c r="F806" s="51" t="s">
        <v>38</v>
      </c>
      <c r="G806" s="51" t="s">
        <v>97</v>
      </c>
      <c r="H806" s="51" t="s">
        <v>82</v>
      </c>
      <c r="I806" s="50">
        <v>4.7</v>
      </c>
    </row>
    <row r="807" spans="1:9" x14ac:dyDescent="0.35">
      <c r="A807" s="52" t="s">
        <v>78</v>
      </c>
      <c r="B807" s="51" t="s">
        <v>79</v>
      </c>
      <c r="C807" s="61">
        <v>358803780</v>
      </c>
      <c r="D807" s="62">
        <v>20</v>
      </c>
      <c r="E807" s="51">
        <v>202404</v>
      </c>
      <c r="F807" s="51" t="s">
        <v>38</v>
      </c>
      <c r="G807" s="51" t="s">
        <v>97</v>
      </c>
      <c r="H807" s="51" t="s">
        <v>82</v>
      </c>
      <c r="I807" s="50">
        <v>4.7</v>
      </c>
    </row>
    <row r="808" spans="1:9" x14ac:dyDescent="0.35">
      <c r="A808" s="52" t="s">
        <v>78</v>
      </c>
      <c r="B808" s="51" t="s">
        <v>79</v>
      </c>
      <c r="C808" s="61">
        <v>360208221</v>
      </c>
      <c r="D808" s="62">
        <v>20</v>
      </c>
      <c r="E808" s="51">
        <v>202404</v>
      </c>
      <c r="F808" s="51" t="s">
        <v>38</v>
      </c>
      <c r="G808" s="51" t="s">
        <v>97</v>
      </c>
      <c r="H808" s="51" t="s">
        <v>82</v>
      </c>
      <c r="I808" s="50">
        <v>4.7</v>
      </c>
    </row>
    <row r="809" spans="1:9" x14ac:dyDescent="0.35">
      <c r="A809" s="52" t="s">
        <v>78</v>
      </c>
      <c r="B809" s="51" t="s">
        <v>79</v>
      </c>
      <c r="C809" s="61">
        <v>360298907</v>
      </c>
      <c r="D809" s="62">
        <v>20</v>
      </c>
      <c r="E809" s="51">
        <v>202404</v>
      </c>
      <c r="F809" s="51" t="s">
        <v>38</v>
      </c>
      <c r="G809" s="51" t="s">
        <v>97</v>
      </c>
      <c r="H809" s="51" t="s">
        <v>82</v>
      </c>
      <c r="I809" s="50">
        <v>4.7</v>
      </c>
    </row>
    <row r="810" spans="1:9" x14ac:dyDescent="0.35">
      <c r="A810" s="52" t="s">
        <v>78</v>
      </c>
      <c r="B810" s="51" t="s">
        <v>79</v>
      </c>
      <c r="C810" s="61">
        <v>361005215</v>
      </c>
      <c r="D810" s="62">
        <v>20</v>
      </c>
      <c r="E810" s="51">
        <v>202404</v>
      </c>
      <c r="F810" s="51" t="s">
        <v>38</v>
      </c>
      <c r="G810" s="51" t="s">
        <v>97</v>
      </c>
      <c r="H810" s="51" t="s">
        <v>82</v>
      </c>
      <c r="I810" s="50">
        <v>4.7</v>
      </c>
    </row>
    <row r="811" spans="1:9" x14ac:dyDescent="0.35">
      <c r="A811" s="52" t="s">
        <v>78</v>
      </c>
      <c r="B811" s="51" t="s">
        <v>79</v>
      </c>
      <c r="C811" s="61">
        <v>361205014</v>
      </c>
      <c r="D811" s="62">
        <v>20</v>
      </c>
      <c r="E811" s="51">
        <v>202404</v>
      </c>
      <c r="F811" s="51" t="s">
        <v>38</v>
      </c>
      <c r="G811" s="51" t="s">
        <v>97</v>
      </c>
      <c r="H811" s="51" t="s">
        <v>82</v>
      </c>
      <c r="I811" s="50">
        <v>4.7</v>
      </c>
    </row>
    <row r="812" spans="1:9" x14ac:dyDescent="0.35">
      <c r="A812" s="52" t="s">
        <v>78</v>
      </c>
      <c r="B812" s="51" t="s">
        <v>79</v>
      </c>
      <c r="C812" s="61">
        <v>361220851</v>
      </c>
      <c r="D812" s="62">
        <v>20</v>
      </c>
      <c r="E812" s="51">
        <v>202404</v>
      </c>
      <c r="F812" s="51" t="s">
        <v>38</v>
      </c>
      <c r="G812" s="51" t="s">
        <v>97</v>
      </c>
      <c r="H812" s="51" t="s">
        <v>82</v>
      </c>
      <c r="I812" s="50">
        <v>4.7</v>
      </c>
    </row>
    <row r="813" spans="1:9" x14ac:dyDescent="0.35">
      <c r="A813" s="52" t="s">
        <v>78</v>
      </c>
      <c r="B813" s="51" t="s">
        <v>79</v>
      </c>
      <c r="C813" s="61">
        <v>362442723</v>
      </c>
      <c r="D813" s="62">
        <v>20</v>
      </c>
      <c r="E813" s="51">
        <v>202404</v>
      </c>
      <c r="F813" s="51" t="s">
        <v>38</v>
      </c>
      <c r="G813" s="51" t="s">
        <v>97</v>
      </c>
      <c r="H813" s="51" t="s">
        <v>82</v>
      </c>
      <c r="I813" s="50">
        <v>4.7</v>
      </c>
    </row>
    <row r="814" spans="1:9" x14ac:dyDescent="0.35">
      <c r="A814" s="52" t="s">
        <v>78</v>
      </c>
      <c r="B814" s="51" t="s">
        <v>79</v>
      </c>
      <c r="C814" s="61">
        <v>363002077</v>
      </c>
      <c r="D814" s="62">
        <v>20</v>
      </c>
      <c r="E814" s="51">
        <v>202404</v>
      </c>
      <c r="F814" s="51" t="s">
        <v>38</v>
      </c>
      <c r="G814" s="51" t="s">
        <v>97</v>
      </c>
      <c r="H814" s="51" t="s">
        <v>82</v>
      </c>
      <c r="I814" s="50">
        <v>4.7</v>
      </c>
    </row>
    <row r="815" spans="1:9" x14ac:dyDescent="0.35">
      <c r="A815" s="52" t="s">
        <v>78</v>
      </c>
      <c r="B815" s="51" t="s">
        <v>79</v>
      </c>
      <c r="C815" s="61">
        <v>363101217</v>
      </c>
      <c r="D815" s="62">
        <v>20</v>
      </c>
      <c r="E815" s="51">
        <v>202404</v>
      </c>
      <c r="F815" s="51" t="s">
        <v>38</v>
      </c>
      <c r="G815" s="51" t="s">
        <v>97</v>
      </c>
      <c r="H815" s="51" t="s">
        <v>82</v>
      </c>
      <c r="I815" s="50">
        <v>4.7</v>
      </c>
    </row>
    <row r="816" spans="1:9" x14ac:dyDescent="0.35">
      <c r="A816" s="52" t="s">
        <v>78</v>
      </c>
      <c r="B816" s="51" t="s">
        <v>79</v>
      </c>
      <c r="C816" s="61">
        <v>363400264</v>
      </c>
      <c r="D816" s="62">
        <v>20</v>
      </c>
      <c r="E816" s="51">
        <v>202404</v>
      </c>
      <c r="F816" s="51" t="s">
        <v>38</v>
      </c>
      <c r="G816" s="51" t="s">
        <v>97</v>
      </c>
      <c r="H816" s="51" t="s">
        <v>82</v>
      </c>
      <c r="I816" s="50">
        <v>4.7</v>
      </c>
    </row>
    <row r="817" spans="1:9" x14ac:dyDescent="0.35">
      <c r="A817" s="52" t="s">
        <v>78</v>
      </c>
      <c r="B817" s="51" t="s">
        <v>79</v>
      </c>
      <c r="C817" s="61">
        <v>364114380</v>
      </c>
      <c r="D817" s="62">
        <v>20</v>
      </c>
      <c r="E817" s="51">
        <v>202404</v>
      </c>
      <c r="F817" s="51" t="s">
        <v>38</v>
      </c>
      <c r="G817" s="51" t="s">
        <v>97</v>
      </c>
      <c r="H817" s="51" t="s">
        <v>82</v>
      </c>
      <c r="I817" s="50">
        <v>4.7</v>
      </c>
    </row>
    <row r="818" spans="1:9" x14ac:dyDescent="0.35">
      <c r="A818" s="52" t="s">
        <v>78</v>
      </c>
      <c r="B818" s="51" t="s">
        <v>79</v>
      </c>
      <c r="C818" s="61">
        <v>364406432</v>
      </c>
      <c r="D818" s="62">
        <v>20</v>
      </c>
      <c r="E818" s="51">
        <v>202404</v>
      </c>
      <c r="F818" s="51" t="s">
        <v>38</v>
      </c>
      <c r="G818" s="51" t="s">
        <v>97</v>
      </c>
      <c r="H818" s="51" t="s">
        <v>82</v>
      </c>
      <c r="I818" s="50">
        <v>4.7</v>
      </c>
    </row>
    <row r="819" spans="1:9" x14ac:dyDescent="0.35">
      <c r="A819" s="52" t="s">
        <v>78</v>
      </c>
      <c r="B819" s="51" t="s">
        <v>79</v>
      </c>
      <c r="C819" s="61">
        <v>364503983</v>
      </c>
      <c r="D819" s="62">
        <v>20</v>
      </c>
      <c r="E819" s="51">
        <v>202404</v>
      </c>
      <c r="F819" s="51" t="s">
        <v>38</v>
      </c>
      <c r="G819" s="51" t="s">
        <v>97</v>
      </c>
      <c r="H819" s="51" t="s">
        <v>82</v>
      </c>
      <c r="I819" s="50">
        <v>4.7</v>
      </c>
    </row>
    <row r="820" spans="1:9" x14ac:dyDescent="0.35">
      <c r="A820" s="52" t="s">
        <v>78</v>
      </c>
      <c r="B820" s="51" t="s">
        <v>79</v>
      </c>
      <c r="C820" s="61">
        <v>365673055</v>
      </c>
      <c r="D820" s="62">
        <v>20</v>
      </c>
      <c r="E820" s="51">
        <v>202404</v>
      </c>
      <c r="F820" s="51" t="s">
        <v>38</v>
      </c>
      <c r="G820" s="51" t="s">
        <v>97</v>
      </c>
      <c r="H820" s="51" t="s">
        <v>82</v>
      </c>
      <c r="I820" s="50">
        <v>4.7</v>
      </c>
    </row>
    <row r="821" spans="1:9" x14ac:dyDescent="0.35">
      <c r="A821" s="52" t="s">
        <v>78</v>
      </c>
      <c r="B821" s="51" t="s">
        <v>79</v>
      </c>
      <c r="C821" s="61">
        <v>365898897</v>
      </c>
      <c r="D821" s="62">
        <v>20</v>
      </c>
      <c r="E821" s="51">
        <v>202404</v>
      </c>
      <c r="F821" s="51" t="s">
        <v>38</v>
      </c>
      <c r="G821" s="51" t="s">
        <v>97</v>
      </c>
      <c r="H821" s="51" t="s">
        <v>82</v>
      </c>
      <c r="I821" s="50">
        <v>4.7</v>
      </c>
    </row>
    <row r="822" spans="1:9" x14ac:dyDescent="0.35">
      <c r="A822" s="52" t="s">
        <v>78</v>
      </c>
      <c r="B822" s="51" t="s">
        <v>79</v>
      </c>
      <c r="C822" s="61">
        <v>366703867</v>
      </c>
      <c r="D822" s="62">
        <v>20</v>
      </c>
      <c r="E822" s="51">
        <v>202404</v>
      </c>
      <c r="F822" s="51" t="s">
        <v>38</v>
      </c>
      <c r="G822" s="51" t="s">
        <v>97</v>
      </c>
      <c r="H822" s="51" t="s">
        <v>82</v>
      </c>
      <c r="I822" s="50">
        <v>4.7</v>
      </c>
    </row>
    <row r="823" spans="1:9" x14ac:dyDescent="0.35">
      <c r="A823" s="52" t="s">
        <v>78</v>
      </c>
      <c r="B823" s="51" t="s">
        <v>79</v>
      </c>
      <c r="C823" s="61">
        <v>367005728</v>
      </c>
      <c r="D823" s="62">
        <v>20</v>
      </c>
      <c r="E823" s="51">
        <v>202404</v>
      </c>
      <c r="F823" s="51" t="s">
        <v>38</v>
      </c>
      <c r="G823" s="51" t="s">
        <v>97</v>
      </c>
      <c r="H823" s="51" t="s">
        <v>82</v>
      </c>
      <c r="I823" s="50">
        <v>4.7</v>
      </c>
    </row>
    <row r="824" spans="1:9" x14ac:dyDescent="0.35">
      <c r="A824" s="52" t="s">
        <v>78</v>
      </c>
      <c r="B824" s="51" t="s">
        <v>79</v>
      </c>
      <c r="C824" s="61">
        <v>367300670</v>
      </c>
      <c r="D824" s="62">
        <v>20</v>
      </c>
      <c r="E824" s="51">
        <v>202404</v>
      </c>
      <c r="F824" s="51" t="s">
        <v>38</v>
      </c>
      <c r="G824" s="51" t="s">
        <v>97</v>
      </c>
      <c r="H824" s="51" t="s">
        <v>82</v>
      </c>
      <c r="I824" s="50">
        <v>4.7</v>
      </c>
    </row>
    <row r="825" spans="1:9" x14ac:dyDescent="0.35">
      <c r="A825" s="52" t="s">
        <v>78</v>
      </c>
      <c r="B825" s="51" t="s">
        <v>79</v>
      </c>
      <c r="C825" s="61">
        <v>367448746</v>
      </c>
      <c r="D825" s="62">
        <v>20</v>
      </c>
      <c r="E825" s="51">
        <v>202404</v>
      </c>
      <c r="F825" s="51" t="s">
        <v>38</v>
      </c>
      <c r="G825" s="51" t="s">
        <v>97</v>
      </c>
      <c r="H825" s="51" t="s">
        <v>82</v>
      </c>
      <c r="I825" s="50">
        <v>95</v>
      </c>
    </row>
    <row r="826" spans="1:9" x14ac:dyDescent="0.35">
      <c r="A826" s="52" t="s">
        <v>78</v>
      </c>
      <c r="B826" s="51" t="s">
        <v>79</v>
      </c>
      <c r="C826" s="61">
        <v>367453210</v>
      </c>
      <c r="D826" s="62">
        <v>20</v>
      </c>
      <c r="E826" s="51">
        <v>202404</v>
      </c>
      <c r="F826" s="51" t="s">
        <v>38</v>
      </c>
      <c r="G826" s="51" t="s">
        <v>97</v>
      </c>
      <c r="H826" s="51" t="s">
        <v>82</v>
      </c>
      <c r="I826" s="50">
        <v>4.7</v>
      </c>
    </row>
    <row r="827" spans="1:9" x14ac:dyDescent="0.35">
      <c r="A827" s="52" t="s">
        <v>78</v>
      </c>
      <c r="B827" s="51" t="s">
        <v>79</v>
      </c>
      <c r="C827" s="61">
        <v>368023001</v>
      </c>
      <c r="D827" s="62">
        <v>20</v>
      </c>
      <c r="E827" s="51">
        <v>202404</v>
      </c>
      <c r="F827" s="51" t="s">
        <v>38</v>
      </c>
      <c r="G827" s="51" t="s">
        <v>97</v>
      </c>
      <c r="H827" s="51" t="s">
        <v>82</v>
      </c>
      <c r="I827" s="50">
        <v>95</v>
      </c>
    </row>
    <row r="828" spans="1:9" x14ac:dyDescent="0.35">
      <c r="A828" s="52" t="s">
        <v>78</v>
      </c>
      <c r="B828" s="51" t="s">
        <v>79</v>
      </c>
      <c r="C828" s="61">
        <v>368102250</v>
      </c>
      <c r="D828" s="62">
        <v>20</v>
      </c>
      <c r="E828" s="51">
        <v>202404</v>
      </c>
      <c r="F828" s="51" t="s">
        <v>38</v>
      </c>
      <c r="G828" s="51" t="s">
        <v>97</v>
      </c>
      <c r="H828" s="51" t="s">
        <v>82</v>
      </c>
      <c r="I828" s="50">
        <v>4.7</v>
      </c>
    </row>
    <row r="829" spans="1:9" x14ac:dyDescent="0.35">
      <c r="A829" s="52" t="s">
        <v>78</v>
      </c>
      <c r="B829" s="51" t="s">
        <v>79</v>
      </c>
      <c r="C829" s="61">
        <v>369050204</v>
      </c>
      <c r="D829" s="62">
        <v>20</v>
      </c>
      <c r="E829" s="51">
        <v>202404</v>
      </c>
      <c r="F829" s="51" t="s">
        <v>38</v>
      </c>
      <c r="G829" s="51" t="s">
        <v>97</v>
      </c>
      <c r="H829" s="51" t="s">
        <v>82</v>
      </c>
      <c r="I829" s="50">
        <v>4.7</v>
      </c>
    </row>
    <row r="830" spans="1:9" x14ac:dyDescent="0.35">
      <c r="A830" s="52" t="s">
        <v>78</v>
      </c>
      <c r="B830" s="51" t="s">
        <v>79</v>
      </c>
      <c r="C830" s="61">
        <v>370605341</v>
      </c>
      <c r="D830" s="62">
        <v>20</v>
      </c>
      <c r="E830" s="51">
        <v>202404</v>
      </c>
      <c r="F830" s="51" t="s">
        <v>38</v>
      </c>
      <c r="G830" s="51" t="s">
        <v>97</v>
      </c>
      <c r="H830" s="51" t="s">
        <v>82</v>
      </c>
      <c r="I830" s="50">
        <v>30</v>
      </c>
    </row>
    <row r="831" spans="1:9" x14ac:dyDescent="0.35">
      <c r="A831" s="52" t="s">
        <v>78</v>
      </c>
      <c r="B831" s="51" t="s">
        <v>79</v>
      </c>
      <c r="C831" s="61">
        <v>371602266</v>
      </c>
      <c r="D831" s="62">
        <v>20</v>
      </c>
      <c r="E831" s="51">
        <v>202404</v>
      </c>
      <c r="F831" s="51" t="s">
        <v>38</v>
      </c>
      <c r="G831" s="51" t="s">
        <v>97</v>
      </c>
      <c r="H831" s="51" t="s">
        <v>82</v>
      </c>
      <c r="I831" s="50">
        <v>4.7</v>
      </c>
    </row>
    <row r="832" spans="1:9" x14ac:dyDescent="0.35">
      <c r="A832" s="52" t="s">
        <v>78</v>
      </c>
      <c r="B832" s="51" t="s">
        <v>79</v>
      </c>
      <c r="C832" s="61">
        <v>372020900</v>
      </c>
      <c r="D832" s="62">
        <v>20</v>
      </c>
      <c r="E832" s="51">
        <v>202404</v>
      </c>
      <c r="F832" s="51" t="s">
        <v>38</v>
      </c>
      <c r="G832" s="51" t="s">
        <v>97</v>
      </c>
      <c r="H832" s="51" t="s">
        <v>82</v>
      </c>
      <c r="I832" s="50">
        <v>95</v>
      </c>
    </row>
    <row r="833" spans="1:9" x14ac:dyDescent="0.35">
      <c r="A833" s="52" t="s">
        <v>78</v>
      </c>
      <c r="B833" s="51" t="s">
        <v>79</v>
      </c>
      <c r="C833" s="61">
        <v>373502402</v>
      </c>
      <c r="D833" s="62">
        <v>20</v>
      </c>
      <c r="E833" s="51">
        <v>202404</v>
      </c>
      <c r="F833" s="51" t="s">
        <v>38</v>
      </c>
      <c r="G833" s="51" t="s">
        <v>97</v>
      </c>
      <c r="H833" s="51" t="s">
        <v>82</v>
      </c>
      <c r="I833" s="50">
        <v>30</v>
      </c>
    </row>
    <row r="834" spans="1:9" x14ac:dyDescent="0.35">
      <c r="A834" s="52" t="s">
        <v>78</v>
      </c>
      <c r="B834" s="51" t="s">
        <v>79</v>
      </c>
      <c r="C834" s="61">
        <v>375601526</v>
      </c>
      <c r="D834" s="62">
        <v>20</v>
      </c>
      <c r="E834" s="51">
        <v>202404</v>
      </c>
      <c r="F834" s="51" t="s">
        <v>38</v>
      </c>
      <c r="G834" s="51" t="s">
        <v>97</v>
      </c>
      <c r="H834" s="51" t="s">
        <v>82</v>
      </c>
      <c r="I834" s="50">
        <v>4.7</v>
      </c>
    </row>
    <row r="835" spans="1:9" x14ac:dyDescent="0.35">
      <c r="A835" s="52" t="s">
        <v>78</v>
      </c>
      <c r="B835" s="51" t="s">
        <v>79</v>
      </c>
      <c r="C835" s="61">
        <v>375707291</v>
      </c>
      <c r="D835" s="62">
        <v>20</v>
      </c>
      <c r="E835" s="51">
        <v>202404</v>
      </c>
      <c r="F835" s="51" t="s">
        <v>38</v>
      </c>
      <c r="G835" s="51" t="s">
        <v>97</v>
      </c>
      <c r="H835" s="51" t="s">
        <v>82</v>
      </c>
      <c r="I835" s="50">
        <v>4.7</v>
      </c>
    </row>
    <row r="836" spans="1:9" x14ac:dyDescent="0.35">
      <c r="A836" s="52" t="s">
        <v>78</v>
      </c>
      <c r="B836" s="51" t="s">
        <v>79</v>
      </c>
      <c r="C836" s="61">
        <v>375900524</v>
      </c>
      <c r="D836" s="62">
        <v>20</v>
      </c>
      <c r="E836" s="51">
        <v>202404</v>
      </c>
      <c r="F836" s="51" t="s">
        <v>38</v>
      </c>
      <c r="G836" s="51" t="s">
        <v>97</v>
      </c>
      <c r="H836" s="51" t="s">
        <v>82</v>
      </c>
      <c r="I836" s="50">
        <v>95</v>
      </c>
    </row>
    <row r="837" spans="1:9" x14ac:dyDescent="0.35">
      <c r="A837" s="52" t="s">
        <v>78</v>
      </c>
      <c r="B837" s="51" t="s">
        <v>79</v>
      </c>
      <c r="C837" s="61">
        <v>376100624</v>
      </c>
      <c r="D837" s="62">
        <v>20</v>
      </c>
      <c r="E837" s="51">
        <v>202404</v>
      </c>
      <c r="F837" s="51" t="s">
        <v>38</v>
      </c>
      <c r="G837" s="51" t="s">
        <v>97</v>
      </c>
      <c r="H837" s="51" t="s">
        <v>82</v>
      </c>
      <c r="I837" s="50">
        <v>30</v>
      </c>
    </row>
    <row r="838" spans="1:9" x14ac:dyDescent="0.35">
      <c r="A838" s="52" t="s">
        <v>78</v>
      </c>
      <c r="B838" s="51" t="s">
        <v>79</v>
      </c>
      <c r="C838" s="61">
        <v>376505715</v>
      </c>
      <c r="D838" s="62">
        <v>20</v>
      </c>
      <c r="E838" s="51">
        <v>202404</v>
      </c>
      <c r="F838" s="51" t="s">
        <v>38</v>
      </c>
      <c r="G838" s="51" t="s">
        <v>97</v>
      </c>
      <c r="H838" s="51" t="s">
        <v>82</v>
      </c>
      <c r="I838" s="50">
        <v>4.7</v>
      </c>
    </row>
    <row r="839" spans="1:9" x14ac:dyDescent="0.35">
      <c r="A839" s="52" t="s">
        <v>78</v>
      </c>
      <c r="B839" s="51" t="s">
        <v>79</v>
      </c>
      <c r="C839" s="61">
        <v>376534162</v>
      </c>
      <c r="D839" s="62">
        <v>20</v>
      </c>
      <c r="E839" s="51">
        <v>202404</v>
      </c>
      <c r="F839" s="51" t="s">
        <v>38</v>
      </c>
      <c r="G839" s="51" t="s">
        <v>97</v>
      </c>
      <c r="H839" s="51" t="s">
        <v>82</v>
      </c>
      <c r="I839" s="50">
        <v>4.7</v>
      </c>
    </row>
    <row r="840" spans="1:9" x14ac:dyDescent="0.35">
      <c r="A840" s="52" t="s">
        <v>78</v>
      </c>
      <c r="B840" s="51" t="s">
        <v>79</v>
      </c>
      <c r="C840" s="61">
        <v>377100734</v>
      </c>
      <c r="D840" s="62">
        <v>20</v>
      </c>
      <c r="E840" s="51">
        <v>202404</v>
      </c>
      <c r="F840" s="51" t="s">
        <v>38</v>
      </c>
      <c r="G840" s="51" t="s">
        <v>97</v>
      </c>
      <c r="H840" s="51" t="s">
        <v>82</v>
      </c>
      <c r="I840" s="50">
        <v>4.7</v>
      </c>
    </row>
    <row r="841" spans="1:9" x14ac:dyDescent="0.35">
      <c r="A841" s="52" t="s">
        <v>78</v>
      </c>
      <c r="B841" s="51" t="s">
        <v>79</v>
      </c>
      <c r="C841" s="61">
        <v>378536331</v>
      </c>
      <c r="D841" s="62">
        <v>20</v>
      </c>
      <c r="E841" s="51">
        <v>202404</v>
      </c>
      <c r="F841" s="51" t="s">
        <v>38</v>
      </c>
      <c r="G841" s="51" t="s">
        <v>97</v>
      </c>
      <c r="H841" s="51" t="s">
        <v>82</v>
      </c>
      <c r="I841" s="50">
        <v>4.7</v>
      </c>
    </row>
    <row r="842" spans="1:9" x14ac:dyDescent="0.35">
      <c r="A842" s="52" t="s">
        <v>78</v>
      </c>
      <c r="B842" s="51" t="s">
        <v>79</v>
      </c>
      <c r="C842" s="61">
        <v>380304445</v>
      </c>
      <c r="D842" s="62">
        <v>20</v>
      </c>
      <c r="E842" s="51">
        <v>202404</v>
      </c>
      <c r="F842" s="51" t="s">
        <v>38</v>
      </c>
      <c r="G842" s="51" t="s">
        <v>97</v>
      </c>
      <c r="H842" s="51" t="s">
        <v>82</v>
      </c>
      <c r="I842" s="50">
        <v>4.7</v>
      </c>
    </row>
    <row r="843" spans="1:9" x14ac:dyDescent="0.35">
      <c r="A843" s="52" t="s">
        <v>78</v>
      </c>
      <c r="B843" s="51" t="s">
        <v>79</v>
      </c>
      <c r="C843" s="61">
        <v>380802610</v>
      </c>
      <c r="D843" s="62">
        <v>20</v>
      </c>
      <c r="E843" s="51">
        <v>202404</v>
      </c>
      <c r="F843" s="51" t="s">
        <v>38</v>
      </c>
      <c r="G843" s="51" t="s">
        <v>97</v>
      </c>
      <c r="H843" s="51" t="s">
        <v>82</v>
      </c>
      <c r="I843" s="50">
        <v>4.7</v>
      </c>
    </row>
    <row r="844" spans="1:9" x14ac:dyDescent="0.35">
      <c r="A844" s="52" t="s">
        <v>78</v>
      </c>
      <c r="B844" s="51" t="s">
        <v>79</v>
      </c>
      <c r="C844" s="61">
        <v>381002867</v>
      </c>
      <c r="D844" s="62">
        <v>20</v>
      </c>
      <c r="E844" s="51">
        <v>202404</v>
      </c>
      <c r="F844" s="51" t="s">
        <v>38</v>
      </c>
      <c r="G844" s="51" t="s">
        <v>97</v>
      </c>
      <c r="H844" s="51" t="s">
        <v>82</v>
      </c>
      <c r="I844" s="50">
        <v>4.7</v>
      </c>
    </row>
    <row r="845" spans="1:9" x14ac:dyDescent="0.35">
      <c r="A845" s="52" t="s">
        <v>78</v>
      </c>
      <c r="B845" s="51" t="s">
        <v>79</v>
      </c>
      <c r="C845" s="61">
        <v>381780460</v>
      </c>
      <c r="D845" s="62">
        <v>20</v>
      </c>
      <c r="E845" s="51">
        <v>202404</v>
      </c>
      <c r="F845" s="51" t="s">
        <v>38</v>
      </c>
      <c r="G845" s="51" t="s">
        <v>97</v>
      </c>
      <c r="H845" s="51" t="s">
        <v>82</v>
      </c>
      <c r="I845" s="50">
        <v>4.7</v>
      </c>
    </row>
    <row r="846" spans="1:9" x14ac:dyDescent="0.35">
      <c r="A846" s="52" t="s">
        <v>78</v>
      </c>
      <c r="B846" s="51" t="s">
        <v>79</v>
      </c>
      <c r="C846" s="61">
        <v>381901262</v>
      </c>
      <c r="D846" s="62">
        <v>20</v>
      </c>
      <c r="E846" s="51">
        <v>202404</v>
      </c>
      <c r="F846" s="51" t="s">
        <v>38</v>
      </c>
      <c r="G846" s="51" t="s">
        <v>97</v>
      </c>
      <c r="H846" s="51" t="s">
        <v>82</v>
      </c>
      <c r="I846" s="50">
        <v>4.7</v>
      </c>
    </row>
    <row r="847" spans="1:9" x14ac:dyDescent="0.35">
      <c r="A847" s="52" t="s">
        <v>78</v>
      </c>
      <c r="B847" s="51" t="s">
        <v>79</v>
      </c>
      <c r="C847" s="61">
        <v>382105621</v>
      </c>
      <c r="D847" s="62">
        <v>20</v>
      </c>
      <c r="E847" s="51">
        <v>202404</v>
      </c>
      <c r="F847" s="51" t="s">
        <v>38</v>
      </c>
      <c r="G847" s="51" t="s">
        <v>97</v>
      </c>
      <c r="H847" s="51" t="s">
        <v>82</v>
      </c>
      <c r="I847" s="50">
        <v>95</v>
      </c>
    </row>
    <row r="848" spans="1:9" x14ac:dyDescent="0.35">
      <c r="A848" s="52" t="s">
        <v>78</v>
      </c>
      <c r="B848" s="51" t="s">
        <v>79</v>
      </c>
      <c r="C848" s="61">
        <v>382155678</v>
      </c>
      <c r="D848" s="62">
        <v>20</v>
      </c>
      <c r="E848" s="51">
        <v>202404</v>
      </c>
      <c r="F848" s="51" t="s">
        <v>38</v>
      </c>
      <c r="G848" s="51" t="s">
        <v>97</v>
      </c>
      <c r="H848" s="51" t="s">
        <v>82</v>
      </c>
      <c r="I848" s="50">
        <v>4.7</v>
      </c>
    </row>
    <row r="849" spans="1:9" x14ac:dyDescent="0.35">
      <c r="A849" s="52" t="s">
        <v>78</v>
      </c>
      <c r="B849" s="51" t="s">
        <v>79</v>
      </c>
      <c r="C849" s="61">
        <v>382514951</v>
      </c>
      <c r="D849" s="62">
        <v>20</v>
      </c>
      <c r="E849" s="51">
        <v>202404</v>
      </c>
      <c r="F849" s="51" t="s">
        <v>38</v>
      </c>
      <c r="G849" s="51" t="s">
        <v>97</v>
      </c>
      <c r="H849" s="51" t="s">
        <v>82</v>
      </c>
      <c r="I849" s="50">
        <v>4.7</v>
      </c>
    </row>
    <row r="850" spans="1:9" x14ac:dyDescent="0.35">
      <c r="A850" s="52" t="s">
        <v>78</v>
      </c>
      <c r="B850" s="51" t="s">
        <v>79</v>
      </c>
      <c r="C850" s="61">
        <v>382598470</v>
      </c>
      <c r="D850" s="62">
        <v>20</v>
      </c>
      <c r="E850" s="51">
        <v>202404</v>
      </c>
      <c r="F850" s="51" t="s">
        <v>38</v>
      </c>
      <c r="G850" s="51" t="s">
        <v>97</v>
      </c>
      <c r="H850" s="51" t="s">
        <v>82</v>
      </c>
      <c r="I850" s="50">
        <v>4.7</v>
      </c>
    </row>
    <row r="851" spans="1:9" x14ac:dyDescent="0.35">
      <c r="A851" s="52" t="s">
        <v>78</v>
      </c>
      <c r="B851" s="51" t="s">
        <v>79</v>
      </c>
      <c r="C851" s="61">
        <v>382701160</v>
      </c>
      <c r="D851" s="62">
        <v>20</v>
      </c>
      <c r="E851" s="51">
        <v>202404</v>
      </c>
      <c r="F851" s="51" t="s">
        <v>38</v>
      </c>
      <c r="G851" s="51" t="s">
        <v>97</v>
      </c>
      <c r="H851" s="51" t="s">
        <v>82</v>
      </c>
      <c r="I851" s="50">
        <v>4.7</v>
      </c>
    </row>
    <row r="852" spans="1:9" x14ac:dyDescent="0.35">
      <c r="A852" s="52" t="s">
        <v>78</v>
      </c>
      <c r="B852" s="51" t="s">
        <v>79</v>
      </c>
      <c r="C852" s="61">
        <v>384405063</v>
      </c>
      <c r="D852" s="62">
        <v>20</v>
      </c>
      <c r="E852" s="51">
        <v>202404</v>
      </c>
      <c r="F852" s="51" t="s">
        <v>38</v>
      </c>
      <c r="G852" s="51" t="s">
        <v>97</v>
      </c>
      <c r="H852" s="51" t="s">
        <v>82</v>
      </c>
      <c r="I852" s="50">
        <v>4.7</v>
      </c>
    </row>
    <row r="853" spans="1:9" x14ac:dyDescent="0.35">
      <c r="A853" s="52" t="s">
        <v>78</v>
      </c>
      <c r="B853" s="51" t="s">
        <v>79</v>
      </c>
      <c r="C853" s="61">
        <v>384637972</v>
      </c>
      <c r="D853" s="62">
        <v>20</v>
      </c>
      <c r="E853" s="51">
        <v>202404</v>
      </c>
      <c r="F853" s="51" t="s">
        <v>38</v>
      </c>
      <c r="G853" s="51" t="s">
        <v>97</v>
      </c>
      <c r="H853" s="51" t="s">
        <v>82</v>
      </c>
      <c r="I853" s="50">
        <v>95</v>
      </c>
    </row>
    <row r="854" spans="1:9" x14ac:dyDescent="0.35">
      <c r="A854" s="52" t="s">
        <v>78</v>
      </c>
      <c r="B854" s="51" t="s">
        <v>79</v>
      </c>
      <c r="C854" s="61">
        <v>386012012</v>
      </c>
      <c r="D854" s="62">
        <v>20</v>
      </c>
      <c r="E854" s="51">
        <v>202404</v>
      </c>
      <c r="F854" s="51" t="s">
        <v>38</v>
      </c>
      <c r="G854" s="51" t="s">
        <v>97</v>
      </c>
      <c r="H854" s="51" t="s">
        <v>82</v>
      </c>
      <c r="I854" s="50">
        <v>4.7</v>
      </c>
    </row>
    <row r="855" spans="1:9" x14ac:dyDescent="0.35">
      <c r="A855" s="52" t="s">
        <v>78</v>
      </c>
      <c r="B855" s="51" t="s">
        <v>79</v>
      </c>
      <c r="C855" s="61">
        <v>386012012</v>
      </c>
      <c r="D855" s="62">
        <v>20</v>
      </c>
      <c r="E855" s="51">
        <v>202404</v>
      </c>
      <c r="F855" s="51" t="s">
        <v>38</v>
      </c>
      <c r="G855" s="51" t="s">
        <v>97</v>
      </c>
      <c r="H855" s="51" t="s">
        <v>82</v>
      </c>
      <c r="I855" s="50">
        <v>4.7</v>
      </c>
    </row>
    <row r="856" spans="1:9" x14ac:dyDescent="0.35">
      <c r="A856" s="52" t="s">
        <v>78</v>
      </c>
      <c r="B856" s="51" t="s">
        <v>79</v>
      </c>
      <c r="C856" s="61">
        <v>386104444</v>
      </c>
      <c r="D856" s="62">
        <v>20</v>
      </c>
      <c r="E856" s="51">
        <v>202404</v>
      </c>
      <c r="F856" s="51" t="s">
        <v>38</v>
      </c>
      <c r="G856" s="51" t="s">
        <v>97</v>
      </c>
      <c r="H856" s="51" t="s">
        <v>82</v>
      </c>
      <c r="I856" s="50">
        <v>95</v>
      </c>
    </row>
    <row r="857" spans="1:9" x14ac:dyDescent="0.35">
      <c r="A857" s="52" t="s">
        <v>78</v>
      </c>
      <c r="B857" s="51" t="s">
        <v>79</v>
      </c>
      <c r="C857" s="61">
        <v>386676511</v>
      </c>
      <c r="D857" s="62">
        <v>20</v>
      </c>
      <c r="E857" s="51">
        <v>202404</v>
      </c>
      <c r="F857" s="51" t="s">
        <v>38</v>
      </c>
      <c r="G857" s="51" t="s">
        <v>97</v>
      </c>
      <c r="H857" s="51" t="s">
        <v>82</v>
      </c>
      <c r="I857" s="50">
        <v>4.7</v>
      </c>
    </row>
    <row r="858" spans="1:9" x14ac:dyDescent="0.35">
      <c r="A858" s="52" t="s">
        <v>78</v>
      </c>
      <c r="B858" s="51" t="s">
        <v>79</v>
      </c>
      <c r="C858" s="61">
        <v>386905354</v>
      </c>
      <c r="D858" s="62">
        <v>20</v>
      </c>
      <c r="E858" s="51">
        <v>202404</v>
      </c>
      <c r="F858" s="51" t="s">
        <v>38</v>
      </c>
      <c r="G858" s="51" t="s">
        <v>97</v>
      </c>
      <c r="H858" s="51" t="s">
        <v>82</v>
      </c>
      <c r="I858" s="50">
        <v>4.7</v>
      </c>
    </row>
    <row r="859" spans="1:9" x14ac:dyDescent="0.35">
      <c r="A859" s="52" t="s">
        <v>78</v>
      </c>
      <c r="B859" s="51" t="s">
        <v>79</v>
      </c>
      <c r="C859" s="61">
        <v>387123559</v>
      </c>
      <c r="D859" s="62">
        <v>20</v>
      </c>
      <c r="E859" s="51">
        <v>202404</v>
      </c>
      <c r="F859" s="51" t="s">
        <v>38</v>
      </c>
      <c r="G859" s="51" t="s">
        <v>97</v>
      </c>
      <c r="H859" s="51" t="s">
        <v>82</v>
      </c>
      <c r="I859" s="50">
        <v>4.7</v>
      </c>
    </row>
    <row r="860" spans="1:9" x14ac:dyDescent="0.35">
      <c r="A860" s="52" t="s">
        <v>78</v>
      </c>
      <c r="B860" s="51" t="s">
        <v>79</v>
      </c>
      <c r="C860" s="61">
        <v>388303680</v>
      </c>
      <c r="D860" s="62">
        <v>20</v>
      </c>
      <c r="E860" s="51">
        <v>202404</v>
      </c>
      <c r="F860" s="51" t="s">
        <v>38</v>
      </c>
      <c r="G860" s="51" t="s">
        <v>97</v>
      </c>
      <c r="H860" s="51" t="s">
        <v>82</v>
      </c>
      <c r="I860" s="50">
        <v>4.7</v>
      </c>
    </row>
    <row r="861" spans="1:9" x14ac:dyDescent="0.35">
      <c r="A861" s="52" t="s">
        <v>78</v>
      </c>
      <c r="B861" s="51" t="s">
        <v>79</v>
      </c>
      <c r="C861" s="61">
        <v>388402105</v>
      </c>
      <c r="D861" s="62">
        <v>20</v>
      </c>
      <c r="E861" s="51">
        <v>202404</v>
      </c>
      <c r="F861" s="51" t="s">
        <v>38</v>
      </c>
      <c r="G861" s="51" t="s">
        <v>97</v>
      </c>
      <c r="H861" s="51" t="s">
        <v>82</v>
      </c>
      <c r="I861" s="50">
        <v>4.7</v>
      </c>
    </row>
    <row r="862" spans="1:9" x14ac:dyDescent="0.35">
      <c r="A862" s="52" t="s">
        <v>78</v>
      </c>
      <c r="B862" s="51" t="s">
        <v>79</v>
      </c>
      <c r="C862" s="61">
        <v>389004182</v>
      </c>
      <c r="D862" s="62">
        <v>20</v>
      </c>
      <c r="E862" s="51">
        <v>202404</v>
      </c>
      <c r="F862" s="51" t="s">
        <v>38</v>
      </c>
      <c r="G862" s="51" t="s">
        <v>97</v>
      </c>
      <c r="H862" s="51" t="s">
        <v>82</v>
      </c>
      <c r="I862" s="50">
        <v>4.7</v>
      </c>
    </row>
    <row r="863" spans="1:9" x14ac:dyDescent="0.35">
      <c r="A863" s="52" t="s">
        <v>78</v>
      </c>
      <c r="B863" s="51" t="s">
        <v>79</v>
      </c>
      <c r="C863" s="61">
        <v>390265933</v>
      </c>
      <c r="D863" s="62">
        <v>20</v>
      </c>
      <c r="E863" s="51">
        <v>202404</v>
      </c>
      <c r="F863" s="51" t="s">
        <v>38</v>
      </c>
      <c r="G863" s="51" t="s">
        <v>97</v>
      </c>
      <c r="H863" s="51" t="s">
        <v>82</v>
      </c>
      <c r="I863" s="50">
        <v>4.7</v>
      </c>
    </row>
    <row r="864" spans="1:9" x14ac:dyDescent="0.35">
      <c r="A864" s="52" t="s">
        <v>78</v>
      </c>
      <c r="B864" s="51" t="s">
        <v>79</v>
      </c>
      <c r="C864" s="61">
        <v>391401272</v>
      </c>
      <c r="D864" s="62">
        <v>20</v>
      </c>
      <c r="E864" s="51">
        <v>202404</v>
      </c>
      <c r="F864" s="51" t="s">
        <v>38</v>
      </c>
      <c r="G864" s="51" t="s">
        <v>97</v>
      </c>
      <c r="H864" s="51" t="s">
        <v>82</v>
      </c>
      <c r="I864" s="50">
        <v>4.7</v>
      </c>
    </row>
    <row r="865" spans="1:9" x14ac:dyDescent="0.35">
      <c r="A865" s="52" t="s">
        <v>78</v>
      </c>
      <c r="B865" s="51" t="s">
        <v>79</v>
      </c>
      <c r="C865" s="61">
        <v>392100019</v>
      </c>
      <c r="D865" s="62">
        <v>20</v>
      </c>
      <c r="E865" s="51">
        <v>202404</v>
      </c>
      <c r="F865" s="51" t="s">
        <v>38</v>
      </c>
      <c r="G865" s="51" t="s">
        <v>97</v>
      </c>
      <c r="H865" s="51" t="s">
        <v>82</v>
      </c>
      <c r="I865" s="50">
        <v>4.7</v>
      </c>
    </row>
    <row r="866" spans="1:9" x14ac:dyDescent="0.35">
      <c r="A866" s="52" t="s">
        <v>78</v>
      </c>
      <c r="B866" s="51" t="s">
        <v>79</v>
      </c>
      <c r="C866" s="61">
        <v>392122510</v>
      </c>
      <c r="D866" s="62">
        <v>20</v>
      </c>
      <c r="E866" s="51">
        <v>202404</v>
      </c>
      <c r="F866" s="51" t="s">
        <v>38</v>
      </c>
      <c r="G866" s="51" t="s">
        <v>97</v>
      </c>
      <c r="H866" s="51" t="s">
        <v>82</v>
      </c>
      <c r="I866" s="50">
        <v>4.7</v>
      </c>
    </row>
    <row r="867" spans="1:9" x14ac:dyDescent="0.35">
      <c r="A867" s="52" t="s">
        <v>78</v>
      </c>
      <c r="B867" s="51" t="s">
        <v>79</v>
      </c>
      <c r="C867" s="61">
        <v>392400663</v>
      </c>
      <c r="D867" s="62">
        <v>20</v>
      </c>
      <c r="E867" s="51">
        <v>202404</v>
      </c>
      <c r="F867" s="51" t="s">
        <v>38</v>
      </c>
      <c r="G867" s="51" t="s">
        <v>97</v>
      </c>
      <c r="H867" s="51" t="s">
        <v>82</v>
      </c>
      <c r="I867" s="50">
        <v>124</v>
      </c>
    </row>
    <row r="868" spans="1:9" x14ac:dyDescent="0.35">
      <c r="A868" s="52" t="s">
        <v>78</v>
      </c>
      <c r="B868" s="51" t="s">
        <v>79</v>
      </c>
      <c r="C868" s="61">
        <v>392501201</v>
      </c>
      <c r="D868" s="62">
        <v>20</v>
      </c>
      <c r="E868" s="51">
        <v>202404</v>
      </c>
      <c r="F868" s="51" t="s">
        <v>38</v>
      </c>
      <c r="G868" s="51" t="s">
        <v>97</v>
      </c>
      <c r="H868" s="51" t="s">
        <v>82</v>
      </c>
      <c r="I868" s="50">
        <v>4.7</v>
      </c>
    </row>
    <row r="869" spans="1:9" x14ac:dyDescent="0.35">
      <c r="A869" s="52" t="s">
        <v>78</v>
      </c>
      <c r="B869" s="51" t="s">
        <v>79</v>
      </c>
      <c r="C869" s="61">
        <v>392939480</v>
      </c>
      <c r="D869" s="62">
        <v>20</v>
      </c>
      <c r="E869" s="51">
        <v>202404</v>
      </c>
      <c r="F869" s="51" t="s">
        <v>38</v>
      </c>
      <c r="G869" s="51" t="s">
        <v>97</v>
      </c>
      <c r="H869" s="51" t="s">
        <v>82</v>
      </c>
      <c r="I869" s="50">
        <v>30</v>
      </c>
    </row>
    <row r="870" spans="1:9" x14ac:dyDescent="0.35">
      <c r="A870" s="52" t="s">
        <v>78</v>
      </c>
      <c r="B870" s="51" t="s">
        <v>79</v>
      </c>
      <c r="C870" s="61">
        <v>393601521</v>
      </c>
      <c r="D870" s="62">
        <v>20</v>
      </c>
      <c r="E870" s="51">
        <v>202404</v>
      </c>
      <c r="F870" s="51" t="s">
        <v>38</v>
      </c>
      <c r="G870" s="51" t="s">
        <v>97</v>
      </c>
      <c r="H870" s="51" t="s">
        <v>82</v>
      </c>
      <c r="I870" s="50">
        <v>4.7</v>
      </c>
    </row>
    <row r="871" spans="1:9" x14ac:dyDescent="0.35">
      <c r="A871" s="52" t="s">
        <v>78</v>
      </c>
      <c r="B871" s="51" t="s">
        <v>79</v>
      </c>
      <c r="C871" s="61">
        <v>394206635</v>
      </c>
      <c r="D871" s="62">
        <v>20</v>
      </c>
      <c r="E871" s="51">
        <v>202404</v>
      </c>
      <c r="F871" s="51" t="s">
        <v>38</v>
      </c>
      <c r="G871" s="51" t="s">
        <v>97</v>
      </c>
      <c r="H871" s="51" t="s">
        <v>82</v>
      </c>
      <c r="I871" s="50">
        <v>4.7</v>
      </c>
    </row>
    <row r="872" spans="1:9" x14ac:dyDescent="0.35">
      <c r="A872" s="52" t="s">
        <v>78</v>
      </c>
      <c r="B872" s="51" t="s">
        <v>79</v>
      </c>
      <c r="C872" s="61">
        <v>394652960</v>
      </c>
      <c r="D872" s="62">
        <v>20</v>
      </c>
      <c r="E872" s="51">
        <v>202404</v>
      </c>
      <c r="F872" s="51" t="s">
        <v>38</v>
      </c>
      <c r="G872" s="51" t="s">
        <v>97</v>
      </c>
      <c r="H872" s="51" t="s">
        <v>82</v>
      </c>
      <c r="I872" s="50">
        <v>4.7</v>
      </c>
    </row>
    <row r="873" spans="1:9" x14ac:dyDescent="0.35">
      <c r="A873" s="52" t="s">
        <v>78</v>
      </c>
      <c r="B873" s="51" t="s">
        <v>79</v>
      </c>
      <c r="C873" s="61">
        <v>395730754</v>
      </c>
      <c r="D873" s="62">
        <v>20</v>
      </c>
      <c r="E873" s="51">
        <v>202404</v>
      </c>
      <c r="F873" s="51" t="s">
        <v>38</v>
      </c>
      <c r="G873" s="51" t="s">
        <v>97</v>
      </c>
      <c r="H873" s="51" t="s">
        <v>82</v>
      </c>
      <c r="I873" s="50">
        <v>4.7</v>
      </c>
    </row>
    <row r="874" spans="1:9" x14ac:dyDescent="0.35">
      <c r="A874" s="52" t="s">
        <v>78</v>
      </c>
      <c r="B874" s="51" t="s">
        <v>79</v>
      </c>
      <c r="C874" s="61">
        <v>396603570</v>
      </c>
      <c r="D874" s="62">
        <v>20</v>
      </c>
      <c r="E874" s="51">
        <v>202404</v>
      </c>
      <c r="F874" s="51" t="s">
        <v>38</v>
      </c>
      <c r="G874" s="51" t="s">
        <v>97</v>
      </c>
      <c r="H874" s="51" t="s">
        <v>82</v>
      </c>
      <c r="I874" s="50">
        <v>30</v>
      </c>
    </row>
    <row r="875" spans="1:9" x14ac:dyDescent="0.35">
      <c r="A875" s="52" t="s">
        <v>78</v>
      </c>
      <c r="B875" s="51" t="s">
        <v>79</v>
      </c>
      <c r="C875" s="61">
        <v>398927070</v>
      </c>
      <c r="D875" s="62">
        <v>20</v>
      </c>
      <c r="E875" s="51">
        <v>202404</v>
      </c>
      <c r="F875" s="51" t="s">
        <v>38</v>
      </c>
      <c r="G875" s="51" t="s">
        <v>97</v>
      </c>
      <c r="H875" s="51" t="s">
        <v>82</v>
      </c>
      <c r="I875" s="50">
        <v>4.7</v>
      </c>
    </row>
    <row r="876" spans="1:9" x14ac:dyDescent="0.35">
      <c r="A876" s="52" t="s">
        <v>78</v>
      </c>
      <c r="B876" s="51" t="s">
        <v>79</v>
      </c>
      <c r="C876" s="61">
        <v>399455270</v>
      </c>
      <c r="D876" s="62">
        <v>20</v>
      </c>
      <c r="E876" s="51">
        <v>202404</v>
      </c>
      <c r="F876" s="51" t="s">
        <v>38</v>
      </c>
      <c r="G876" s="51" t="s">
        <v>97</v>
      </c>
      <c r="H876" s="51" t="s">
        <v>82</v>
      </c>
      <c r="I876" s="50">
        <v>4.7</v>
      </c>
    </row>
    <row r="877" spans="1:9" x14ac:dyDescent="0.35">
      <c r="A877" s="52" t="s">
        <v>78</v>
      </c>
      <c r="B877" s="51" t="s">
        <v>79</v>
      </c>
      <c r="C877" s="61">
        <v>399501171</v>
      </c>
      <c r="D877" s="62">
        <v>20</v>
      </c>
      <c r="E877" s="51">
        <v>202404</v>
      </c>
      <c r="F877" s="51" t="s">
        <v>38</v>
      </c>
      <c r="G877" s="51" t="s">
        <v>97</v>
      </c>
      <c r="H877" s="51" t="s">
        <v>82</v>
      </c>
      <c r="I877" s="50">
        <v>4.7</v>
      </c>
    </row>
    <row r="878" spans="1:9" x14ac:dyDescent="0.35">
      <c r="A878" s="52" t="s">
        <v>78</v>
      </c>
      <c r="B878" s="51" t="s">
        <v>79</v>
      </c>
      <c r="C878" s="61">
        <v>399700306</v>
      </c>
      <c r="D878" s="62">
        <v>20</v>
      </c>
      <c r="E878" s="51">
        <v>202404</v>
      </c>
      <c r="F878" s="51" t="s">
        <v>38</v>
      </c>
      <c r="G878" s="51" t="s">
        <v>97</v>
      </c>
      <c r="H878" s="51" t="s">
        <v>82</v>
      </c>
      <c r="I878" s="50">
        <v>4.7</v>
      </c>
    </row>
    <row r="879" spans="1:9" x14ac:dyDescent="0.35">
      <c r="A879" s="52" t="s">
        <v>78</v>
      </c>
      <c r="B879" s="51" t="s">
        <v>79</v>
      </c>
      <c r="C879" s="61">
        <v>303656861</v>
      </c>
      <c r="D879" s="62">
        <v>211</v>
      </c>
      <c r="E879" s="51">
        <v>202404</v>
      </c>
      <c r="F879" s="51" t="s">
        <v>38</v>
      </c>
      <c r="G879" s="51" t="s">
        <v>97</v>
      </c>
      <c r="H879" s="51" t="s">
        <v>82</v>
      </c>
      <c r="I879" s="50">
        <v>4.7</v>
      </c>
    </row>
    <row r="880" spans="1:9" x14ac:dyDescent="0.35">
      <c r="A880" s="52" t="s">
        <v>78</v>
      </c>
      <c r="B880" s="51" t="s">
        <v>79</v>
      </c>
      <c r="C880" s="61">
        <v>304230180</v>
      </c>
      <c r="D880" s="62">
        <v>211</v>
      </c>
      <c r="E880" s="51">
        <v>202404</v>
      </c>
      <c r="F880" s="51" t="s">
        <v>38</v>
      </c>
      <c r="G880" s="51" t="s">
        <v>97</v>
      </c>
      <c r="H880" s="51" t="s">
        <v>82</v>
      </c>
      <c r="I880" s="50">
        <v>4.7</v>
      </c>
    </row>
    <row r="881" spans="1:9" x14ac:dyDescent="0.35">
      <c r="A881" s="52" t="s">
        <v>78</v>
      </c>
      <c r="B881" s="51" t="s">
        <v>79</v>
      </c>
      <c r="C881" s="61">
        <v>305186756</v>
      </c>
      <c r="D881" s="62">
        <v>211</v>
      </c>
      <c r="E881" s="51">
        <v>202404</v>
      </c>
      <c r="F881" s="51" t="s">
        <v>38</v>
      </c>
      <c r="G881" s="51" t="s">
        <v>97</v>
      </c>
      <c r="H881" s="51" t="s">
        <v>82</v>
      </c>
      <c r="I881" s="50">
        <v>30</v>
      </c>
    </row>
    <row r="882" spans="1:9" x14ac:dyDescent="0.35">
      <c r="A882" s="52" t="s">
        <v>78</v>
      </c>
      <c r="B882" s="51" t="s">
        <v>79</v>
      </c>
      <c r="C882" s="61">
        <v>307190482</v>
      </c>
      <c r="D882" s="62">
        <v>211</v>
      </c>
      <c r="E882" s="51">
        <v>202404</v>
      </c>
      <c r="F882" s="51" t="s">
        <v>38</v>
      </c>
      <c r="G882" s="51" t="s">
        <v>97</v>
      </c>
      <c r="H882" s="51" t="s">
        <v>82</v>
      </c>
      <c r="I882" s="50">
        <v>4.7</v>
      </c>
    </row>
    <row r="883" spans="1:9" x14ac:dyDescent="0.35">
      <c r="A883" s="52" t="s">
        <v>78</v>
      </c>
      <c r="B883" s="51" t="s">
        <v>79</v>
      </c>
      <c r="C883" s="61">
        <v>309678752</v>
      </c>
      <c r="D883" s="62">
        <v>211</v>
      </c>
      <c r="E883" s="51">
        <v>202404</v>
      </c>
      <c r="F883" s="51" t="s">
        <v>38</v>
      </c>
      <c r="G883" s="51" t="s">
        <v>97</v>
      </c>
      <c r="H883" s="51" t="s">
        <v>82</v>
      </c>
      <c r="I883" s="50">
        <v>4.7</v>
      </c>
    </row>
    <row r="884" spans="1:9" x14ac:dyDescent="0.35">
      <c r="A884" s="52" t="s">
        <v>78</v>
      </c>
      <c r="B884" s="51" t="s">
        <v>79</v>
      </c>
      <c r="C884" s="61">
        <v>322755952</v>
      </c>
      <c r="D884" s="62">
        <v>211</v>
      </c>
      <c r="E884" s="51">
        <v>202404</v>
      </c>
      <c r="F884" s="51" t="s">
        <v>38</v>
      </c>
      <c r="G884" s="51" t="s">
        <v>97</v>
      </c>
      <c r="H884" s="51" t="s">
        <v>82</v>
      </c>
      <c r="I884" s="50">
        <v>4.7</v>
      </c>
    </row>
    <row r="885" spans="1:9" x14ac:dyDescent="0.35">
      <c r="A885" s="52" t="s">
        <v>78</v>
      </c>
      <c r="B885" s="51" t="s">
        <v>79</v>
      </c>
      <c r="C885" s="61">
        <v>323802942</v>
      </c>
      <c r="D885" s="62">
        <v>211</v>
      </c>
      <c r="E885" s="51">
        <v>202404</v>
      </c>
      <c r="F885" s="51" t="s">
        <v>38</v>
      </c>
      <c r="G885" s="51" t="s">
        <v>97</v>
      </c>
      <c r="H885" s="51" t="s">
        <v>82</v>
      </c>
      <c r="I885" s="50">
        <v>4.7</v>
      </c>
    </row>
    <row r="886" spans="1:9" x14ac:dyDescent="0.35">
      <c r="A886" s="52" t="s">
        <v>78</v>
      </c>
      <c r="B886" s="51" t="s">
        <v>79</v>
      </c>
      <c r="C886" s="61">
        <v>326800856</v>
      </c>
      <c r="D886" s="62">
        <v>211</v>
      </c>
      <c r="E886" s="51">
        <v>202404</v>
      </c>
      <c r="F886" s="51" t="s">
        <v>38</v>
      </c>
      <c r="G886" s="51" t="s">
        <v>97</v>
      </c>
      <c r="H886" s="51" t="s">
        <v>82</v>
      </c>
      <c r="I886" s="50">
        <v>4.7</v>
      </c>
    </row>
    <row r="887" spans="1:9" x14ac:dyDescent="0.35">
      <c r="A887" s="52" t="s">
        <v>78</v>
      </c>
      <c r="B887" s="51" t="s">
        <v>79</v>
      </c>
      <c r="C887" s="61">
        <v>331604830</v>
      </c>
      <c r="D887" s="62">
        <v>211</v>
      </c>
      <c r="E887" s="51">
        <v>202404</v>
      </c>
      <c r="F887" s="51" t="s">
        <v>38</v>
      </c>
      <c r="G887" s="51" t="s">
        <v>97</v>
      </c>
      <c r="H887" s="51" t="s">
        <v>82</v>
      </c>
      <c r="I887" s="50">
        <v>30</v>
      </c>
    </row>
    <row r="888" spans="1:9" x14ac:dyDescent="0.35">
      <c r="A888" s="52" t="s">
        <v>78</v>
      </c>
      <c r="B888" s="51" t="s">
        <v>79</v>
      </c>
      <c r="C888" s="61">
        <v>332204343</v>
      </c>
      <c r="D888" s="62">
        <v>211</v>
      </c>
      <c r="E888" s="51">
        <v>202404</v>
      </c>
      <c r="F888" s="51" t="s">
        <v>38</v>
      </c>
      <c r="G888" s="51" t="s">
        <v>97</v>
      </c>
      <c r="H888" s="51" t="s">
        <v>82</v>
      </c>
      <c r="I888" s="50">
        <v>95</v>
      </c>
    </row>
    <row r="889" spans="1:9" x14ac:dyDescent="0.35">
      <c r="A889" s="52" t="s">
        <v>78</v>
      </c>
      <c r="B889" s="51" t="s">
        <v>79</v>
      </c>
      <c r="C889" s="61">
        <v>337598631</v>
      </c>
      <c r="D889" s="62">
        <v>211</v>
      </c>
      <c r="E889" s="51">
        <v>202404</v>
      </c>
      <c r="F889" s="51" t="s">
        <v>38</v>
      </c>
      <c r="G889" s="51" t="s">
        <v>97</v>
      </c>
      <c r="H889" s="51" t="s">
        <v>82</v>
      </c>
      <c r="I889" s="50">
        <v>4.7</v>
      </c>
    </row>
    <row r="890" spans="1:9" x14ac:dyDescent="0.35">
      <c r="A890" s="52" t="s">
        <v>78</v>
      </c>
      <c r="B890" s="51" t="s">
        <v>79</v>
      </c>
      <c r="C890" s="61">
        <v>351664148</v>
      </c>
      <c r="D890" s="62">
        <v>211</v>
      </c>
      <c r="E890" s="51">
        <v>202404</v>
      </c>
      <c r="F890" s="51" t="s">
        <v>38</v>
      </c>
      <c r="G890" s="51" t="s">
        <v>97</v>
      </c>
      <c r="H890" s="51" t="s">
        <v>82</v>
      </c>
      <c r="I890" s="50">
        <v>4.7</v>
      </c>
    </row>
    <row r="891" spans="1:9" x14ac:dyDescent="0.35">
      <c r="A891" s="52" t="s">
        <v>78</v>
      </c>
      <c r="B891" s="51" t="s">
        <v>79</v>
      </c>
      <c r="C891" s="61">
        <v>360731593</v>
      </c>
      <c r="D891" s="62">
        <v>211</v>
      </c>
      <c r="E891" s="51">
        <v>202404</v>
      </c>
      <c r="F891" s="51" t="s">
        <v>38</v>
      </c>
      <c r="G891" s="51" t="s">
        <v>97</v>
      </c>
      <c r="H891" s="51" t="s">
        <v>82</v>
      </c>
      <c r="I891" s="50">
        <v>4.7</v>
      </c>
    </row>
    <row r="892" spans="1:9" x14ac:dyDescent="0.35">
      <c r="A892" s="52" t="s">
        <v>78</v>
      </c>
      <c r="B892" s="51" t="s">
        <v>79</v>
      </c>
      <c r="C892" s="61">
        <v>361302367</v>
      </c>
      <c r="D892" s="62">
        <v>211</v>
      </c>
      <c r="E892" s="51">
        <v>202404</v>
      </c>
      <c r="F892" s="51" t="s">
        <v>38</v>
      </c>
      <c r="G892" s="51" t="s">
        <v>97</v>
      </c>
      <c r="H892" s="51" t="s">
        <v>82</v>
      </c>
      <c r="I892" s="50">
        <v>4.7</v>
      </c>
    </row>
    <row r="893" spans="1:9" x14ac:dyDescent="0.35">
      <c r="A893" s="52" t="s">
        <v>78</v>
      </c>
      <c r="B893" s="51" t="s">
        <v>79</v>
      </c>
      <c r="C893" s="61">
        <v>361392593</v>
      </c>
      <c r="D893" s="62">
        <v>211</v>
      </c>
      <c r="E893" s="51">
        <v>202404</v>
      </c>
      <c r="F893" s="51" t="s">
        <v>38</v>
      </c>
      <c r="G893" s="51" t="s">
        <v>97</v>
      </c>
      <c r="H893" s="51" t="s">
        <v>82</v>
      </c>
      <c r="I893" s="50">
        <v>4.7</v>
      </c>
    </row>
    <row r="894" spans="1:9" x14ac:dyDescent="0.35">
      <c r="A894" s="52" t="s">
        <v>78</v>
      </c>
      <c r="B894" s="51" t="s">
        <v>79</v>
      </c>
      <c r="C894" s="61">
        <v>365456780</v>
      </c>
      <c r="D894" s="62">
        <v>211</v>
      </c>
      <c r="E894" s="51">
        <v>202404</v>
      </c>
      <c r="F894" s="51" t="s">
        <v>38</v>
      </c>
      <c r="G894" s="51" t="s">
        <v>97</v>
      </c>
      <c r="H894" s="51" t="s">
        <v>82</v>
      </c>
      <c r="I894" s="50">
        <v>30</v>
      </c>
    </row>
    <row r="895" spans="1:9" x14ac:dyDescent="0.35">
      <c r="A895" s="52" t="s">
        <v>78</v>
      </c>
      <c r="B895" s="51" t="s">
        <v>79</v>
      </c>
      <c r="C895" s="61">
        <v>375271020</v>
      </c>
      <c r="D895" s="62">
        <v>211</v>
      </c>
      <c r="E895" s="51">
        <v>202404</v>
      </c>
      <c r="F895" s="51" t="s">
        <v>38</v>
      </c>
      <c r="G895" s="51" t="s">
        <v>97</v>
      </c>
      <c r="H895" s="51" t="s">
        <v>82</v>
      </c>
      <c r="I895" s="50">
        <v>4.7</v>
      </c>
    </row>
    <row r="896" spans="1:9" x14ac:dyDescent="0.35">
      <c r="A896" s="52" t="s">
        <v>78</v>
      </c>
      <c r="B896" s="51" t="s">
        <v>79</v>
      </c>
      <c r="C896" s="61">
        <v>381174141</v>
      </c>
      <c r="D896" s="62">
        <v>211</v>
      </c>
      <c r="E896" s="51">
        <v>202404</v>
      </c>
      <c r="F896" s="51" t="s">
        <v>38</v>
      </c>
      <c r="G896" s="51" t="s">
        <v>97</v>
      </c>
      <c r="H896" s="51" t="s">
        <v>82</v>
      </c>
      <c r="I896" s="50">
        <v>4.7</v>
      </c>
    </row>
    <row r="897" spans="1:9" x14ac:dyDescent="0.35">
      <c r="A897" s="52" t="s">
        <v>78</v>
      </c>
      <c r="B897" s="51" t="s">
        <v>79</v>
      </c>
      <c r="C897" s="61">
        <v>397410110</v>
      </c>
      <c r="D897" s="62">
        <v>211</v>
      </c>
      <c r="E897" s="51">
        <v>202404</v>
      </c>
      <c r="F897" s="51" t="s">
        <v>38</v>
      </c>
      <c r="G897" s="51" t="s">
        <v>97</v>
      </c>
      <c r="H897" s="51" t="s">
        <v>82</v>
      </c>
      <c r="I897" s="50">
        <v>4.7</v>
      </c>
    </row>
    <row r="898" spans="1:9" x14ac:dyDescent="0.35">
      <c r="A898" s="52" t="s">
        <v>78</v>
      </c>
      <c r="B898" s="51" t="s">
        <v>79</v>
      </c>
      <c r="C898" s="61">
        <v>399565221</v>
      </c>
      <c r="D898" s="62">
        <v>211</v>
      </c>
      <c r="E898" s="51">
        <v>202404</v>
      </c>
      <c r="F898" s="51" t="s">
        <v>38</v>
      </c>
      <c r="G898" s="51" t="s">
        <v>97</v>
      </c>
      <c r="H898" s="51" t="s">
        <v>82</v>
      </c>
      <c r="I898" s="50">
        <v>4.7</v>
      </c>
    </row>
    <row r="899" spans="1:9" x14ac:dyDescent="0.35">
      <c r="A899" s="52" t="s">
        <v>78</v>
      </c>
      <c r="B899" s="51" t="s">
        <v>79</v>
      </c>
      <c r="C899" s="61">
        <v>399605464</v>
      </c>
      <c r="D899" s="62">
        <v>211</v>
      </c>
      <c r="E899" s="51">
        <v>202404</v>
      </c>
      <c r="F899" s="51" t="s">
        <v>38</v>
      </c>
      <c r="G899" s="51" t="s">
        <v>97</v>
      </c>
      <c r="H899" s="51" t="s">
        <v>82</v>
      </c>
      <c r="I899" s="50">
        <v>4.7</v>
      </c>
    </row>
    <row r="900" spans="1:9" x14ac:dyDescent="0.35">
      <c r="A900" s="52" t="s">
        <v>78</v>
      </c>
      <c r="B900" s="51" t="s">
        <v>79</v>
      </c>
      <c r="C900" s="61">
        <v>319103462</v>
      </c>
      <c r="D900" s="62">
        <v>212</v>
      </c>
      <c r="E900" s="51">
        <v>202404</v>
      </c>
      <c r="F900" s="51" t="s">
        <v>38</v>
      </c>
      <c r="G900" s="51" t="s">
        <v>97</v>
      </c>
      <c r="H900" s="51" t="s">
        <v>82</v>
      </c>
      <c r="I900" s="50">
        <v>4.7</v>
      </c>
    </row>
    <row r="901" spans="1:9" x14ac:dyDescent="0.35">
      <c r="A901" s="52" t="s">
        <v>78</v>
      </c>
      <c r="B901" s="51" t="s">
        <v>79</v>
      </c>
      <c r="C901" s="61">
        <v>336421500</v>
      </c>
      <c r="D901" s="62">
        <v>212</v>
      </c>
      <c r="E901" s="51">
        <v>202404</v>
      </c>
      <c r="F901" s="51" t="s">
        <v>38</v>
      </c>
      <c r="G901" s="51" t="s">
        <v>97</v>
      </c>
      <c r="H901" s="51" t="s">
        <v>82</v>
      </c>
      <c r="I901" s="50">
        <v>4.7</v>
      </c>
    </row>
    <row r="902" spans="1:9" x14ac:dyDescent="0.35">
      <c r="A902" s="52" t="s">
        <v>78</v>
      </c>
      <c r="B902" s="51" t="s">
        <v>79</v>
      </c>
      <c r="C902" s="61">
        <v>359802044</v>
      </c>
      <c r="D902" s="62">
        <v>212</v>
      </c>
      <c r="E902" s="51">
        <v>202404</v>
      </c>
      <c r="F902" s="51" t="s">
        <v>38</v>
      </c>
      <c r="G902" s="51" t="s">
        <v>97</v>
      </c>
      <c r="H902" s="51" t="s">
        <v>82</v>
      </c>
      <c r="I902" s="50">
        <v>4.7</v>
      </c>
    </row>
    <row r="903" spans="1:9" x14ac:dyDescent="0.35">
      <c r="A903" s="52" t="s">
        <v>78</v>
      </c>
      <c r="B903" s="51" t="s">
        <v>79</v>
      </c>
      <c r="C903" s="61">
        <v>392305210</v>
      </c>
      <c r="D903" s="62">
        <v>212</v>
      </c>
      <c r="E903" s="51">
        <v>202404</v>
      </c>
      <c r="F903" s="51" t="s">
        <v>38</v>
      </c>
      <c r="G903" s="51" t="s">
        <v>97</v>
      </c>
      <c r="H903" s="51" t="s">
        <v>82</v>
      </c>
      <c r="I903" s="50">
        <v>4.7</v>
      </c>
    </row>
    <row r="904" spans="1:9" x14ac:dyDescent="0.35">
      <c r="A904" s="52" t="s">
        <v>78</v>
      </c>
      <c r="B904" s="51" t="s">
        <v>79</v>
      </c>
      <c r="C904" s="61">
        <v>300205039</v>
      </c>
      <c r="D904" s="62">
        <v>10</v>
      </c>
      <c r="E904" s="51">
        <v>202405</v>
      </c>
      <c r="F904" s="51" t="s">
        <v>38</v>
      </c>
      <c r="G904" s="51" t="s">
        <v>97</v>
      </c>
      <c r="H904" s="51" t="s">
        <v>82</v>
      </c>
      <c r="I904" s="50">
        <v>4.7</v>
      </c>
    </row>
    <row r="905" spans="1:9" x14ac:dyDescent="0.35">
      <c r="A905" s="52" t="s">
        <v>78</v>
      </c>
      <c r="B905" s="51" t="s">
        <v>79</v>
      </c>
      <c r="C905" s="61">
        <v>302387463</v>
      </c>
      <c r="D905" s="62">
        <v>10</v>
      </c>
      <c r="E905" s="51">
        <v>202405</v>
      </c>
      <c r="F905" s="51" t="s">
        <v>38</v>
      </c>
      <c r="G905" s="51" t="s">
        <v>97</v>
      </c>
      <c r="H905" s="51" t="s">
        <v>82</v>
      </c>
      <c r="I905" s="50">
        <v>4.7</v>
      </c>
    </row>
    <row r="906" spans="1:9" x14ac:dyDescent="0.35">
      <c r="A906" s="52" t="s">
        <v>78</v>
      </c>
      <c r="B906" s="51" t="s">
        <v>79</v>
      </c>
      <c r="C906" s="61">
        <v>302403980</v>
      </c>
      <c r="D906" s="62">
        <v>10</v>
      </c>
      <c r="E906" s="51">
        <v>202405</v>
      </c>
      <c r="F906" s="51" t="s">
        <v>38</v>
      </c>
      <c r="G906" s="51" t="s">
        <v>97</v>
      </c>
      <c r="H906" s="51" t="s">
        <v>82</v>
      </c>
      <c r="I906" s="50">
        <v>4.7</v>
      </c>
    </row>
    <row r="907" spans="1:9" x14ac:dyDescent="0.35">
      <c r="A907" s="52" t="s">
        <v>78</v>
      </c>
      <c r="B907" s="51" t="s">
        <v>79</v>
      </c>
      <c r="C907" s="61">
        <v>303602063</v>
      </c>
      <c r="D907" s="62">
        <v>10</v>
      </c>
      <c r="E907" s="51">
        <v>202405</v>
      </c>
      <c r="F907" s="51" t="s">
        <v>38</v>
      </c>
      <c r="G907" s="51" t="s">
        <v>97</v>
      </c>
      <c r="H907" s="51" t="s">
        <v>82</v>
      </c>
      <c r="I907" s="50">
        <v>4.7</v>
      </c>
    </row>
    <row r="908" spans="1:9" x14ac:dyDescent="0.35">
      <c r="A908" s="52" t="s">
        <v>78</v>
      </c>
      <c r="B908" s="51" t="s">
        <v>79</v>
      </c>
      <c r="C908" s="61">
        <v>305501378</v>
      </c>
      <c r="D908" s="62">
        <v>10</v>
      </c>
      <c r="E908" s="51">
        <v>202405</v>
      </c>
      <c r="F908" s="51" t="s">
        <v>38</v>
      </c>
      <c r="G908" s="51" t="s">
        <v>97</v>
      </c>
      <c r="H908" s="51" t="s">
        <v>82</v>
      </c>
      <c r="I908" s="50">
        <v>4.7</v>
      </c>
    </row>
    <row r="909" spans="1:9" x14ac:dyDescent="0.35">
      <c r="A909" s="52" t="s">
        <v>78</v>
      </c>
      <c r="B909" s="51" t="s">
        <v>79</v>
      </c>
      <c r="C909" s="61">
        <v>305501378</v>
      </c>
      <c r="D909" s="62">
        <v>10</v>
      </c>
      <c r="E909" s="51">
        <v>202405</v>
      </c>
      <c r="F909" s="51" t="s">
        <v>38</v>
      </c>
      <c r="G909" s="51" t="s">
        <v>97</v>
      </c>
      <c r="H909" s="51" t="s">
        <v>82</v>
      </c>
      <c r="I909" s="50">
        <v>4.7</v>
      </c>
    </row>
    <row r="910" spans="1:9" x14ac:dyDescent="0.35">
      <c r="A910" s="52" t="s">
        <v>78</v>
      </c>
      <c r="B910" s="51" t="s">
        <v>79</v>
      </c>
      <c r="C910" s="61">
        <v>306204181</v>
      </c>
      <c r="D910" s="62">
        <v>10</v>
      </c>
      <c r="E910" s="51">
        <v>202405</v>
      </c>
      <c r="F910" s="51" t="s">
        <v>38</v>
      </c>
      <c r="G910" s="51" t="s">
        <v>97</v>
      </c>
      <c r="H910" s="51" t="s">
        <v>82</v>
      </c>
      <c r="I910" s="50">
        <v>4.7</v>
      </c>
    </row>
    <row r="911" spans="1:9" x14ac:dyDescent="0.35">
      <c r="A911" s="52" t="s">
        <v>78</v>
      </c>
      <c r="B911" s="51" t="s">
        <v>79</v>
      </c>
      <c r="C911" s="61">
        <v>307503972</v>
      </c>
      <c r="D911" s="62">
        <v>10</v>
      </c>
      <c r="E911" s="51">
        <v>202405</v>
      </c>
      <c r="F911" s="51" t="s">
        <v>38</v>
      </c>
      <c r="G911" s="51" t="s">
        <v>97</v>
      </c>
      <c r="H911" s="51" t="s">
        <v>82</v>
      </c>
      <c r="I911" s="50">
        <v>4.7</v>
      </c>
    </row>
    <row r="912" spans="1:9" x14ac:dyDescent="0.35">
      <c r="A912" s="52" t="s">
        <v>78</v>
      </c>
      <c r="B912" s="51" t="s">
        <v>79</v>
      </c>
      <c r="C912" s="61">
        <v>309924772</v>
      </c>
      <c r="D912" s="62">
        <v>10</v>
      </c>
      <c r="E912" s="51">
        <v>202405</v>
      </c>
      <c r="F912" s="51" t="s">
        <v>38</v>
      </c>
      <c r="G912" s="51" t="s">
        <v>97</v>
      </c>
      <c r="H912" s="51" t="s">
        <v>82</v>
      </c>
      <c r="I912" s="50">
        <v>4.7</v>
      </c>
    </row>
    <row r="913" spans="1:9" x14ac:dyDescent="0.35">
      <c r="A913" s="52" t="s">
        <v>78</v>
      </c>
      <c r="B913" s="51" t="s">
        <v>79</v>
      </c>
      <c r="C913" s="61">
        <v>310800336</v>
      </c>
      <c r="D913" s="62">
        <v>10</v>
      </c>
      <c r="E913" s="51">
        <v>202405</v>
      </c>
      <c r="F913" s="51" t="s">
        <v>38</v>
      </c>
      <c r="G913" s="51" t="s">
        <v>97</v>
      </c>
      <c r="H913" s="51" t="s">
        <v>82</v>
      </c>
      <c r="I913" s="50">
        <v>4.7</v>
      </c>
    </row>
    <row r="914" spans="1:9" x14ac:dyDescent="0.35">
      <c r="A914" s="52" t="s">
        <v>78</v>
      </c>
      <c r="B914" s="51" t="s">
        <v>79</v>
      </c>
      <c r="C914" s="61">
        <v>311178217</v>
      </c>
      <c r="D914" s="62">
        <v>10</v>
      </c>
      <c r="E914" s="51">
        <v>202405</v>
      </c>
      <c r="F914" s="51" t="s">
        <v>38</v>
      </c>
      <c r="G914" s="51" t="s">
        <v>97</v>
      </c>
      <c r="H914" s="51" t="s">
        <v>82</v>
      </c>
      <c r="I914" s="50">
        <v>4.7</v>
      </c>
    </row>
    <row r="915" spans="1:9" x14ac:dyDescent="0.35">
      <c r="A915" s="52" t="s">
        <v>78</v>
      </c>
      <c r="B915" s="51" t="s">
        <v>79</v>
      </c>
      <c r="C915" s="61">
        <v>311301244</v>
      </c>
      <c r="D915" s="62">
        <v>10</v>
      </c>
      <c r="E915" s="51">
        <v>202405</v>
      </c>
      <c r="F915" s="51" t="s">
        <v>38</v>
      </c>
      <c r="G915" s="51" t="s">
        <v>97</v>
      </c>
      <c r="H915" s="51" t="s">
        <v>82</v>
      </c>
      <c r="I915" s="50">
        <v>124</v>
      </c>
    </row>
    <row r="916" spans="1:9" x14ac:dyDescent="0.35">
      <c r="A916" s="52" t="s">
        <v>78</v>
      </c>
      <c r="B916" s="51" t="s">
        <v>79</v>
      </c>
      <c r="C916" s="61">
        <v>314504176</v>
      </c>
      <c r="D916" s="62">
        <v>10</v>
      </c>
      <c r="E916" s="51">
        <v>202405</v>
      </c>
      <c r="F916" s="51" t="s">
        <v>38</v>
      </c>
      <c r="G916" s="51" t="s">
        <v>97</v>
      </c>
      <c r="H916" s="51" t="s">
        <v>82</v>
      </c>
      <c r="I916" s="50">
        <v>4.7</v>
      </c>
    </row>
    <row r="917" spans="1:9" x14ac:dyDescent="0.35">
      <c r="A917" s="52" t="s">
        <v>78</v>
      </c>
      <c r="B917" s="51" t="s">
        <v>79</v>
      </c>
      <c r="C917" s="61">
        <v>315640507</v>
      </c>
      <c r="D917" s="62">
        <v>10</v>
      </c>
      <c r="E917" s="51">
        <v>202405</v>
      </c>
      <c r="F917" s="51" t="s">
        <v>38</v>
      </c>
      <c r="G917" s="51" t="s">
        <v>97</v>
      </c>
      <c r="H917" s="51" t="s">
        <v>82</v>
      </c>
      <c r="I917" s="50">
        <v>4.7</v>
      </c>
    </row>
    <row r="918" spans="1:9" x14ac:dyDescent="0.35">
      <c r="A918" s="52" t="s">
        <v>78</v>
      </c>
      <c r="B918" s="51" t="s">
        <v>79</v>
      </c>
      <c r="C918" s="61">
        <v>316402591</v>
      </c>
      <c r="D918" s="62">
        <v>10</v>
      </c>
      <c r="E918" s="51">
        <v>202405</v>
      </c>
      <c r="F918" s="51" t="s">
        <v>38</v>
      </c>
      <c r="G918" s="51" t="s">
        <v>97</v>
      </c>
      <c r="H918" s="51" t="s">
        <v>82</v>
      </c>
      <c r="I918" s="50">
        <v>4.7</v>
      </c>
    </row>
    <row r="919" spans="1:9" x14ac:dyDescent="0.35">
      <c r="A919" s="52" t="s">
        <v>78</v>
      </c>
      <c r="B919" s="51" t="s">
        <v>79</v>
      </c>
      <c r="C919" s="61">
        <v>316564113</v>
      </c>
      <c r="D919" s="62">
        <v>10</v>
      </c>
      <c r="E919" s="51">
        <v>202405</v>
      </c>
      <c r="F919" s="51" t="s">
        <v>38</v>
      </c>
      <c r="G919" s="51" t="s">
        <v>97</v>
      </c>
      <c r="H919" s="51" t="s">
        <v>82</v>
      </c>
      <c r="I919" s="50">
        <v>4.7</v>
      </c>
    </row>
    <row r="920" spans="1:9" x14ac:dyDescent="0.35">
      <c r="A920" s="52" t="s">
        <v>78</v>
      </c>
      <c r="B920" s="51" t="s">
        <v>79</v>
      </c>
      <c r="C920" s="61">
        <v>316703643</v>
      </c>
      <c r="D920" s="62">
        <v>10</v>
      </c>
      <c r="E920" s="51">
        <v>202405</v>
      </c>
      <c r="F920" s="51" t="s">
        <v>38</v>
      </c>
      <c r="G920" s="51" t="s">
        <v>97</v>
      </c>
      <c r="H920" s="51" t="s">
        <v>82</v>
      </c>
      <c r="I920" s="50">
        <v>4.7</v>
      </c>
    </row>
    <row r="921" spans="1:9" x14ac:dyDescent="0.35">
      <c r="A921" s="52" t="s">
        <v>78</v>
      </c>
      <c r="B921" s="51" t="s">
        <v>79</v>
      </c>
      <c r="C921" s="61">
        <v>320903681</v>
      </c>
      <c r="D921" s="62">
        <v>10</v>
      </c>
      <c r="E921" s="51">
        <v>202405</v>
      </c>
      <c r="F921" s="51" t="s">
        <v>38</v>
      </c>
      <c r="G921" s="51" t="s">
        <v>97</v>
      </c>
      <c r="H921" s="51" t="s">
        <v>82</v>
      </c>
      <c r="I921" s="50">
        <v>4.7</v>
      </c>
    </row>
    <row r="922" spans="1:9" x14ac:dyDescent="0.35">
      <c r="A922" s="52" t="s">
        <v>78</v>
      </c>
      <c r="B922" s="51" t="s">
        <v>79</v>
      </c>
      <c r="C922" s="61">
        <v>321265930</v>
      </c>
      <c r="D922" s="62">
        <v>10</v>
      </c>
      <c r="E922" s="51">
        <v>202405</v>
      </c>
      <c r="F922" s="51" t="s">
        <v>38</v>
      </c>
      <c r="G922" s="51" t="s">
        <v>97</v>
      </c>
      <c r="H922" s="51" t="s">
        <v>82</v>
      </c>
      <c r="I922" s="50">
        <v>4.7</v>
      </c>
    </row>
    <row r="923" spans="1:9" x14ac:dyDescent="0.35">
      <c r="A923" s="52" t="s">
        <v>78</v>
      </c>
      <c r="B923" s="51" t="s">
        <v>79</v>
      </c>
      <c r="C923" s="61">
        <v>323500515</v>
      </c>
      <c r="D923" s="62">
        <v>10</v>
      </c>
      <c r="E923" s="51">
        <v>202405</v>
      </c>
      <c r="F923" s="51" t="s">
        <v>38</v>
      </c>
      <c r="G923" s="51" t="s">
        <v>97</v>
      </c>
      <c r="H923" s="51" t="s">
        <v>82</v>
      </c>
      <c r="I923" s="50">
        <v>4.7</v>
      </c>
    </row>
    <row r="924" spans="1:9" x14ac:dyDescent="0.35">
      <c r="A924" s="52" t="s">
        <v>78</v>
      </c>
      <c r="B924" s="51" t="s">
        <v>79</v>
      </c>
      <c r="C924" s="61">
        <v>325002699</v>
      </c>
      <c r="D924" s="62">
        <v>10</v>
      </c>
      <c r="E924" s="51">
        <v>202405</v>
      </c>
      <c r="F924" s="51" t="s">
        <v>38</v>
      </c>
      <c r="G924" s="51" t="s">
        <v>97</v>
      </c>
      <c r="H924" s="51" t="s">
        <v>82</v>
      </c>
      <c r="I924" s="50">
        <v>4.7</v>
      </c>
    </row>
    <row r="925" spans="1:9" x14ac:dyDescent="0.35">
      <c r="A925" s="52" t="s">
        <v>78</v>
      </c>
      <c r="B925" s="51" t="s">
        <v>79</v>
      </c>
      <c r="C925" s="61">
        <v>326902742</v>
      </c>
      <c r="D925" s="62">
        <v>10</v>
      </c>
      <c r="E925" s="51">
        <v>202405</v>
      </c>
      <c r="F925" s="51" t="s">
        <v>38</v>
      </c>
      <c r="G925" s="51" t="s">
        <v>97</v>
      </c>
      <c r="H925" s="51" t="s">
        <v>82</v>
      </c>
      <c r="I925" s="50">
        <v>4.7</v>
      </c>
    </row>
    <row r="926" spans="1:9" x14ac:dyDescent="0.35">
      <c r="A926" s="52" t="s">
        <v>78</v>
      </c>
      <c r="B926" s="51" t="s">
        <v>79</v>
      </c>
      <c r="C926" s="61">
        <v>327503647</v>
      </c>
      <c r="D926" s="62">
        <v>10</v>
      </c>
      <c r="E926" s="51">
        <v>202405</v>
      </c>
      <c r="F926" s="51" t="s">
        <v>38</v>
      </c>
      <c r="G926" s="51" t="s">
        <v>97</v>
      </c>
      <c r="H926" s="51" t="s">
        <v>82</v>
      </c>
      <c r="I926" s="50">
        <v>4.7</v>
      </c>
    </row>
    <row r="927" spans="1:9" x14ac:dyDescent="0.35">
      <c r="A927" s="52" t="s">
        <v>78</v>
      </c>
      <c r="B927" s="51" t="s">
        <v>79</v>
      </c>
      <c r="C927" s="61">
        <v>330200050</v>
      </c>
      <c r="D927" s="62">
        <v>10</v>
      </c>
      <c r="E927" s="51">
        <v>202405</v>
      </c>
      <c r="F927" s="51" t="s">
        <v>38</v>
      </c>
      <c r="G927" s="51" t="s">
        <v>97</v>
      </c>
      <c r="H927" s="51" t="s">
        <v>82</v>
      </c>
      <c r="I927" s="50">
        <v>4.7</v>
      </c>
    </row>
    <row r="928" spans="1:9" x14ac:dyDescent="0.35">
      <c r="A928" s="52" t="s">
        <v>78</v>
      </c>
      <c r="B928" s="51" t="s">
        <v>79</v>
      </c>
      <c r="C928" s="61">
        <v>330301776</v>
      </c>
      <c r="D928" s="62">
        <v>10</v>
      </c>
      <c r="E928" s="51">
        <v>202405</v>
      </c>
      <c r="F928" s="51" t="s">
        <v>38</v>
      </c>
      <c r="G928" s="51" t="s">
        <v>97</v>
      </c>
      <c r="H928" s="51" t="s">
        <v>82</v>
      </c>
      <c r="I928" s="50">
        <v>4.7</v>
      </c>
    </row>
    <row r="929" spans="1:9" x14ac:dyDescent="0.35">
      <c r="A929" s="52" t="s">
        <v>78</v>
      </c>
      <c r="B929" s="51" t="s">
        <v>79</v>
      </c>
      <c r="C929" s="61">
        <v>331466829</v>
      </c>
      <c r="D929" s="62">
        <v>10</v>
      </c>
      <c r="E929" s="51">
        <v>202405</v>
      </c>
      <c r="F929" s="51" t="s">
        <v>38</v>
      </c>
      <c r="G929" s="51" t="s">
        <v>97</v>
      </c>
      <c r="H929" s="51" t="s">
        <v>82</v>
      </c>
      <c r="I929" s="50">
        <v>95</v>
      </c>
    </row>
    <row r="930" spans="1:9" x14ac:dyDescent="0.35">
      <c r="A930" s="52" t="s">
        <v>78</v>
      </c>
      <c r="B930" s="51" t="s">
        <v>79</v>
      </c>
      <c r="C930" s="61">
        <v>332000461</v>
      </c>
      <c r="D930" s="62">
        <v>10</v>
      </c>
      <c r="E930" s="51">
        <v>202405</v>
      </c>
      <c r="F930" s="51" t="s">
        <v>38</v>
      </c>
      <c r="G930" s="51" t="s">
        <v>97</v>
      </c>
      <c r="H930" s="51" t="s">
        <v>82</v>
      </c>
      <c r="I930" s="50">
        <v>4.7</v>
      </c>
    </row>
    <row r="931" spans="1:9" x14ac:dyDescent="0.35">
      <c r="A931" s="52" t="s">
        <v>78</v>
      </c>
      <c r="B931" s="51" t="s">
        <v>79</v>
      </c>
      <c r="C931" s="61">
        <v>332000461</v>
      </c>
      <c r="D931" s="62">
        <v>10</v>
      </c>
      <c r="E931" s="51">
        <v>202405</v>
      </c>
      <c r="F931" s="51" t="s">
        <v>38</v>
      </c>
      <c r="G931" s="51" t="s">
        <v>97</v>
      </c>
      <c r="H931" s="51" t="s">
        <v>82</v>
      </c>
      <c r="I931" s="50">
        <v>4.7</v>
      </c>
    </row>
    <row r="932" spans="1:9" x14ac:dyDescent="0.35">
      <c r="A932" s="52" t="s">
        <v>78</v>
      </c>
      <c r="B932" s="51" t="s">
        <v>79</v>
      </c>
      <c r="C932" s="61">
        <v>332601022</v>
      </c>
      <c r="D932" s="62">
        <v>10</v>
      </c>
      <c r="E932" s="51">
        <v>202405</v>
      </c>
      <c r="F932" s="51" t="s">
        <v>38</v>
      </c>
      <c r="G932" s="51" t="s">
        <v>97</v>
      </c>
      <c r="H932" s="51" t="s">
        <v>82</v>
      </c>
      <c r="I932" s="50">
        <v>4.7</v>
      </c>
    </row>
    <row r="933" spans="1:9" x14ac:dyDescent="0.35">
      <c r="A933" s="52" t="s">
        <v>78</v>
      </c>
      <c r="B933" s="51" t="s">
        <v>79</v>
      </c>
      <c r="C933" s="61">
        <v>332601484</v>
      </c>
      <c r="D933" s="62">
        <v>10</v>
      </c>
      <c r="E933" s="51">
        <v>202405</v>
      </c>
      <c r="F933" s="51" t="s">
        <v>38</v>
      </c>
      <c r="G933" s="51" t="s">
        <v>97</v>
      </c>
      <c r="H933" s="51" t="s">
        <v>82</v>
      </c>
      <c r="I933" s="50">
        <v>4.7</v>
      </c>
    </row>
    <row r="934" spans="1:9" x14ac:dyDescent="0.35">
      <c r="A934" s="52" t="s">
        <v>78</v>
      </c>
      <c r="B934" s="51" t="s">
        <v>79</v>
      </c>
      <c r="C934" s="61">
        <v>333705612</v>
      </c>
      <c r="D934" s="62">
        <v>10</v>
      </c>
      <c r="E934" s="51">
        <v>202405</v>
      </c>
      <c r="F934" s="51" t="s">
        <v>38</v>
      </c>
      <c r="G934" s="51" t="s">
        <v>97</v>
      </c>
      <c r="H934" s="51" t="s">
        <v>82</v>
      </c>
      <c r="I934" s="50">
        <v>4.7</v>
      </c>
    </row>
    <row r="935" spans="1:9" x14ac:dyDescent="0.35">
      <c r="A935" s="52" t="s">
        <v>78</v>
      </c>
      <c r="B935" s="51" t="s">
        <v>79</v>
      </c>
      <c r="C935" s="61">
        <v>335133530</v>
      </c>
      <c r="D935" s="62">
        <v>10</v>
      </c>
      <c r="E935" s="51">
        <v>202405</v>
      </c>
      <c r="F935" s="51" t="s">
        <v>38</v>
      </c>
      <c r="G935" s="51" t="s">
        <v>97</v>
      </c>
      <c r="H935" s="51" t="s">
        <v>82</v>
      </c>
      <c r="I935" s="50">
        <v>30</v>
      </c>
    </row>
    <row r="936" spans="1:9" x14ac:dyDescent="0.35">
      <c r="A936" s="52" t="s">
        <v>78</v>
      </c>
      <c r="B936" s="51" t="s">
        <v>79</v>
      </c>
      <c r="C936" s="61">
        <v>335502123</v>
      </c>
      <c r="D936" s="62">
        <v>10</v>
      </c>
      <c r="E936" s="51">
        <v>202405</v>
      </c>
      <c r="F936" s="51" t="s">
        <v>38</v>
      </c>
      <c r="G936" s="51" t="s">
        <v>97</v>
      </c>
      <c r="H936" s="51" t="s">
        <v>82</v>
      </c>
      <c r="I936" s="50">
        <v>4.7</v>
      </c>
    </row>
    <row r="937" spans="1:9" x14ac:dyDescent="0.35">
      <c r="A937" s="52" t="s">
        <v>78</v>
      </c>
      <c r="B937" s="51" t="s">
        <v>79</v>
      </c>
      <c r="C937" s="61">
        <v>337304010</v>
      </c>
      <c r="D937" s="62">
        <v>10</v>
      </c>
      <c r="E937" s="51">
        <v>202405</v>
      </c>
      <c r="F937" s="51" t="s">
        <v>38</v>
      </c>
      <c r="G937" s="51" t="s">
        <v>97</v>
      </c>
      <c r="H937" s="51" t="s">
        <v>82</v>
      </c>
      <c r="I937" s="50">
        <v>4.7</v>
      </c>
    </row>
    <row r="938" spans="1:9" x14ac:dyDescent="0.35">
      <c r="A938" s="52" t="s">
        <v>78</v>
      </c>
      <c r="B938" s="51" t="s">
        <v>79</v>
      </c>
      <c r="C938" s="61">
        <v>338100066</v>
      </c>
      <c r="D938" s="62">
        <v>10</v>
      </c>
      <c r="E938" s="51">
        <v>202405</v>
      </c>
      <c r="F938" s="51" t="s">
        <v>38</v>
      </c>
      <c r="G938" s="51" t="s">
        <v>97</v>
      </c>
      <c r="H938" s="51" t="s">
        <v>82</v>
      </c>
      <c r="I938" s="50">
        <v>4.7</v>
      </c>
    </row>
    <row r="939" spans="1:9" x14ac:dyDescent="0.35">
      <c r="A939" s="52" t="s">
        <v>78</v>
      </c>
      <c r="B939" s="51" t="s">
        <v>79</v>
      </c>
      <c r="C939" s="61">
        <v>341601016</v>
      </c>
      <c r="D939" s="62">
        <v>10</v>
      </c>
      <c r="E939" s="51">
        <v>202405</v>
      </c>
      <c r="F939" s="51" t="s">
        <v>38</v>
      </c>
      <c r="G939" s="51" t="s">
        <v>97</v>
      </c>
      <c r="H939" s="51" t="s">
        <v>82</v>
      </c>
      <c r="I939" s="50">
        <v>4.7</v>
      </c>
    </row>
    <row r="940" spans="1:9" x14ac:dyDescent="0.35">
      <c r="A940" s="52" t="s">
        <v>78</v>
      </c>
      <c r="B940" s="51" t="s">
        <v>79</v>
      </c>
      <c r="C940" s="61">
        <v>341703918</v>
      </c>
      <c r="D940" s="62">
        <v>10</v>
      </c>
      <c r="E940" s="51">
        <v>202405</v>
      </c>
      <c r="F940" s="51" t="s">
        <v>38</v>
      </c>
      <c r="G940" s="51" t="s">
        <v>97</v>
      </c>
      <c r="H940" s="51" t="s">
        <v>82</v>
      </c>
      <c r="I940" s="50">
        <v>4.7</v>
      </c>
    </row>
    <row r="941" spans="1:9" x14ac:dyDescent="0.35">
      <c r="A941" s="52" t="s">
        <v>78</v>
      </c>
      <c r="B941" s="51" t="s">
        <v>79</v>
      </c>
      <c r="C941" s="61">
        <v>342102644</v>
      </c>
      <c r="D941" s="62">
        <v>10</v>
      </c>
      <c r="E941" s="51">
        <v>202405</v>
      </c>
      <c r="F941" s="51" t="s">
        <v>38</v>
      </c>
      <c r="G941" s="51" t="s">
        <v>97</v>
      </c>
      <c r="H941" s="51" t="s">
        <v>82</v>
      </c>
      <c r="I941" s="50">
        <v>30</v>
      </c>
    </row>
    <row r="942" spans="1:9" x14ac:dyDescent="0.35">
      <c r="A942" s="52" t="s">
        <v>78</v>
      </c>
      <c r="B942" s="51" t="s">
        <v>79</v>
      </c>
      <c r="C942" s="61">
        <v>342701070</v>
      </c>
      <c r="D942" s="62">
        <v>10</v>
      </c>
      <c r="E942" s="51">
        <v>202405</v>
      </c>
      <c r="F942" s="51" t="s">
        <v>38</v>
      </c>
      <c r="G942" s="51" t="s">
        <v>97</v>
      </c>
      <c r="H942" s="51" t="s">
        <v>82</v>
      </c>
      <c r="I942" s="50">
        <v>4.7</v>
      </c>
    </row>
    <row r="943" spans="1:9" x14ac:dyDescent="0.35">
      <c r="A943" s="52" t="s">
        <v>78</v>
      </c>
      <c r="B943" s="51" t="s">
        <v>79</v>
      </c>
      <c r="C943" s="61">
        <v>343302680</v>
      </c>
      <c r="D943" s="62">
        <v>10</v>
      </c>
      <c r="E943" s="51">
        <v>202405</v>
      </c>
      <c r="F943" s="51" t="s">
        <v>38</v>
      </c>
      <c r="G943" s="51" t="s">
        <v>97</v>
      </c>
      <c r="H943" s="51" t="s">
        <v>82</v>
      </c>
      <c r="I943" s="50">
        <v>4.7</v>
      </c>
    </row>
    <row r="944" spans="1:9" x14ac:dyDescent="0.35">
      <c r="A944" s="52" t="s">
        <v>78</v>
      </c>
      <c r="B944" s="51" t="s">
        <v>79</v>
      </c>
      <c r="C944" s="61">
        <v>343824817</v>
      </c>
      <c r="D944" s="62">
        <v>10</v>
      </c>
      <c r="E944" s="51">
        <v>202405</v>
      </c>
      <c r="F944" s="51" t="s">
        <v>38</v>
      </c>
      <c r="G944" s="51" t="s">
        <v>97</v>
      </c>
      <c r="H944" s="51" t="s">
        <v>82</v>
      </c>
      <c r="I944" s="50">
        <v>4.7</v>
      </c>
    </row>
    <row r="945" spans="1:9" x14ac:dyDescent="0.35">
      <c r="A945" s="52" t="s">
        <v>78</v>
      </c>
      <c r="B945" s="51" t="s">
        <v>79</v>
      </c>
      <c r="C945" s="61">
        <v>346073880</v>
      </c>
      <c r="D945" s="62">
        <v>10</v>
      </c>
      <c r="E945" s="51">
        <v>202405</v>
      </c>
      <c r="F945" s="51" t="s">
        <v>38</v>
      </c>
      <c r="G945" s="51" t="s">
        <v>97</v>
      </c>
      <c r="H945" s="51" t="s">
        <v>82</v>
      </c>
      <c r="I945" s="50">
        <v>4.7</v>
      </c>
    </row>
    <row r="946" spans="1:9" x14ac:dyDescent="0.35">
      <c r="A946" s="52" t="s">
        <v>78</v>
      </c>
      <c r="B946" s="51" t="s">
        <v>79</v>
      </c>
      <c r="C946" s="61">
        <v>346202013</v>
      </c>
      <c r="D946" s="62">
        <v>10</v>
      </c>
      <c r="E946" s="51">
        <v>202405</v>
      </c>
      <c r="F946" s="51" t="s">
        <v>38</v>
      </c>
      <c r="G946" s="51" t="s">
        <v>97</v>
      </c>
      <c r="H946" s="51" t="s">
        <v>82</v>
      </c>
      <c r="I946" s="50">
        <v>30</v>
      </c>
    </row>
    <row r="947" spans="1:9" x14ac:dyDescent="0.35">
      <c r="A947" s="52" t="s">
        <v>78</v>
      </c>
      <c r="B947" s="51" t="s">
        <v>79</v>
      </c>
      <c r="C947" s="61">
        <v>348000664</v>
      </c>
      <c r="D947" s="62">
        <v>10</v>
      </c>
      <c r="E947" s="51">
        <v>202405</v>
      </c>
      <c r="F947" s="51" t="s">
        <v>38</v>
      </c>
      <c r="G947" s="51" t="s">
        <v>97</v>
      </c>
      <c r="H947" s="51" t="s">
        <v>82</v>
      </c>
      <c r="I947" s="50">
        <v>4.7</v>
      </c>
    </row>
    <row r="948" spans="1:9" x14ac:dyDescent="0.35">
      <c r="A948" s="52" t="s">
        <v>78</v>
      </c>
      <c r="B948" s="51" t="s">
        <v>79</v>
      </c>
      <c r="C948" s="61">
        <v>348600731</v>
      </c>
      <c r="D948" s="62">
        <v>10</v>
      </c>
      <c r="E948" s="51">
        <v>202405</v>
      </c>
      <c r="F948" s="51" t="s">
        <v>38</v>
      </c>
      <c r="G948" s="51" t="s">
        <v>97</v>
      </c>
      <c r="H948" s="51" t="s">
        <v>82</v>
      </c>
      <c r="I948" s="50">
        <v>4.7</v>
      </c>
    </row>
    <row r="949" spans="1:9" x14ac:dyDescent="0.35">
      <c r="A949" s="52" t="s">
        <v>78</v>
      </c>
      <c r="B949" s="51" t="s">
        <v>79</v>
      </c>
      <c r="C949" s="61">
        <v>348601320</v>
      </c>
      <c r="D949" s="62">
        <v>10</v>
      </c>
      <c r="E949" s="51">
        <v>202405</v>
      </c>
      <c r="F949" s="51" t="s">
        <v>38</v>
      </c>
      <c r="G949" s="51" t="s">
        <v>97</v>
      </c>
      <c r="H949" s="51" t="s">
        <v>82</v>
      </c>
      <c r="I949" s="50">
        <v>4.7</v>
      </c>
    </row>
    <row r="950" spans="1:9" x14ac:dyDescent="0.35">
      <c r="A950" s="52" t="s">
        <v>78</v>
      </c>
      <c r="B950" s="51" t="s">
        <v>79</v>
      </c>
      <c r="C950" s="61">
        <v>348800334</v>
      </c>
      <c r="D950" s="62">
        <v>10</v>
      </c>
      <c r="E950" s="51">
        <v>202405</v>
      </c>
      <c r="F950" s="51" t="s">
        <v>38</v>
      </c>
      <c r="G950" s="51" t="s">
        <v>97</v>
      </c>
      <c r="H950" s="51" t="s">
        <v>82</v>
      </c>
      <c r="I950" s="50">
        <v>4.7</v>
      </c>
    </row>
    <row r="951" spans="1:9" x14ac:dyDescent="0.35">
      <c r="A951" s="52" t="s">
        <v>78</v>
      </c>
      <c r="B951" s="51" t="s">
        <v>79</v>
      </c>
      <c r="C951" s="61">
        <v>349201115</v>
      </c>
      <c r="D951" s="62">
        <v>10</v>
      </c>
      <c r="E951" s="51">
        <v>202405</v>
      </c>
      <c r="F951" s="51" t="s">
        <v>38</v>
      </c>
      <c r="G951" s="51" t="s">
        <v>97</v>
      </c>
      <c r="H951" s="51" t="s">
        <v>82</v>
      </c>
      <c r="I951" s="50">
        <v>4.7</v>
      </c>
    </row>
    <row r="952" spans="1:9" x14ac:dyDescent="0.35">
      <c r="A952" s="52" t="s">
        <v>78</v>
      </c>
      <c r="B952" s="51" t="s">
        <v>79</v>
      </c>
      <c r="C952" s="61">
        <v>349205391</v>
      </c>
      <c r="D952" s="62">
        <v>10</v>
      </c>
      <c r="E952" s="51">
        <v>202405</v>
      </c>
      <c r="F952" s="51" t="s">
        <v>38</v>
      </c>
      <c r="G952" s="51" t="s">
        <v>97</v>
      </c>
      <c r="H952" s="51" t="s">
        <v>82</v>
      </c>
      <c r="I952" s="50">
        <v>4.7</v>
      </c>
    </row>
    <row r="953" spans="1:9" x14ac:dyDescent="0.35">
      <c r="A953" s="52" t="s">
        <v>78</v>
      </c>
      <c r="B953" s="51" t="s">
        <v>79</v>
      </c>
      <c r="C953" s="61">
        <v>349704398</v>
      </c>
      <c r="D953" s="62">
        <v>10</v>
      </c>
      <c r="E953" s="51">
        <v>202405</v>
      </c>
      <c r="F953" s="51" t="s">
        <v>38</v>
      </c>
      <c r="G953" s="51" t="s">
        <v>97</v>
      </c>
      <c r="H953" s="51" t="s">
        <v>82</v>
      </c>
      <c r="I953" s="50">
        <v>4.7</v>
      </c>
    </row>
    <row r="954" spans="1:9" x14ac:dyDescent="0.35">
      <c r="A954" s="52" t="s">
        <v>78</v>
      </c>
      <c r="B954" s="51" t="s">
        <v>79</v>
      </c>
      <c r="C954" s="61">
        <v>349900142</v>
      </c>
      <c r="D954" s="62">
        <v>10</v>
      </c>
      <c r="E954" s="51">
        <v>202405</v>
      </c>
      <c r="F954" s="51" t="s">
        <v>38</v>
      </c>
      <c r="G954" s="51" t="s">
        <v>97</v>
      </c>
      <c r="H954" s="51" t="s">
        <v>82</v>
      </c>
      <c r="I954" s="50">
        <v>4.7</v>
      </c>
    </row>
    <row r="955" spans="1:9" x14ac:dyDescent="0.35">
      <c r="A955" s="52" t="s">
        <v>78</v>
      </c>
      <c r="B955" s="51" t="s">
        <v>79</v>
      </c>
      <c r="C955" s="61">
        <v>351515684</v>
      </c>
      <c r="D955" s="62">
        <v>10</v>
      </c>
      <c r="E955" s="51">
        <v>202405</v>
      </c>
      <c r="F955" s="51" t="s">
        <v>38</v>
      </c>
      <c r="G955" s="51" t="s">
        <v>97</v>
      </c>
      <c r="H955" s="51" t="s">
        <v>82</v>
      </c>
      <c r="I955" s="50">
        <v>4.7</v>
      </c>
    </row>
    <row r="956" spans="1:9" x14ac:dyDescent="0.35">
      <c r="A956" s="52" t="s">
        <v>78</v>
      </c>
      <c r="B956" s="51" t="s">
        <v>79</v>
      </c>
      <c r="C956" s="61">
        <v>352303502</v>
      </c>
      <c r="D956" s="62">
        <v>10</v>
      </c>
      <c r="E956" s="51">
        <v>202405</v>
      </c>
      <c r="F956" s="51" t="s">
        <v>38</v>
      </c>
      <c r="G956" s="51" t="s">
        <v>97</v>
      </c>
      <c r="H956" s="51" t="s">
        <v>82</v>
      </c>
      <c r="I956" s="50">
        <v>30</v>
      </c>
    </row>
    <row r="957" spans="1:9" x14ac:dyDescent="0.35">
      <c r="A957" s="52" t="s">
        <v>78</v>
      </c>
      <c r="B957" s="51" t="s">
        <v>79</v>
      </c>
      <c r="C957" s="61">
        <v>352891800</v>
      </c>
      <c r="D957" s="62">
        <v>10</v>
      </c>
      <c r="E957" s="51">
        <v>202405</v>
      </c>
      <c r="F957" s="51" t="s">
        <v>38</v>
      </c>
      <c r="G957" s="51" t="s">
        <v>97</v>
      </c>
      <c r="H957" s="51" t="s">
        <v>82</v>
      </c>
      <c r="I957" s="50">
        <v>4.7</v>
      </c>
    </row>
    <row r="958" spans="1:9" x14ac:dyDescent="0.35">
      <c r="A958" s="52" t="s">
        <v>78</v>
      </c>
      <c r="B958" s="51" t="s">
        <v>79</v>
      </c>
      <c r="C958" s="61">
        <v>354002343</v>
      </c>
      <c r="D958" s="62">
        <v>10</v>
      </c>
      <c r="E958" s="51">
        <v>202405</v>
      </c>
      <c r="F958" s="51" t="s">
        <v>38</v>
      </c>
      <c r="G958" s="51" t="s">
        <v>97</v>
      </c>
      <c r="H958" s="51" t="s">
        <v>82</v>
      </c>
      <c r="I958" s="50">
        <v>4.7</v>
      </c>
    </row>
    <row r="959" spans="1:9" x14ac:dyDescent="0.35">
      <c r="A959" s="52" t="s">
        <v>78</v>
      </c>
      <c r="B959" s="51" t="s">
        <v>79</v>
      </c>
      <c r="C959" s="61">
        <v>354201722</v>
      </c>
      <c r="D959" s="62">
        <v>10</v>
      </c>
      <c r="E959" s="51">
        <v>202405</v>
      </c>
      <c r="F959" s="51" t="s">
        <v>38</v>
      </c>
      <c r="G959" s="51" t="s">
        <v>97</v>
      </c>
      <c r="H959" s="51" t="s">
        <v>82</v>
      </c>
      <c r="I959" s="50">
        <v>95</v>
      </c>
    </row>
    <row r="960" spans="1:9" x14ac:dyDescent="0.35">
      <c r="A960" s="52" t="s">
        <v>78</v>
      </c>
      <c r="B960" s="51" t="s">
        <v>79</v>
      </c>
      <c r="C960" s="61">
        <v>355000590</v>
      </c>
      <c r="D960" s="62">
        <v>10</v>
      </c>
      <c r="E960" s="51">
        <v>202405</v>
      </c>
      <c r="F960" s="51" t="s">
        <v>38</v>
      </c>
      <c r="G960" s="51" t="s">
        <v>97</v>
      </c>
      <c r="H960" s="51" t="s">
        <v>82</v>
      </c>
      <c r="I960" s="50">
        <v>4.7</v>
      </c>
    </row>
    <row r="961" spans="1:9" x14ac:dyDescent="0.35">
      <c r="A961" s="52" t="s">
        <v>78</v>
      </c>
      <c r="B961" s="51" t="s">
        <v>79</v>
      </c>
      <c r="C961" s="61">
        <v>357204186</v>
      </c>
      <c r="D961" s="62">
        <v>10</v>
      </c>
      <c r="E961" s="51">
        <v>202405</v>
      </c>
      <c r="F961" s="51" t="s">
        <v>38</v>
      </c>
      <c r="G961" s="51" t="s">
        <v>97</v>
      </c>
      <c r="H961" s="51" t="s">
        <v>82</v>
      </c>
      <c r="I961" s="50">
        <v>4.7</v>
      </c>
    </row>
    <row r="962" spans="1:9" x14ac:dyDescent="0.35">
      <c r="A962" s="52" t="s">
        <v>78</v>
      </c>
      <c r="B962" s="51" t="s">
        <v>79</v>
      </c>
      <c r="C962" s="61">
        <v>359504718</v>
      </c>
      <c r="D962" s="62">
        <v>10</v>
      </c>
      <c r="E962" s="51">
        <v>202405</v>
      </c>
      <c r="F962" s="51" t="s">
        <v>38</v>
      </c>
      <c r="G962" s="51" t="s">
        <v>97</v>
      </c>
      <c r="H962" s="51" t="s">
        <v>82</v>
      </c>
      <c r="I962" s="50">
        <v>4.7</v>
      </c>
    </row>
    <row r="963" spans="1:9" x14ac:dyDescent="0.35">
      <c r="A963" s="52" t="s">
        <v>78</v>
      </c>
      <c r="B963" s="51" t="s">
        <v>79</v>
      </c>
      <c r="C963" s="61">
        <v>359675270</v>
      </c>
      <c r="D963" s="62">
        <v>10</v>
      </c>
      <c r="E963" s="51">
        <v>202405</v>
      </c>
      <c r="F963" s="51" t="s">
        <v>38</v>
      </c>
      <c r="G963" s="51" t="s">
        <v>97</v>
      </c>
      <c r="H963" s="51" t="s">
        <v>82</v>
      </c>
      <c r="I963" s="50">
        <v>4.7</v>
      </c>
    </row>
    <row r="964" spans="1:9" x14ac:dyDescent="0.35">
      <c r="A964" s="52" t="s">
        <v>78</v>
      </c>
      <c r="B964" s="51" t="s">
        <v>79</v>
      </c>
      <c r="C964" s="61">
        <v>360691901</v>
      </c>
      <c r="D964" s="62">
        <v>10</v>
      </c>
      <c r="E964" s="51">
        <v>202405</v>
      </c>
      <c r="F964" s="51" t="s">
        <v>38</v>
      </c>
      <c r="G964" s="51" t="s">
        <v>97</v>
      </c>
      <c r="H964" s="51" t="s">
        <v>82</v>
      </c>
      <c r="I964" s="50">
        <v>30</v>
      </c>
    </row>
    <row r="965" spans="1:9" x14ac:dyDescent="0.35">
      <c r="A965" s="52" t="s">
        <v>78</v>
      </c>
      <c r="B965" s="51" t="s">
        <v>79</v>
      </c>
      <c r="C965" s="61">
        <v>362101749</v>
      </c>
      <c r="D965" s="62">
        <v>10</v>
      </c>
      <c r="E965" s="51">
        <v>202405</v>
      </c>
      <c r="F965" s="51" t="s">
        <v>38</v>
      </c>
      <c r="G965" s="51" t="s">
        <v>97</v>
      </c>
      <c r="H965" s="51" t="s">
        <v>82</v>
      </c>
      <c r="I965" s="50">
        <v>30</v>
      </c>
    </row>
    <row r="966" spans="1:9" x14ac:dyDescent="0.35">
      <c r="A966" s="52" t="s">
        <v>78</v>
      </c>
      <c r="B966" s="51" t="s">
        <v>79</v>
      </c>
      <c r="C966" s="61">
        <v>363036630</v>
      </c>
      <c r="D966" s="62">
        <v>10</v>
      </c>
      <c r="E966" s="51">
        <v>202405</v>
      </c>
      <c r="F966" s="51" t="s">
        <v>38</v>
      </c>
      <c r="G966" s="51" t="s">
        <v>97</v>
      </c>
      <c r="H966" s="51" t="s">
        <v>82</v>
      </c>
      <c r="I966" s="50">
        <v>4.7</v>
      </c>
    </row>
    <row r="967" spans="1:9" x14ac:dyDescent="0.35">
      <c r="A967" s="52" t="s">
        <v>78</v>
      </c>
      <c r="B967" s="51" t="s">
        <v>79</v>
      </c>
      <c r="C967" s="61">
        <v>365203155</v>
      </c>
      <c r="D967" s="62">
        <v>10</v>
      </c>
      <c r="E967" s="51">
        <v>202405</v>
      </c>
      <c r="F967" s="51" t="s">
        <v>38</v>
      </c>
      <c r="G967" s="51" t="s">
        <v>97</v>
      </c>
      <c r="H967" s="51" t="s">
        <v>82</v>
      </c>
      <c r="I967" s="50">
        <v>4.7</v>
      </c>
    </row>
    <row r="968" spans="1:9" x14ac:dyDescent="0.35">
      <c r="A968" s="52" t="s">
        <v>78</v>
      </c>
      <c r="B968" s="51" t="s">
        <v>79</v>
      </c>
      <c r="C968" s="61">
        <v>365300040</v>
      </c>
      <c r="D968" s="62">
        <v>10</v>
      </c>
      <c r="E968" s="51">
        <v>202405</v>
      </c>
      <c r="F968" s="51" t="s">
        <v>38</v>
      </c>
      <c r="G968" s="51" t="s">
        <v>97</v>
      </c>
      <c r="H968" s="51" t="s">
        <v>82</v>
      </c>
      <c r="I968" s="50">
        <v>4.7</v>
      </c>
    </row>
    <row r="969" spans="1:9" x14ac:dyDescent="0.35">
      <c r="A969" s="52" t="s">
        <v>78</v>
      </c>
      <c r="B969" s="51" t="s">
        <v>79</v>
      </c>
      <c r="C969" s="61">
        <v>366000601</v>
      </c>
      <c r="D969" s="62">
        <v>10</v>
      </c>
      <c r="E969" s="51">
        <v>202405</v>
      </c>
      <c r="F969" s="51" t="s">
        <v>38</v>
      </c>
      <c r="G969" s="51" t="s">
        <v>97</v>
      </c>
      <c r="H969" s="51" t="s">
        <v>82</v>
      </c>
      <c r="I969" s="50">
        <v>4.7</v>
      </c>
    </row>
    <row r="970" spans="1:9" x14ac:dyDescent="0.35">
      <c r="A970" s="52" t="s">
        <v>78</v>
      </c>
      <c r="B970" s="51" t="s">
        <v>79</v>
      </c>
      <c r="C970" s="61">
        <v>366700890</v>
      </c>
      <c r="D970" s="62">
        <v>10</v>
      </c>
      <c r="E970" s="51">
        <v>202405</v>
      </c>
      <c r="F970" s="51" t="s">
        <v>38</v>
      </c>
      <c r="G970" s="51" t="s">
        <v>97</v>
      </c>
      <c r="H970" s="51" t="s">
        <v>82</v>
      </c>
      <c r="I970" s="50">
        <v>4.7</v>
      </c>
    </row>
    <row r="971" spans="1:9" x14ac:dyDescent="0.35">
      <c r="A971" s="52" t="s">
        <v>78</v>
      </c>
      <c r="B971" s="51" t="s">
        <v>79</v>
      </c>
      <c r="C971" s="61">
        <v>368002054</v>
      </c>
      <c r="D971" s="62">
        <v>10</v>
      </c>
      <c r="E971" s="51">
        <v>202405</v>
      </c>
      <c r="F971" s="51" t="s">
        <v>38</v>
      </c>
      <c r="G971" s="51" t="s">
        <v>97</v>
      </c>
      <c r="H971" s="51" t="s">
        <v>82</v>
      </c>
      <c r="I971" s="50">
        <v>4.7</v>
      </c>
    </row>
    <row r="972" spans="1:9" x14ac:dyDescent="0.35">
      <c r="A972" s="52" t="s">
        <v>78</v>
      </c>
      <c r="B972" s="51" t="s">
        <v>79</v>
      </c>
      <c r="C972" s="61">
        <v>368621990</v>
      </c>
      <c r="D972" s="62">
        <v>10</v>
      </c>
      <c r="E972" s="51">
        <v>202405</v>
      </c>
      <c r="F972" s="51" t="s">
        <v>38</v>
      </c>
      <c r="G972" s="51" t="s">
        <v>97</v>
      </c>
      <c r="H972" s="51" t="s">
        <v>82</v>
      </c>
      <c r="I972" s="50">
        <v>4.7</v>
      </c>
    </row>
    <row r="973" spans="1:9" x14ac:dyDescent="0.35">
      <c r="A973" s="52" t="s">
        <v>78</v>
      </c>
      <c r="B973" s="51" t="s">
        <v>79</v>
      </c>
      <c r="C973" s="61">
        <v>369655341</v>
      </c>
      <c r="D973" s="62">
        <v>10</v>
      </c>
      <c r="E973" s="51">
        <v>202405</v>
      </c>
      <c r="F973" s="51" t="s">
        <v>38</v>
      </c>
      <c r="G973" s="51" t="s">
        <v>97</v>
      </c>
      <c r="H973" s="51" t="s">
        <v>82</v>
      </c>
      <c r="I973" s="50">
        <v>4.7</v>
      </c>
    </row>
    <row r="974" spans="1:9" x14ac:dyDescent="0.35">
      <c r="A974" s="52" t="s">
        <v>78</v>
      </c>
      <c r="B974" s="51" t="s">
        <v>79</v>
      </c>
      <c r="C974" s="61">
        <v>370601033</v>
      </c>
      <c r="D974" s="62">
        <v>10</v>
      </c>
      <c r="E974" s="51">
        <v>202405</v>
      </c>
      <c r="F974" s="51" t="s">
        <v>38</v>
      </c>
      <c r="G974" s="51" t="s">
        <v>97</v>
      </c>
      <c r="H974" s="51" t="s">
        <v>82</v>
      </c>
      <c r="I974" s="50">
        <v>4.7</v>
      </c>
    </row>
    <row r="975" spans="1:9" x14ac:dyDescent="0.35">
      <c r="A975" s="52" t="s">
        <v>78</v>
      </c>
      <c r="B975" s="51" t="s">
        <v>79</v>
      </c>
      <c r="C975" s="61">
        <v>370740500</v>
      </c>
      <c r="D975" s="62">
        <v>10</v>
      </c>
      <c r="E975" s="51">
        <v>202405</v>
      </c>
      <c r="F975" s="51" t="s">
        <v>38</v>
      </c>
      <c r="G975" s="51" t="s">
        <v>97</v>
      </c>
      <c r="H975" s="51" t="s">
        <v>82</v>
      </c>
      <c r="I975" s="50">
        <v>4.7</v>
      </c>
    </row>
    <row r="976" spans="1:9" x14ac:dyDescent="0.35">
      <c r="A976" s="52" t="s">
        <v>78</v>
      </c>
      <c r="B976" s="51" t="s">
        <v>79</v>
      </c>
      <c r="C976" s="61">
        <v>372102540</v>
      </c>
      <c r="D976" s="62">
        <v>10</v>
      </c>
      <c r="E976" s="51">
        <v>202405</v>
      </c>
      <c r="F976" s="51" t="s">
        <v>38</v>
      </c>
      <c r="G976" s="51" t="s">
        <v>97</v>
      </c>
      <c r="H976" s="51" t="s">
        <v>82</v>
      </c>
      <c r="I976" s="50">
        <v>4.7</v>
      </c>
    </row>
    <row r="977" spans="1:9" x14ac:dyDescent="0.35">
      <c r="A977" s="52" t="s">
        <v>78</v>
      </c>
      <c r="B977" s="51" t="s">
        <v>79</v>
      </c>
      <c r="C977" s="61">
        <v>372102678</v>
      </c>
      <c r="D977" s="62">
        <v>10</v>
      </c>
      <c r="E977" s="51">
        <v>202405</v>
      </c>
      <c r="F977" s="51" t="s">
        <v>38</v>
      </c>
      <c r="G977" s="51" t="s">
        <v>97</v>
      </c>
      <c r="H977" s="51" t="s">
        <v>82</v>
      </c>
      <c r="I977" s="50">
        <v>4.7</v>
      </c>
    </row>
    <row r="978" spans="1:9" x14ac:dyDescent="0.35">
      <c r="A978" s="52" t="s">
        <v>78</v>
      </c>
      <c r="B978" s="51" t="s">
        <v>79</v>
      </c>
      <c r="C978" s="61">
        <v>372803580</v>
      </c>
      <c r="D978" s="62">
        <v>10</v>
      </c>
      <c r="E978" s="51">
        <v>202405</v>
      </c>
      <c r="F978" s="51" t="s">
        <v>38</v>
      </c>
      <c r="G978" s="51" t="s">
        <v>97</v>
      </c>
      <c r="H978" s="51" t="s">
        <v>82</v>
      </c>
      <c r="I978" s="50">
        <v>4.7</v>
      </c>
    </row>
    <row r="979" spans="1:9" x14ac:dyDescent="0.35">
      <c r="A979" s="52" t="s">
        <v>78</v>
      </c>
      <c r="B979" s="51" t="s">
        <v>79</v>
      </c>
      <c r="C979" s="61">
        <v>373564026</v>
      </c>
      <c r="D979" s="62">
        <v>10</v>
      </c>
      <c r="E979" s="51">
        <v>202405</v>
      </c>
      <c r="F979" s="51" t="s">
        <v>38</v>
      </c>
      <c r="G979" s="51" t="s">
        <v>97</v>
      </c>
      <c r="H979" s="51" t="s">
        <v>82</v>
      </c>
      <c r="I979" s="50">
        <v>30</v>
      </c>
    </row>
    <row r="980" spans="1:9" x14ac:dyDescent="0.35">
      <c r="A980" s="52" t="s">
        <v>78</v>
      </c>
      <c r="B980" s="51" t="s">
        <v>79</v>
      </c>
      <c r="C980" s="61">
        <v>373600733</v>
      </c>
      <c r="D980" s="62">
        <v>10</v>
      </c>
      <c r="E980" s="51">
        <v>202405</v>
      </c>
      <c r="F980" s="51" t="s">
        <v>38</v>
      </c>
      <c r="G980" s="51" t="s">
        <v>97</v>
      </c>
      <c r="H980" s="51" t="s">
        <v>82</v>
      </c>
      <c r="I980" s="50">
        <v>4.7</v>
      </c>
    </row>
    <row r="981" spans="1:9" x14ac:dyDescent="0.35">
      <c r="A981" s="52" t="s">
        <v>78</v>
      </c>
      <c r="B981" s="51" t="s">
        <v>79</v>
      </c>
      <c r="C981" s="61">
        <v>378795990</v>
      </c>
      <c r="D981" s="62">
        <v>10</v>
      </c>
      <c r="E981" s="51">
        <v>202405</v>
      </c>
      <c r="F981" s="51" t="s">
        <v>38</v>
      </c>
      <c r="G981" s="51" t="s">
        <v>97</v>
      </c>
      <c r="H981" s="51" t="s">
        <v>82</v>
      </c>
      <c r="I981" s="50">
        <v>30</v>
      </c>
    </row>
    <row r="982" spans="1:9" x14ac:dyDescent="0.35">
      <c r="A982" s="52" t="s">
        <v>78</v>
      </c>
      <c r="B982" s="51" t="s">
        <v>79</v>
      </c>
      <c r="C982" s="61">
        <v>378803491</v>
      </c>
      <c r="D982" s="62">
        <v>10</v>
      </c>
      <c r="E982" s="51">
        <v>202405</v>
      </c>
      <c r="F982" s="51" t="s">
        <v>38</v>
      </c>
      <c r="G982" s="51" t="s">
        <v>97</v>
      </c>
      <c r="H982" s="51" t="s">
        <v>82</v>
      </c>
      <c r="I982" s="50">
        <v>4.7</v>
      </c>
    </row>
    <row r="983" spans="1:9" x14ac:dyDescent="0.35">
      <c r="A983" s="52" t="s">
        <v>78</v>
      </c>
      <c r="B983" s="51" t="s">
        <v>79</v>
      </c>
      <c r="C983" s="61">
        <v>379500037</v>
      </c>
      <c r="D983" s="62">
        <v>10</v>
      </c>
      <c r="E983" s="51">
        <v>202405</v>
      </c>
      <c r="F983" s="51" t="s">
        <v>38</v>
      </c>
      <c r="G983" s="51" t="s">
        <v>97</v>
      </c>
      <c r="H983" s="51" t="s">
        <v>82</v>
      </c>
      <c r="I983" s="50">
        <v>4.7</v>
      </c>
    </row>
    <row r="984" spans="1:9" x14ac:dyDescent="0.35">
      <c r="A984" s="52" t="s">
        <v>78</v>
      </c>
      <c r="B984" s="51" t="s">
        <v>79</v>
      </c>
      <c r="C984" s="61">
        <v>381703686</v>
      </c>
      <c r="D984" s="62">
        <v>10</v>
      </c>
      <c r="E984" s="51">
        <v>202405</v>
      </c>
      <c r="F984" s="51" t="s">
        <v>38</v>
      </c>
      <c r="G984" s="51" t="s">
        <v>97</v>
      </c>
      <c r="H984" s="51" t="s">
        <v>82</v>
      </c>
      <c r="I984" s="50">
        <v>4.7</v>
      </c>
    </row>
    <row r="985" spans="1:9" x14ac:dyDescent="0.35">
      <c r="A985" s="52" t="s">
        <v>78</v>
      </c>
      <c r="B985" s="51" t="s">
        <v>79</v>
      </c>
      <c r="C985" s="61">
        <v>382204912</v>
      </c>
      <c r="D985" s="62">
        <v>10</v>
      </c>
      <c r="E985" s="51">
        <v>202405</v>
      </c>
      <c r="F985" s="51" t="s">
        <v>38</v>
      </c>
      <c r="G985" s="51" t="s">
        <v>97</v>
      </c>
      <c r="H985" s="51" t="s">
        <v>82</v>
      </c>
      <c r="I985" s="50">
        <v>4.7</v>
      </c>
    </row>
    <row r="986" spans="1:9" x14ac:dyDescent="0.35">
      <c r="A986" s="52" t="s">
        <v>78</v>
      </c>
      <c r="B986" s="51" t="s">
        <v>79</v>
      </c>
      <c r="C986" s="61">
        <v>382903647</v>
      </c>
      <c r="D986" s="62">
        <v>10</v>
      </c>
      <c r="E986" s="51">
        <v>202405</v>
      </c>
      <c r="F986" s="51" t="s">
        <v>38</v>
      </c>
      <c r="G986" s="51" t="s">
        <v>97</v>
      </c>
      <c r="H986" s="51" t="s">
        <v>82</v>
      </c>
      <c r="I986" s="50">
        <v>4.7</v>
      </c>
    </row>
    <row r="987" spans="1:9" x14ac:dyDescent="0.35">
      <c r="A987" s="52" t="s">
        <v>78</v>
      </c>
      <c r="B987" s="51" t="s">
        <v>79</v>
      </c>
      <c r="C987" s="61">
        <v>383153120</v>
      </c>
      <c r="D987" s="62">
        <v>10</v>
      </c>
      <c r="E987" s="51">
        <v>202405</v>
      </c>
      <c r="F987" s="51" t="s">
        <v>38</v>
      </c>
      <c r="G987" s="51" t="s">
        <v>97</v>
      </c>
      <c r="H987" s="51" t="s">
        <v>82</v>
      </c>
      <c r="I987" s="50">
        <v>4.7</v>
      </c>
    </row>
    <row r="988" spans="1:9" x14ac:dyDescent="0.35">
      <c r="A988" s="52" t="s">
        <v>78</v>
      </c>
      <c r="B988" s="51" t="s">
        <v>79</v>
      </c>
      <c r="C988" s="61">
        <v>384103719</v>
      </c>
      <c r="D988" s="62">
        <v>10</v>
      </c>
      <c r="E988" s="51">
        <v>202405</v>
      </c>
      <c r="F988" s="51" t="s">
        <v>38</v>
      </c>
      <c r="G988" s="51" t="s">
        <v>97</v>
      </c>
      <c r="H988" s="51" t="s">
        <v>82</v>
      </c>
      <c r="I988" s="50">
        <v>4.7</v>
      </c>
    </row>
    <row r="989" spans="1:9" x14ac:dyDescent="0.35">
      <c r="A989" s="52" t="s">
        <v>78</v>
      </c>
      <c r="B989" s="51" t="s">
        <v>79</v>
      </c>
      <c r="C989" s="61">
        <v>384903601</v>
      </c>
      <c r="D989" s="62">
        <v>10</v>
      </c>
      <c r="E989" s="51">
        <v>202405</v>
      </c>
      <c r="F989" s="51" t="s">
        <v>38</v>
      </c>
      <c r="G989" s="51" t="s">
        <v>97</v>
      </c>
      <c r="H989" s="51" t="s">
        <v>82</v>
      </c>
      <c r="I989" s="50">
        <v>95</v>
      </c>
    </row>
    <row r="990" spans="1:9" x14ac:dyDescent="0.35">
      <c r="A990" s="52" t="s">
        <v>78</v>
      </c>
      <c r="B990" s="51" t="s">
        <v>79</v>
      </c>
      <c r="C990" s="61">
        <v>386001596</v>
      </c>
      <c r="D990" s="62">
        <v>10</v>
      </c>
      <c r="E990" s="51">
        <v>202405</v>
      </c>
      <c r="F990" s="51" t="s">
        <v>38</v>
      </c>
      <c r="G990" s="51" t="s">
        <v>97</v>
      </c>
      <c r="H990" s="51" t="s">
        <v>82</v>
      </c>
      <c r="I990" s="50">
        <v>4.7</v>
      </c>
    </row>
    <row r="991" spans="1:9" x14ac:dyDescent="0.35">
      <c r="A991" s="52" t="s">
        <v>78</v>
      </c>
      <c r="B991" s="51" t="s">
        <v>79</v>
      </c>
      <c r="C991" s="61">
        <v>386601093</v>
      </c>
      <c r="D991" s="62">
        <v>10</v>
      </c>
      <c r="E991" s="51">
        <v>202405</v>
      </c>
      <c r="F991" s="51" t="s">
        <v>38</v>
      </c>
      <c r="G991" s="51" t="s">
        <v>97</v>
      </c>
      <c r="H991" s="51" t="s">
        <v>82</v>
      </c>
      <c r="I991" s="50">
        <v>4.7</v>
      </c>
    </row>
    <row r="992" spans="1:9" x14ac:dyDescent="0.35">
      <c r="A992" s="52" t="s">
        <v>78</v>
      </c>
      <c r="B992" s="51" t="s">
        <v>79</v>
      </c>
      <c r="C992" s="61">
        <v>386703814</v>
      </c>
      <c r="D992" s="62">
        <v>10</v>
      </c>
      <c r="E992" s="51">
        <v>202405</v>
      </c>
      <c r="F992" s="51" t="s">
        <v>38</v>
      </c>
      <c r="G992" s="51" t="s">
        <v>97</v>
      </c>
      <c r="H992" s="51" t="s">
        <v>82</v>
      </c>
      <c r="I992" s="50">
        <v>4.7</v>
      </c>
    </row>
    <row r="993" spans="1:9" x14ac:dyDescent="0.35">
      <c r="A993" s="52" t="s">
        <v>78</v>
      </c>
      <c r="B993" s="51" t="s">
        <v>79</v>
      </c>
      <c r="C993" s="61">
        <v>387300070</v>
      </c>
      <c r="D993" s="62">
        <v>10</v>
      </c>
      <c r="E993" s="51">
        <v>202405</v>
      </c>
      <c r="F993" s="51" t="s">
        <v>38</v>
      </c>
      <c r="G993" s="51" t="s">
        <v>97</v>
      </c>
      <c r="H993" s="51" t="s">
        <v>82</v>
      </c>
      <c r="I993" s="50">
        <v>4.7</v>
      </c>
    </row>
    <row r="994" spans="1:9" x14ac:dyDescent="0.35">
      <c r="A994" s="52" t="s">
        <v>78</v>
      </c>
      <c r="B994" s="51" t="s">
        <v>79</v>
      </c>
      <c r="C994" s="61">
        <v>387603931</v>
      </c>
      <c r="D994" s="62">
        <v>10</v>
      </c>
      <c r="E994" s="51">
        <v>202405</v>
      </c>
      <c r="F994" s="51" t="s">
        <v>38</v>
      </c>
      <c r="G994" s="51" t="s">
        <v>97</v>
      </c>
      <c r="H994" s="51" t="s">
        <v>82</v>
      </c>
      <c r="I994" s="50">
        <v>4.7</v>
      </c>
    </row>
    <row r="995" spans="1:9" x14ac:dyDescent="0.35">
      <c r="A995" s="52" t="s">
        <v>78</v>
      </c>
      <c r="B995" s="51" t="s">
        <v>79</v>
      </c>
      <c r="C995" s="61">
        <v>388102634</v>
      </c>
      <c r="D995" s="62">
        <v>10</v>
      </c>
      <c r="E995" s="51">
        <v>202405</v>
      </c>
      <c r="F995" s="51" t="s">
        <v>38</v>
      </c>
      <c r="G995" s="51" t="s">
        <v>97</v>
      </c>
      <c r="H995" s="51" t="s">
        <v>82</v>
      </c>
      <c r="I995" s="50">
        <v>4.7</v>
      </c>
    </row>
    <row r="996" spans="1:9" x14ac:dyDescent="0.35">
      <c r="A996" s="52" t="s">
        <v>78</v>
      </c>
      <c r="B996" s="51" t="s">
        <v>79</v>
      </c>
      <c r="C996" s="61">
        <v>389600306</v>
      </c>
      <c r="D996" s="62">
        <v>10</v>
      </c>
      <c r="E996" s="51">
        <v>202405</v>
      </c>
      <c r="F996" s="51" t="s">
        <v>38</v>
      </c>
      <c r="G996" s="51" t="s">
        <v>97</v>
      </c>
      <c r="H996" s="51" t="s">
        <v>82</v>
      </c>
      <c r="I996" s="50">
        <v>4.7</v>
      </c>
    </row>
    <row r="997" spans="1:9" x14ac:dyDescent="0.35">
      <c r="A997" s="52" t="s">
        <v>78</v>
      </c>
      <c r="B997" s="51" t="s">
        <v>79</v>
      </c>
      <c r="C997" s="61">
        <v>390100291</v>
      </c>
      <c r="D997" s="62">
        <v>10</v>
      </c>
      <c r="E997" s="51">
        <v>202405</v>
      </c>
      <c r="F997" s="51" t="s">
        <v>38</v>
      </c>
      <c r="G997" s="51" t="s">
        <v>97</v>
      </c>
      <c r="H997" s="51" t="s">
        <v>82</v>
      </c>
      <c r="I997" s="50">
        <v>4.7</v>
      </c>
    </row>
    <row r="998" spans="1:9" x14ac:dyDescent="0.35">
      <c r="A998" s="52" t="s">
        <v>78</v>
      </c>
      <c r="B998" s="51" t="s">
        <v>79</v>
      </c>
      <c r="C998" s="61">
        <v>390301175</v>
      </c>
      <c r="D998" s="62">
        <v>10</v>
      </c>
      <c r="E998" s="51">
        <v>202405</v>
      </c>
      <c r="F998" s="51" t="s">
        <v>38</v>
      </c>
      <c r="G998" s="51" t="s">
        <v>97</v>
      </c>
      <c r="H998" s="51" t="s">
        <v>82</v>
      </c>
      <c r="I998" s="50">
        <v>30</v>
      </c>
    </row>
    <row r="999" spans="1:9" x14ac:dyDescent="0.35">
      <c r="A999" s="52" t="s">
        <v>78</v>
      </c>
      <c r="B999" s="51" t="s">
        <v>79</v>
      </c>
      <c r="C999" s="61">
        <v>390587163</v>
      </c>
      <c r="D999" s="62">
        <v>10</v>
      </c>
      <c r="E999" s="51">
        <v>202405</v>
      </c>
      <c r="F999" s="51" t="s">
        <v>38</v>
      </c>
      <c r="G999" s="51" t="s">
        <v>97</v>
      </c>
      <c r="H999" s="51" t="s">
        <v>82</v>
      </c>
      <c r="I999" s="50">
        <v>4.7</v>
      </c>
    </row>
    <row r="1000" spans="1:9" x14ac:dyDescent="0.35">
      <c r="A1000" s="52" t="s">
        <v>78</v>
      </c>
      <c r="B1000" s="51" t="s">
        <v>79</v>
      </c>
      <c r="C1000" s="61">
        <v>391002450</v>
      </c>
      <c r="D1000" s="62">
        <v>10</v>
      </c>
      <c r="E1000" s="51">
        <v>202405</v>
      </c>
      <c r="F1000" s="51" t="s">
        <v>38</v>
      </c>
      <c r="G1000" s="51" t="s">
        <v>97</v>
      </c>
      <c r="H1000" s="51" t="s">
        <v>82</v>
      </c>
      <c r="I1000" s="50">
        <v>4.7</v>
      </c>
    </row>
    <row r="1001" spans="1:9" x14ac:dyDescent="0.35">
      <c r="A1001" s="52" t="s">
        <v>78</v>
      </c>
      <c r="B1001" s="51" t="s">
        <v>79</v>
      </c>
      <c r="C1001" s="61">
        <v>391504127</v>
      </c>
      <c r="D1001" s="62">
        <v>10</v>
      </c>
      <c r="E1001" s="51">
        <v>202405</v>
      </c>
      <c r="F1001" s="51" t="s">
        <v>38</v>
      </c>
      <c r="G1001" s="51" t="s">
        <v>97</v>
      </c>
      <c r="H1001" s="51" t="s">
        <v>82</v>
      </c>
      <c r="I1001" s="50">
        <v>4.7</v>
      </c>
    </row>
    <row r="1002" spans="1:9" x14ac:dyDescent="0.35">
      <c r="A1002" s="52" t="s">
        <v>78</v>
      </c>
      <c r="B1002" s="51" t="s">
        <v>79</v>
      </c>
      <c r="C1002" s="61">
        <v>392501103</v>
      </c>
      <c r="D1002" s="62">
        <v>10</v>
      </c>
      <c r="E1002" s="51">
        <v>202405</v>
      </c>
      <c r="F1002" s="51" t="s">
        <v>38</v>
      </c>
      <c r="G1002" s="51" t="s">
        <v>97</v>
      </c>
      <c r="H1002" s="51" t="s">
        <v>82</v>
      </c>
      <c r="I1002" s="50">
        <v>4.7</v>
      </c>
    </row>
    <row r="1003" spans="1:9" x14ac:dyDescent="0.35">
      <c r="A1003" s="52" t="s">
        <v>78</v>
      </c>
      <c r="B1003" s="51" t="s">
        <v>79</v>
      </c>
      <c r="C1003" s="61">
        <v>393603862</v>
      </c>
      <c r="D1003" s="62">
        <v>10</v>
      </c>
      <c r="E1003" s="51">
        <v>202405</v>
      </c>
      <c r="F1003" s="51" t="s">
        <v>38</v>
      </c>
      <c r="G1003" s="51" t="s">
        <v>97</v>
      </c>
      <c r="H1003" s="51" t="s">
        <v>82</v>
      </c>
      <c r="I1003" s="50">
        <v>4.7</v>
      </c>
    </row>
    <row r="1004" spans="1:9" x14ac:dyDescent="0.35">
      <c r="A1004" s="52" t="s">
        <v>78</v>
      </c>
      <c r="B1004" s="51" t="s">
        <v>79</v>
      </c>
      <c r="C1004" s="61">
        <v>393801080</v>
      </c>
      <c r="D1004" s="62">
        <v>10</v>
      </c>
      <c r="E1004" s="51">
        <v>202405</v>
      </c>
      <c r="F1004" s="51" t="s">
        <v>38</v>
      </c>
      <c r="G1004" s="51" t="s">
        <v>97</v>
      </c>
      <c r="H1004" s="51" t="s">
        <v>82</v>
      </c>
      <c r="I1004" s="50">
        <v>4.7</v>
      </c>
    </row>
    <row r="1005" spans="1:9" x14ac:dyDescent="0.35">
      <c r="A1005" s="52" t="s">
        <v>78</v>
      </c>
      <c r="B1005" s="51" t="s">
        <v>79</v>
      </c>
      <c r="C1005" s="61">
        <v>394116571</v>
      </c>
      <c r="D1005" s="62">
        <v>10</v>
      </c>
      <c r="E1005" s="51">
        <v>202405</v>
      </c>
      <c r="F1005" s="51" t="s">
        <v>38</v>
      </c>
      <c r="G1005" s="51" t="s">
        <v>97</v>
      </c>
      <c r="H1005" s="51" t="s">
        <v>82</v>
      </c>
      <c r="I1005" s="50">
        <v>4.7</v>
      </c>
    </row>
    <row r="1006" spans="1:9" x14ac:dyDescent="0.35">
      <c r="A1006" s="52" t="s">
        <v>78</v>
      </c>
      <c r="B1006" s="51" t="s">
        <v>79</v>
      </c>
      <c r="C1006" s="61">
        <v>396207154</v>
      </c>
      <c r="D1006" s="62">
        <v>10</v>
      </c>
      <c r="E1006" s="51">
        <v>202405</v>
      </c>
      <c r="F1006" s="51" t="s">
        <v>38</v>
      </c>
      <c r="G1006" s="51" t="s">
        <v>97</v>
      </c>
      <c r="H1006" s="51" t="s">
        <v>82</v>
      </c>
      <c r="I1006" s="50">
        <v>4.7</v>
      </c>
    </row>
    <row r="1007" spans="1:9" x14ac:dyDescent="0.35">
      <c r="A1007" s="52" t="s">
        <v>78</v>
      </c>
      <c r="B1007" s="51" t="s">
        <v>79</v>
      </c>
      <c r="C1007" s="61">
        <v>397791700</v>
      </c>
      <c r="D1007" s="62">
        <v>10</v>
      </c>
      <c r="E1007" s="51">
        <v>202405</v>
      </c>
      <c r="F1007" s="51" t="s">
        <v>38</v>
      </c>
      <c r="G1007" s="51" t="s">
        <v>97</v>
      </c>
      <c r="H1007" s="51" t="s">
        <v>82</v>
      </c>
      <c r="I1007" s="50">
        <v>4.7</v>
      </c>
    </row>
    <row r="1008" spans="1:9" x14ac:dyDescent="0.35">
      <c r="A1008" s="52" t="s">
        <v>78</v>
      </c>
      <c r="B1008" s="51" t="s">
        <v>79</v>
      </c>
      <c r="C1008" s="61">
        <v>398601015</v>
      </c>
      <c r="D1008" s="62">
        <v>10</v>
      </c>
      <c r="E1008" s="51">
        <v>202405</v>
      </c>
      <c r="F1008" s="51" t="s">
        <v>38</v>
      </c>
      <c r="G1008" s="51" t="s">
        <v>97</v>
      </c>
      <c r="H1008" s="51" t="s">
        <v>82</v>
      </c>
      <c r="I1008" s="50">
        <v>4.7</v>
      </c>
    </row>
    <row r="1009" spans="1:9" x14ac:dyDescent="0.35">
      <c r="A1009" s="52" t="s">
        <v>78</v>
      </c>
      <c r="B1009" s="51" t="s">
        <v>79</v>
      </c>
      <c r="C1009" s="61">
        <v>399401792</v>
      </c>
      <c r="D1009" s="62">
        <v>10</v>
      </c>
      <c r="E1009" s="51">
        <v>202405</v>
      </c>
      <c r="F1009" s="51" t="s">
        <v>38</v>
      </c>
      <c r="G1009" s="51" t="s">
        <v>97</v>
      </c>
      <c r="H1009" s="51" t="s">
        <v>82</v>
      </c>
      <c r="I1009" s="50">
        <v>4.7</v>
      </c>
    </row>
    <row r="1010" spans="1:9" x14ac:dyDescent="0.35">
      <c r="A1010" s="52" t="s">
        <v>78</v>
      </c>
      <c r="B1010" s="51" t="s">
        <v>79</v>
      </c>
      <c r="C1010" s="61">
        <v>399502021</v>
      </c>
      <c r="D1010" s="62">
        <v>10</v>
      </c>
      <c r="E1010" s="51">
        <v>202405</v>
      </c>
      <c r="F1010" s="51" t="s">
        <v>38</v>
      </c>
      <c r="G1010" s="51" t="s">
        <v>97</v>
      </c>
      <c r="H1010" s="51" t="s">
        <v>82</v>
      </c>
      <c r="I1010" s="50">
        <v>4.7</v>
      </c>
    </row>
    <row r="1011" spans="1:9" x14ac:dyDescent="0.35">
      <c r="A1011" s="52" t="s">
        <v>78</v>
      </c>
      <c r="B1011" s="51" t="s">
        <v>79</v>
      </c>
      <c r="C1011" s="61">
        <v>300001410</v>
      </c>
      <c r="D1011" s="62">
        <v>20</v>
      </c>
      <c r="E1011" s="51">
        <v>202405</v>
      </c>
      <c r="F1011" s="51" t="s">
        <v>38</v>
      </c>
      <c r="G1011" s="51" t="s">
        <v>97</v>
      </c>
      <c r="H1011" s="51" t="s">
        <v>82</v>
      </c>
      <c r="I1011" s="50">
        <v>4.7</v>
      </c>
    </row>
    <row r="1012" spans="1:9" x14ac:dyDescent="0.35">
      <c r="A1012" s="52" t="s">
        <v>78</v>
      </c>
      <c r="B1012" s="51" t="s">
        <v>79</v>
      </c>
      <c r="C1012" s="61">
        <v>300338171</v>
      </c>
      <c r="D1012" s="62">
        <v>20</v>
      </c>
      <c r="E1012" s="51">
        <v>202405</v>
      </c>
      <c r="F1012" s="51" t="s">
        <v>38</v>
      </c>
      <c r="G1012" s="51" t="s">
        <v>97</v>
      </c>
      <c r="H1012" s="51" t="s">
        <v>82</v>
      </c>
      <c r="I1012" s="50">
        <v>30</v>
      </c>
    </row>
    <row r="1013" spans="1:9" x14ac:dyDescent="0.35">
      <c r="A1013" s="52" t="s">
        <v>78</v>
      </c>
      <c r="B1013" s="51" t="s">
        <v>79</v>
      </c>
      <c r="C1013" s="61">
        <v>300977150</v>
      </c>
      <c r="D1013" s="62">
        <v>20</v>
      </c>
      <c r="E1013" s="51">
        <v>202405</v>
      </c>
      <c r="F1013" s="51" t="s">
        <v>38</v>
      </c>
      <c r="G1013" s="51" t="s">
        <v>97</v>
      </c>
      <c r="H1013" s="51" t="s">
        <v>82</v>
      </c>
      <c r="I1013" s="50">
        <v>4.7</v>
      </c>
    </row>
    <row r="1014" spans="1:9" x14ac:dyDescent="0.35">
      <c r="A1014" s="52" t="s">
        <v>78</v>
      </c>
      <c r="B1014" s="51" t="s">
        <v>79</v>
      </c>
      <c r="C1014" s="61">
        <v>301400858</v>
      </c>
      <c r="D1014" s="62">
        <v>20</v>
      </c>
      <c r="E1014" s="51">
        <v>202405</v>
      </c>
      <c r="F1014" s="51" t="s">
        <v>38</v>
      </c>
      <c r="G1014" s="51" t="s">
        <v>97</v>
      </c>
      <c r="H1014" s="51" t="s">
        <v>82</v>
      </c>
      <c r="I1014" s="50">
        <v>4.7</v>
      </c>
    </row>
    <row r="1015" spans="1:9" x14ac:dyDescent="0.35">
      <c r="A1015" s="52" t="s">
        <v>78</v>
      </c>
      <c r="B1015" s="51" t="s">
        <v>79</v>
      </c>
      <c r="C1015" s="61">
        <v>301601553</v>
      </c>
      <c r="D1015" s="62">
        <v>20</v>
      </c>
      <c r="E1015" s="51">
        <v>202405</v>
      </c>
      <c r="F1015" s="51" t="s">
        <v>38</v>
      </c>
      <c r="G1015" s="51" t="s">
        <v>97</v>
      </c>
      <c r="H1015" s="51" t="s">
        <v>82</v>
      </c>
      <c r="I1015" s="50">
        <v>4.7</v>
      </c>
    </row>
    <row r="1016" spans="1:9" x14ac:dyDescent="0.35">
      <c r="A1016" s="52" t="s">
        <v>78</v>
      </c>
      <c r="B1016" s="51" t="s">
        <v>79</v>
      </c>
      <c r="C1016" s="61">
        <v>301705581</v>
      </c>
      <c r="D1016" s="62">
        <v>20</v>
      </c>
      <c r="E1016" s="51">
        <v>202405</v>
      </c>
      <c r="F1016" s="51" t="s">
        <v>38</v>
      </c>
      <c r="G1016" s="51" t="s">
        <v>97</v>
      </c>
      <c r="H1016" s="51" t="s">
        <v>82</v>
      </c>
      <c r="I1016" s="50">
        <v>4.7</v>
      </c>
    </row>
    <row r="1017" spans="1:9" x14ac:dyDescent="0.35">
      <c r="A1017" s="52" t="s">
        <v>78</v>
      </c>
      <c r="B1017" s="51" t="s">
        <v>79</v>
      </c>
      <c r="C1017" s="61">
        <v>302104824</v>
      </c>
      <c r="D1017" s="62">
        <v>20</v>
      </c>
      <c r="E1017" s="51">
        <v>202405</v>
      </c>
      <c r="F1017" s="51" t="s">
        <v>38</v>
      </c>
      <c r="G1017" s="51" t="s">
        <v>97</v>
      </c>
      <c r="H1017" s="51" t="s">
        <v>82</v>
      </c>
      <c r="I1017" s="50">
        <v>4.7</v>
      </c>
    </row>
    <row r="1018" spans="1:9" x14ac:dyDescent="0.35">
      <c r="A1018" s="52" t="s">
        <v>78</v>
      </c>
      <c r="B1018" s="51" t="s">
        <v>79</v>
      </c>
      <c r="C1018" s="61">
        <v>302433743</v>
      </c>
      <c r="D1018" s="62">
        <v>20</v>
      </c>
      <c r="E1018" s="51">
        <v>202405</v>
      </c>
      <c r="F1018" s="51" t="s">
        <v>38</v>
      </c>
      <c r="G1018" s="51" t="s">
        <v>97</v>
      </c>
      <c r="H1018" s="51" t="s">
        <v>82</v>
      </c>
      <c r="I1018" s="50">
        <v>30</v>
      </c>
    </row>
    <row r="1019" spans="1:9" x14ac:dyDescent="0.35">
      <c r="A1019" s="52" t="s">
        <v>78</v>
      </c>
      <c r="B1019" s="51" t="s">
        <v>79</v>
      </c>
      <c r="C1019" s="61">
        <v>302500364</v>
      </c>
      <c r="D1019" s="62">
        <v>20</v>
      </c>
      <c r="E1019" s="51">
        <v>202405</v>
      </c>
      <c r="F1019" s="51" t="s">
        <v>38</v>
      </c>
      <c r="G1019" s="51" t="s">
        <v>97</v>
      </c>
      <c r="H1019" s="51" t="s">
        <v>82</v>
      </c>
      <c r="I1019" s="50">
        <v>4.7</v>
      </c>
    </row>
    <row r="1020" spans="1:9" x14ac:dyDescent="0.35">
      <c r="A1020" s="52" t="s">
        <v>78</v>
      </c>
      <c r="B1020" s="51" t="s">
        <v>79</v>
      </c>
      <c r="C1020" s="61">
        <v>302777164</v>
      </c>
      <c r="D1020" s="62">
        <v>20</v>
      </c>
      <c r="E1020" s="51">
        <v>202405</v>
      </c>
      <c r="F1020" s="51" t="s">
        <v>38</v>
      </c>
      <c r="G1020" s="51" t="s">
        <v>97</v>
      </c>
      <c r="H1020" s="51" t="s">
        <v>82</v>
      </c>
      <c r="I1020" s="50">
        <v>4.7</v>
      </c>
    </row>
    <row r="1021" spans="1:9" x14ac:dyDescent="0.35">
      <c r="A1021" s="52" t="s">
        <v>78</v>
      </c>
      <c r="B1021" s="51" t="s">
        <v>79</v>
      </c>
      <c r="C1021" s="61">
        <v>302837051</v>
      </c>
      <c r="D1021" s="62">
        <v>20</v>
      </c>
      <c r="E1021" s="51">
        <v>202405</v>
      </c>
      <c r="F1021" s="51" t="s">
        <v>38</v>
      </c>
      <c r="G1021" s="51" t="s">
        <v>97</v>
      </c>
      <c r="H1021" s="51" t="s">
        <v>82</v>
      </c>
      <c r="I1021" s="50">
        <v>4.7</v>
      </c>
    </row>
    <row r="1022" spans="1:9" x14ac:dyDescent="0.35">
      <c r="A1022" s="52" t="s">
        <v>78</v>
      </c>
      <c r="B1022" s="51" t="s">
        <v>79</v>
      </c>
      <c r="C1022" s="61">
        <v>303014590</v>
      </c>
      <c r="D1022" s="62">
        <v>20</v>
      </c>
      <c r="E1022" s="51">
        <v>202405</v>
      </c>
      <c r="F1022" s="51" t="s">
        <v>38</v>
      </c>
      <c r="G1022" s="51" t="s">
        <v>97</v>
      </c>
      <c r="H1022" s="51" t="s">
        <v>82</v>
      </c>
      <c r="I1022" s="50">
        <v>30</v>
      </c>
    </row>
    <row r="1023" spans="1:9" x14ac:dyDescent="0.35">
      <c r="A1023" s="52" t="s">
        <v>78</v>
      </c>
      <c r="B1023" s="51" t="s">
        <v>79</v>
      </c>
      <c r="C1023" s="61">
        <v>305194082</v>
      </c>
      <c r="D1023" s="62">
        <v>20</v>
      </c>
      <c r="E1023" s="51">
        <v>202405</v>
      </c>
      <c r="F1023" s="51" t="s">
        <v>38</v>
      </c>
      <c r="G1023" s="51" t="s">
        <v>97</v>
      </c>
      <c r="H1023" s="51" t="s">
        <v>82</v>
      </c>
      <c r="I1023" s="50">
        <v>4.7</v>
      </c>
    </row>
    <row r="1024" spans="1:9" x14ac:dyDescent="0.35">
      <c r="A1024" s="52" t="s">
        <v>78</v>
      </c>
      <c r="B1024" s="51" t="s">
        <v>79</v>
      </c>
      <c r="C1024" s="61">
        <v>305200861</v>
      </c>
      <c r="D1024" s="62">
        <v>20</v>
      </c>
      <c r="E1024" s="51">
        <v>202405</v>
      </c>
      <c r="F1024" s="51" t="s">
        <v>38</v>
      </c>
      <c r="G1024" s="51" t="s">
        <v>97</v>
      </c>
      <c r="H1024" s="51" t="s">
        <v>82</v>
      </c>
      <c r="I1024" s="50">
        <v>4.7</v>
      </c>
    </row>
    <row r="1025" spans="1:9" x14ac:dyDescent="0.35">
      <c r="A1025" s="52" t="s">
        <v>78</v>
      </c>
      <c r="B1025" s="51" t="s">
        <v>79</v>
      </c>
      <c r="C1025" s="61">
        <v>305200861</v>
      </c>
      <c r="D1025" s="62">
        <v>20</v>
      </c>
      <c r="E1025" s="51">
        <v>202405</v>
      </c>
      <c r="F1025" s="51" t="s">
        <v>38</v>
      </c>
      <c r="G1025" s="51" t="s">
        <v>97</v>
      </c>
      <c r="H1025" s="51" t="s">
        <v>82</v>
      </c>
      <c r="I1025" s="50">
        <v>4.7</v>
      </c>
    </row>
    <row r="1026" spans="1:9" x14ac:dyDescent="0.35">
      <c r="A1026" s="52" t="s">
        <v>78</v>
      </c>
      <c r="B1026" s="51" t="s">
        <v>79</v>
      </c>
      <c r="C1026" s="61">
        <v>305500081</v>
      </c>
      <c r="D1026" s="62">
        <v>20</v>
      </c>
      <c r="E1026" s="51">
        <v>202405</v>
      </c>
      <c r="F1026" s="51" t="s">
        <v>38</v>
      </c>
      <c r="G1026" s="51" t="s">
        <v>97</v>
      </c>
      <c r="H1026" s="51" t="s">
        <v>82</v>
      </c>
      <c r="I1026" s="50">
        <v>4.7</v>
      </c>
    </row>
    <row r="1027" spans="1:9" x14ac:dyDescent="0.35">
      <c r="A1027" s="52" t="s">
        <v>78</v>
      </c>
      <c r="B1027" s="51" t="s">
        <v>79</v>
      </c>
      <c r="C1027" s="61">
        <v>306510903</v>
      </c>
      <c r="D1027" s="62">
        <v>20</v>
      </c>
      <c r="E1027" s="51">
        <v>202405</v>
      </c>
      <c r="F1027" s="51" t="s">
        <v>38</v>
      </c>
      <c r="G1027" s="51" t="s">
        <v>97</v>
      </c>
      <c r="H1027" s="51" t="s">
        <v>82</v>
      </c>
      <c r="I1027" s="50">
        <v>30</v>
      </c>
    </row>
    <row r="1028" spans="1:9" x14ac:dyDescent="0.35">
      <c r="A1028" s="52" t="s">
        <v>78</v>
      </c>
      <c r="B1028" s="51" t="s">
        <v>79</v>
      </c>
      <c r="C1028" s="61">
        <v>307304986</v>
      </c>
      <c r="D1028" s="62">
        <v>20</v>
      </c>
      <c r="E1028" s="51">
        <v>202405</v>
      </c>
      <c r="F1028" s="51" t="s">
        <v>38</v>
      </c>
      <c r="G1028" s="51" t="s">
        <v>97</v>
      </c>
      <c r="H1028" s="51" t="s">
        <v>82</v>
      </c>
      <c r="I1028" s="50">
        <v>4.7</v>
      </c>
    </row>
    <row r="1029" spans="1:9" x14ac:dyDescent="0.35">
      <c r="A1029" s="52" t="s">
        <v>78</v>
      </c>
      <c r="B1029" s="51" t="s">
        <v>79</v>
      </c>
      <c r="C1029" s="61">
        <v>307397126</v>
      </c>
      <c r="D1029" s="62">
        <v>20</v>
      </c>
      <c r="E1029" s="51">
        <v>202405</v>
      </c>
      <c r="F1029" s="51" t="s">
        <v>38</v>
      </c>
      <c r="G1029" s="51" t="s">
        <v>97</v>
      </c>
      <c r="H1029" s="51" t="s">
        <v>82</v>
      </c>
      <c r="I1029" s="50">
        <v>4.7</v>
      </c>
    </row>
    <row r="1030" spans="1:9" x14ac:dyDescent="0.35">
      <c r="A1030" s="52" t="s">
        <v>78</v>
      </c>
      <c r="B1030" s="51" t="s">
        <v>79</v>
      </c>
      <c r="C1030" s="61">
        <v>307649626</v>
      </c>
      <c r="D1030" s="62">
        <v>20</v>
      </c>
      <c r="E1030" s="51">
        <v>202405</v>
      </c>
      <c r="F1030" s="51" t="s">
        <v>38</v>
      </c>
      <c r="G1030" s="51" t="s">
        <v>97</v>
      </c>
      <c r="H1030" s="51" t="s">
        <v>82</v>
      </c>
      <c r="I1030" s="50">
        <v>4.7</v>
      </c>
    </row>
    <row r="1031" spans="1:9" x14ac:dyDescent="0.35">
      <c r="A1031" s="52" t="s">
        <v>78</v>
      </c>
      <c r="B1031" s="51" t="s">
        <v>79</v>
      </c>
      <c r="C1031" s="61">
        <v>308104084</v>
      </c>
      <c r="D1031" s="62">
        <v>20</v>
      </c>
      <c r="E1031" s="51">
        <v>202405</v>
      </c>
      <c r="F1031" s="51" t="s">
        <v>38</v>
      </c>
      <c r="G1031" s="51" t="s">
        <v>97</v>
      </c>
      <c r="H1031" s="51" t="s">
        <v>82</v>
      </c>
      <c r="I1031" s="50">
        <v>4.7</v>
      </c>
    </row>
    <row r="1032" spans="1:9" x14ac:dyDescent="0.35">
      <c r="A1032" s="52" t="s">
        <v>78</v>
      </c>
      <c r="B1032" s="51" t="s">
        <v>79</v>
      </c>
      <c r="C1032" s="61">
        <v>308502722</v>
      </c>
      <c r="D1032" s="62">
        <v>20</v>
      </c>
      <c r="E1032" s="51">
        <v>202405</v>
      </c>
      <c r="F1032" s="51" t="s">
        <v>38</v>
      </c>
      <c r="G1032" s="51" t="s">
        <v>97</v>
      </c>
      <c r="H1032" s="51" t="s">
        <v>82</v>
      </c>
      <c r="I1032" s="50">
        <v>4.7</v>
      </c>
    </row>
    <row r="1033" spans="1:9" x14ac:dyDescent="0.35">
      <c r="A1033" s="52" t="s">
        <v>78</v>
      </c>
      <c r="B1033" s="51" t="s">
        <v>79</v>
      </c>
      <c r="C1033" s="61">
        <v>308827860</v>
      </c>
      <c r="D1033" s="62">
        <v>20</v>
      </c>
      <c r="E1033" s="51">
        <v>202405</v>
      </c>
      <c r="F1033" s="51" t="s">
        <v>38</v>
      </c>
      <c r="G1033" s="51" t="s">
        <v>97</v>
      </c>
      <c r="H1033" s="51" t="s">
        <v>82</v>
      </c>
      <c r="I1033" s="50">
        <v>4.7</v>
      </c>
    </row>
    <row r="1034" spans="1:9" x14ac:dyDescent="0.35">
      <c r="A1034" s="52" t="s">
        <v>78</v>
      </c>
      <c r="B1034" s="51" t="s">
        <v>79</v>
      </c>
      <c r="C1034" s="61">
        <v>308850757</v>
      </c>
      <c r="D1034" s="62">
        <v>20</v>
      </c>
      <c r="E1034" s="51">
        <v>202405</v>
      </c>
      <c r="F1034" s="51" t="s">
        <v>38</v>
      </c>
      <c r="G1034" s="51" t="s">
        <v>97</v>
      </c>
      <c r="H1034" s="51" t="s">
        <v>82</v>
      </c>
      <c r="I1034" s="50">
        <v>4.7</v>
      </c>
    </row>
    <row r="1035" spans="1:9" x14ac:dyDescent="0.35">
      <c r="A1035" s="52" t="s">
        <v>78</v>
      </c>
      <c r="B1035" s="51" t="s">
        <v>79</v>
      </c>
      <c r="C1035" s="61">
        <v>309200583</v>
      </c>
      <c r="D1035" s="62">
        <v>20</v>
      </c>
      <c r="E1035" s="51">
        <v>202405</v>
      </c>
      <c r="F1035" s="51" t="s">
        <v>38</v>
      </c>
      <c r="G1035" s="51" t="s">
        <v>97</v>
      </c>
      <c r="H1035" s="51" t="s">
        <v>82</v>
      </c>
      <c r="I1035" s="50">
        <v>4.7</v>
      </c>
    </row>
    <row r="1036" spans="1:9" x14ac:dyDescent="0.35">
      <c r="A1036" s="52" t="s">
        <v>78</v>
      </c>
      <c r="B1036" s="51" t="s">
        <v>79</v>
      </c>
      <c r="C1036" s="61">
        <v>309202550</v>
      </c>
      <c r="D1036" s="62">
        <v>20</v>
      </c>
      <c r="E1036" s="51">
        <v>202405</v>
      </c>
      <c r="F1036" s="51" t="s">
        <v>38</v>
      </c>
      <c r="G1036" s="51" t="s">
        <v>97</v>
      </c>
      <c r="H1036" s="51" t="s">
        <v>82</v>
      </c>
      <c r="I1036" s="50">
        <v>95</v>
      </c>
    </row>
    <row r="1037" spans="1:9" x14ac:dyDescent="0.35">
      <c r="A1037" s="52" t="s">
        <v>78</v>
      </c>
      <c r="B1037" s="51" t="s">
        <v>79</v>
      </c>
      <c r="C1037" s="61">
        <v>309592312</v>
      </c>
      <c r="D1037" s="62">
        <v>20</v>
      </c>
      <c r="E1037" s="51">
        <v>202405</v>
      </c>
      <c r="F1037" s="51" t="s">
        <v>38</v>
      </c>
      <c r="G1037" s="51" t="s">
        <v>97</v>
      </c>
      <c r="H1037" s="51" t="s">
        <v>82</v>
      </c>
      <c r="I1037" s="50">
        <v>30</v>
      </c>
    </row>
    <row r="1038" spans="1:9" x14ac:dyDescent="0.35">
      <c r="A1038" s="52" t="s">
        <v>78</v>
      </c>
      <c r="B1038" s="51" t="s">
        <v>79</v>
      </c>
      <c r="C1038" s="61">
        <v>309602381</v>
      </c>
      <c r="D1038" s="62">
        <v>20</v>
      </c>
      <c r="E1038" s="51">
        <v>202405</v>
      </c>
      <c r="F1038" s="51" t="s">
        <v>38</v>
      </c>
      <c r="G1038" s="51" t="s">
        <v>97</v>
      </c>
      <c r="H1038" s="51" t="s">
        <v>82</v>
      </c>
      <c r="I1038" s="50">
        <v>4.7</v>
      </c>
    </row>
    <row r="1039" spans="1:9" x14ac:dyDescent="0.35">
      <c r="A1039" s="52" t="s">
        <v>78</v>
      </c>
      <c r="B1039" s="51" t="s">
        <v>79</v>
      </c>
      <c r="C1039" s="61">
        <v>311660161</v>
      </c>
      <c r="D1039" s="62">
        <v>20</v>
      </c>
      <c r="E1039" s="51">
        <v>202405</v>
      </c>
      <c r="F1039" s="51" t="s">
        <v>38</v>
      </c>
      <c r="G1039" s="51" t="s">
        <v>97</v>
      </c>
      <c r="H1039" s="51" t="s">
        <v>82</v>
      </c>
      <c r="I1039" s="50">
        <v>4.7</v>
      </c>
    </row>
    <row r="1040" spans="1:9" x14ac:dyDescent="0.35">
      <c r="A1040" s="52" t="s">
        <v>78</v>
      </c>
      <c r="B1040" s="51" t="s">
        <v>79</v>
      </c>
      <c r="C1040" s="61">
        <v>311892190</v>
      </c>
      <c r="D1040" s="62">
        <v>20</v>
      </c>
      <c r="E1040" s="51">
        <v>202405</v>
      </c>
      <c r="F1040" s="51" t="s">
        <v>38</v>
      </c>
      <c r="G1040" s="51" t="s">
        <v>97</v>
      </c>
      <c r="H1040" s="51" t="s">
        <v>82</v>
      </c>
      <c r="I1040" s="50">
        <v>4.7</v>
      </c>
    </row>
    <row r="1041" spans="1:9" x14ac:dyDescent="0.35">
      <c r="A1041" s="52" t="s">
        <v>78</v>
      </c>
      <c r="B1041" s="51" t="s">
        <v>79</v>
      </c>
      <c r="C1041" s="61">
        <v>312904895</v>
      </c>
      <c r="D1041" s="62">
        <v>20</v>
      </c>
      <c r="E1041" s="51">
        <v>202405</v>
      </c>
      <c r="F1041" s="51" t="s">
        <v>38</v>
      </c>
      <c r="G1041" s="51" t="s">
        <v>97</v>
      </c>
      <c r="H1041" s="51" t="s">
        <v>82</v>
      </c>
      <c r="I1041" s="50">
        <v>4.7</v>
      </c>
    </row>
    <row r="1042" spans="1:9" x14ac:dyDescent="0.35">
      <c r="A1042" s="52" t="s">
        <v>78</v>
      </c>
      <c r="B1042" s="51" t="s">
        <v>79</v>
      </c>
      <c r="C1042" s="61">
        <v>313364670</v>
      </c>
      <c r="D1042" s="62">
        <v>20</v>
      </c>
      <c r="E1042" s="51">
        <v>202405</v>
      </c>
      <c r="F1042" s="51" t="s">
        <v>38</v>
      </c>
      <c r="G1042" s="51" t="s">
        <v>97</v>
      </c>
      <c r="H1042" s="51" t="s">
        <v>82</v>
      </c>
      <c r="I1042" s="50">
        <v>4.7</v>
      </c>
    </row>
    <row r="1043" spans="1:9" x14ac:dyDescent="0.35">
      <c r="A1043" s="52" t="s">
        <v>78</v>
      </c>
      <c r="B1043" s="51" t="s">
        <v>79</v>
      </c>
      <c r="C1043" s="61">
        <v>313466307</v>
      </c>
      <c r="D1043" s="62">
        <v>20</v>
      </c>
      <c r="E1043" s="51">
        <v>202405</v>
      </c>
      <c r="F1043" s="51" t="s">
        <v>38</v>
      </c>
      <c r="G1043" s="51" t="s">
        <v>97</v>
      </c>
      <c r="H1043" s="51" t="s">
        <v>82</v>
      </c>
      <c r="I1043" s="50">
        <v>4.7</v>
      </c>
    </row>
    <row r="1044" spans="1:9" x14ac:dyDescent="0.35">
      <c r="A1044" s="52" t="s">
        <v>78</v>
      </c>
      <c r="B1044" s="51" t="s">
        <v>79</v>
      </c>
      <c r="C1044" s="61">
        <v>314181370</v>
      </c>
      <c r="D1044" s="62">
        <v>20</v>
      </c>
      <c r="E1044" s="51">
        <v>202405</v>
      </c>
      <c r="F1044" s="51" t="s">
        <v>38</v>
      </c>
      <c r="G1044" s="51" t="s">
        <v>97</v>
      </c>
      <c r="H1044" s="51" t="s">
        <v>82</v>
      </c>
      <c r="I1044" s="50">
        <v>4.7</v>
      </c>
    </row>
    <row r="1045" spans="1:9" x14ac:dyDescent="0.35">
      <c r="A1045" s="52" t="s">
        <v>78</v>
      </c>
      <c r="B1045" s="51" t="s">
        <v>79</v>
      </c>
      <c r="C1045" s="61">
        <v>314181370</v>
      </c>
      <c r="D1045" s="62">
        <v>20</v>
      </c>
      <c r="E1045" s="51">
        <v>202405</v>
      </c>
      <c r="F1045" s="51" t="s">
        <v>38</v>
      </c>
      <c r="G1045" s="51" t="s">
        <v>97</v>
      </c>
      <c r="H1045" s="51" t="s">
        <v>82</v>
      </c>
      <c r="I1045" s="50">
        <v>4.7</v>
      </c>
    </row>
    <row r="1046" spans="1:9" x14ac:dyDescent="0.35">
      <c r="A1046" s="52" t="s">
        <v>78</v>
      </c>
      <c r="B1046" s="51" t="s">
        <v>79</v>
      </c>
      <c r="C1046" s="61">
        <v>314549206</v>
      </c>
      <c r="D1046" s="62">
        <v>20</v>
      </c>
      <c r="E1046" s="51">
        <v>202405</v>
      </c>
      <c r="F1046" s="51" t="s">
        <v>38</v>
      </c>
      <c r="G1046" s="51" t="s">
        <v>97</v>
      </c>
      <c r="H1046" s="51" t="s">
        <v>82</v>
      </c>
      <c r="I1046" s="50">
        <v>4.7</v>
      </c>
    </row>
    <row r="1047" spans="1:9" x14ac:dyDescent="0.35">
      <c r="A1047" s="52" t="s">
        <v>78</v>
      </c>
      <c r="B1047" s="51" t="s">
        <v>79</v>
      </c>
      <c r="C1047" s="61">
        <v>314564494</v>
      </c>
      <c r="D1047" s="62">
        <v>20</v>
      </c>
      <c r="E1047" s="51">
        <v>202405</v>
      </c>
      <c r="F1047" s="51" t="s">
        <v>38</v>
      </c>
      <c r="G1047" s="51" t="s">
        <v>97</v>
      </c>
      <c r="H1047" s="51" t="s">
        <v>82</v>
      </c>
      <c r="I1047" s="50">
        <v>4.7</v>
      </c>
    </row>
    <row r="1048" spans="1:9" x14ac:dyDescent="0.35">
      <c r="A1048" s="52" t="s">
        <v>78</v>
      </c>
      <c r="B1048" s="51" t="s">
        <v>79</v>
      </c>
      <c r="C1048" s="61">
        <v>314635795</v>
      </c>
      <c r="D1048" s="62">
        <v>20</v>
      </c>
      <c r="E1048" s="51">
        <v>202405</v>
      </c>
      <c r="F1048" s="51" t="s">
        <v>38</v>
      </c>
      <c r="G1048" s="51" t="s">
        <v>97</v>
      </c>
      <c r="H1048" s="51" t="s">
        <v>82</v>
      </c>
      <c r="I1048" s="50">
        <v>4.7</v>
      </c>
    </row>
    <row r="1049" spans="1:9" x14ac:dyDescent="0.35">
      <c r="A1049" s="52" t="s">
        <v>78</v>
      </c>
      <c r="B1049" s="51" t="s">
        <v>79</v>
      </c>
      <c r="C1049" s="61">
        <v>314668512</v>
      </c>
      <c r="D1049" s="62">
        <v>20</v>
      </c>
      <c r="E1049" s="51">
        <v>202405</v>
      </c>
      <c r="F1049" s="51" t="s">
        <v>38</v>
      </c>
      <c r="G1049" s="51" t="s">
        <v>97</v>
      </c>
      <c r="H1049" s="51" t="s">
        <v>82</v>
      </c>
      <c r="I1049" s="50">
        <v>4.7</v>
      </c>
    </row>
    <row r="1050" spans="1:9" x14ac:dyDescent="0.35">
      <c r="A1050" s="52" t="s">
        <v>78</v>
      </c>
      <c r="B1050" s="51" t="s">
        <v>79</v>
      </c>
      <c r="C1050" s="61">
        <v>314802603</v>
      </c>
      <c r="D1050" s="62">
        <v>20</v>
      </c>
      <c r="E1050" s="51">
        <v>202405</v>
      </c>
      <c r="F1050" s="51" t="s">
        <v>38</v>
      </c>
      <c r="G1050" s="51" t="s">
        <v>97</v>
      </c>
      <c r="H1050" s="51" t="s">
        <v>82</v>
      </c>
      <c r="I1050" s="50">
        <v>4.7</v>
      </c>
    </row>
    <row r="1051" spans="1:9" x14ac:dyDescent="0.35">
      <c r="A1051" s="52" t="s">
        <v>78</v>
      </c>
      <c r="B1051" s="51" t="s">
        <v>79</v>
      </c>
      <c r="C1051" s="61">
        <v>314812565</v>
      </c>
      <c r="D1051" s="62">
        <v>20</v>
      </c>
      <c r="E1051" s="51">
        <v>202405</v>
      </c>
      <c r="F1051" s="51" t="s">
        <v>38</v>
      </c>
      <c r="G1051" s="51" t="s">
        <v>97</v>
      </c>
      <c r="H1051" s="51" t="s">
        <v>82</v>
      </c>
      <c r="I1051" s="50">
        <v>4.7</v>
      </c>
    </row>
    <row r="1052" spans="1:9" x14ac:dyDescent="0.35">
      <c r="A1052" s="52" t="s">
        <v>78</v>
      </c>
      <c r="B1052" s="51" t="s">
        <v>79</v>
      </c>
      <c r="C1052" s="61">
        <v>315004770</v>
      </c>
      <c r="D1052" s="62">
        <v>20</v>
      </c>
      <c r="E1052" s="51">
        <v>202405</v>
      </c>
      <c r="F1052" s="51" t="s">
        <v>38</v>
      </c>
      <c r="G1052" s="51" t="s">
        <v>97</v>
      </c>
      <c r="H1052" s="51" t="s">
        <v>82</v>
      </c>
      <c r="I1052" s="50">
        <v>4.7</v>
      </c>
    </row>
    <row r="1053" spans="1:9" x14ac:dyDescent="0.35">
      <c r="A1053" s="52" t="s">
        <v>78</v>
      </c>
      <c r="B1053" s="51" t="s">
        <v>79</v>
      </c>
      <c r="C1053" s="61">
        <v>315545470</v>
      </c>
      <c r="D1053" s="62">
        <v>20</v>
      </c>
      <c r="E1053" s="51">
        <v>202405</v>
      </c>
      <c r="F1053" s="51" t="s">
        <v>38</v>
      </c>
      <c r="G1053" s="51" t="s">
        <v>97</v>
      </c>
      <c r="H1053" s="51" t="s">
        <v>82</v>
      </c>
      <c r="I1053" s="50">
        <v>4.7</v>
      </c>
    </row>
    <row r="1054" spans="1:9" x14ac:dyDescent="0.35">
      <c r="A1054" s="52" t="s">
        <v>78</v>
      </c>
      <c r="B1054" s="51" t="s">
        <v>79</v>
      </c>
      <c r="C1054" s="61">
        <v>315803085</v>
      </c>
      <c r="D1054" s="62">
        <v>20</v>
      </c>
      <c r="E1054" s="51">
        <v>202405</v>
      </c>
      <c r="F1054" s="51" t="s">
        <v>38</v>
      </c>
      <c r="G1054" s="51" t="s">
        <v>97</v>
      </c>
      <c r="H1054" s="51" t="s">
        <v>82</v>
      </c>
      <c r="I1054" s="50">
        <v>4.7</v>
      </c>
    </row>
    <row r="1055" spans="1:9" x14ac:dyDescent="0.35">
      <c r="A1055" s="52" t="s">
        <v>78</v>
      </c>
      <c r="B1055" s="51" t="s">
        <v>79</v>
      </c>
      <c r="C1055" s="61">
        <v>316300229</v>
      </c>
      <c r="D1055" s="62">
        <v>20</v>
      </c>
      <c r="E1055" s="51">
        <v>202405</v>
      </c>
      <c r="F1055" s="51" t="s">
        <v>38</v>
      </c>
      <c r="G1055" s="51" t="s">
        <v>97</v>
      </c>
      <c r="H1055" s="51" t="s">
        <v>82</v>
      </c>
      <c r="I1055" s="50">
        <v>30</v>
      </c>
    </row>
    <row r="1056" spans="1:9" x14ac:dyDescent="0.35">
      <c r="A1056" s="52" t="s">
        <v>78</v>
      </c>
      <c r="B1056" s="51" t="s">
        <v>79</v>
      </c>
      <c r="C1056" s="61">
        <v>316839884</v>
      </c>
      <c r="D1056" s="62">
        <v>20</v>
      </c>
      <c r="E1056" s="51">
        <v>202405</v>
      </c>
      <c r="F1056" s="51" t="s">
        <v>38</v>
      </c>
      <c r="G1056" s="51" t="s">
        <v>97</v>
      </c>
      <c r="H1056" s="51" t="s">
        <v>82</v>
      </c>
      <c r="I1056" s="50">
        <v>4.7</v>
      </c>
    </row>
    <row r="1057" spans="1:9" x14ac:dyDescent="0.35">
      <c r="A1057" s="52" t="s">
        <v>78</v>
      </c>
      <c r="B1057" s="51" t="s">
        <v>79</v>
      </c>
      <c r="C1057" s="61">
        <v>316984723</v>
      </c>
      <c r="D1057" s="62">
        <v>20</v>
      </c>
      <c r="E1057" s="51">
        <v>202405</v>
      </c>
      <c r="F1057" s="51" t="s">
        <v>38</v>
      </c>
      <c r="G1057" s="51" t="s">
        <v>97</v>
      </c>
      <c r="H1057" s="51" t="s">
        <v>82</v>
      </c>
      <c r="I1057" s="50">
        <v>4.7</v>
      </c>
    </row>
    <row r="1058" spans="1:9" x14ac:dyDescent="0.35">
      <c r="A1058" s="52" t="s">
        <v>78</v>
      </c>
      <c r="B1058" s="51" t="s">
        <v>79</v>
      </c>
      <c r="C1058" s="61">
        <v>318303050</v>
      </c>
      <c r="D1058" s="62">
        <v>20</v>
      </c>
      <c r="E1058" s="51">
        <v>202405</v>
      </c>
      <c r="F1058" s="51" t="s">
        <v>38</v>
      </c>
      <c r="G1058" s="51" t="s">
        <v>97</v>
      </c>
      <c r="H1058" s="51" t="s">
        <v>82</v>
      </c>
      <c r="I1058" s="50">
        <v>4.7</v>
      </c>
    </row>
    <row r="1059" spans="1:9" x14ac:dyDescent="0.35">
      <c r="A1059" s="52" t="s">
        <v>78</v>
      </c>
      <c r="B1059" s="51" t="s">
        <v>79</v>
      </c>
      <c r="C1059" s="61">
        <v>318840233</v>
      </c>
      <c r="D1059" s="62">
        <v>20</v>
      </c>
      <c r="E1059" s="51">
        <v>202405</v>
      </c>
      <c r="F1059" s="51" t="s">
        <v>38</v>
      </c>
      <c r="G1059" s="51" t="s">
        <v>97</v>
      </c>
      <c r="H1059" s="51" t="s">
        <v>82</v>
      </c>
      <c r="I1059" s="50">
        <v>4.7</v>
      </c>
    </row>
    <row r="1060" spans="1:9" x14ac:dyDescent="0.35">
      <c r="A1060" s="52" t="s">
        <v>78</v>
      </c>
      <c r="B1060" s="51" t="s">
        <v>79</v>
      </c>
      <c r="C1060" s="61">
        <v>318974899</v>
      </c>
      <c r="D1060" s="62">
        <v>20</v>
      </c>
      <c r="E1060" s="51">
        <v>202405</v>
      </c>
      <c r="F1060" s="51" t="s">
        <v>38</v>
      </c>
      <c r="G1060" s="51" t="s">
        <v>97</v>
      </c>
      <c r="H1060" s="51" t="s">
        <v>82</v>
      </c>
      <c r="I1060" s="50">
        <v>4.7</v>
      </c>
    </row>
    <row r="1061" spans="1:9" x14ac:dyDescent="0.35">
      <c r="A1061" s="52" t="s">
        <v>78</v>
      </c>
      <c r="B1061" s="51" t="s">
        <v>79</v>
      </c>
      <c r="C1061" s="61">
        <v>319018930</v>
      </c>
      <c r="D1061" s="62">
        <v>20</v>
      </c>
      <c r="E1061" s="51">
        <v>202405</v>
      </c>
      <c r="F1061" s="51" t="s">
        <v>38</v>
      </c>
      <c r="G1061" s="51" t="s">
        <v>97</v>
      </c>
      <c r="H1061" s="51" t="s">
        <v>82</v>
      </c>
      <c r="I1061" s="50">
        <v>4.7</v>
      </c>
    </row>
    <row r="1062" spans="1:9" x14ac:dyDescent="0.35">
      <c r="A1062" s="52" t="s">
        <v>78</v>
      </c>
      <c r="B1062" s="51" t="s">
        <v>79</v>
      </c>
      <c r="C1062" s="61">
        <v>319504170</v>
      </c>
      <c r="D1062" s="62">
        <v>20</v>
      </c>
      <c r="E1062" s="51">
        <v>202405</v>
      </c>
      <c r="F1062" s="51" t="s">
        <v>38</v>
      </c>
      <c r="G1062" s="51" t="s">
        <v>97</v>
      </c>
      <c r="H1062" s="51" t="s">
        <v>82</v>
      </c>
      <c r="I1062" s="50">
        <v>4.7</v>
      </c>
    </row>
    <row r="1063" spans="1:9" x14ac:dyDescent="0.35">
      <c r="A1063" s="52" t="s">
        <v>78</v>
      </c>
      <c r="B1063" s="51" t="s">
        <v>79</v>
      </c>
      <c r="C1063" s="61">
        <v>319605331</v>
      </c>
      <c r="D1063" s="62">
        <v>20</v>
      </c>
      <c r="E1063" s="51">
        <v>202405</v>
      </c>
      <c r="F1063" s="51" t="s">
        <v>38</v>
      </c>
      <c r="G1063" s="51" t="s">
        <v>97</v>
      </c>
      <c r="H1063" s="51" t="s">
        <v>82</v>
      </c>
      <c r="I1063" s="50">
        <v>4.7</v>
      </c>
    </row>
    <row r="1064" spans="1:9" x14ac:dyDescent="0.35">
      <c r="A1064" s="52" t="s">
        <v>78</v>
      </c>
      <c r="B1064" s="51" t="s">
        <v>79</v>
      </c>
      <c r="C1064" s="61">
        <v>319738979</v>
      </c>
      <c r="D1064" s="62">
        <v>20</v>
      </c>
      <c r="E1064" s="51">
        <v>202405</v>
      </c>
      <c r="F1064" s="51" t="s">
        <v>38</v>
      </c>
      <c r="G1064" s="51" t="s">
        <v>97</v>
      </c>
      <c r="H1064" s="51" t="s">
        <v>82</v>
      </c>
      <c r="I1064" s="50">
        <v>4.7</v>
      </c>
    </row>
    <row r="1065" spans="1:9" x14ac:dyDescent="0.35">
      <c r="A1065" s="52" t="s">
        <v>78</v>
      </c>
      <c r="B1065" s="51" t="s">
        <v>79</v>
      </c>
      <c r="C1065" s="61">
        <v>321073930</v>
      </c>
      <c r="D1065" s="62">
        <v>20</v>
      </c>
      <c r="E1065" s="51">
        <v>202405</v>
      </c>
      <c r="F1065" s="51" t="s">
        <v>38</v>
      </c>
      <c r="G1065" s="51" t="s">
        <v>97</v>
      </c>
      <c r="H1065" s="51" t="s">
        <v>82</v>
      </c>
      <c r="I1065" s="50">
        <v>30</v>
      </c>
    </row>
    <row r="1066" spans="1:9" x14ac:dyDescent="0.35">
      <c r="A1066" s="52" t="s">
        <v>78</v>
      </c>
      <c r="B1066" s="51" t="s">
        <v>79</v>
      </c>
      <c r="C1066" s="61">
        <v>321459389</v>
      </c>
      <c r="D1066" s="62">
        <v>20</v>
      </c>
      <c r="E1066" s="51">
        <v>202405</v>
      </c>
      <c r="F1066" s="51" t="s">
        <v>38</v>
      </c>
      <c r="G1066" s="51" t="s">
        <v>97</v>
      </c>
      <c r="H1066" s="51" t="s">
        <v>82</v>
      </c>
      <c r="I1066" s="50">
        <v>4.7</v>
      </c>
    </row>
    <row r="1067" spans="1:9" x14ac:dyDescent="0.35">
      <c r="A1067" s="52" t="s">
        <v>78</v>
      </c>
      <c r="B1067" s="51" t="s">
        <v>79</v>
      </c>
      <c r="C1067" s="61">
        <v>321502860</v>
      </c>
      <c r="D1067" s="62">
        <v>20</v>
      </c>
      <c r="E1067" s="51">
        <v>202405</v>
      </c>
      <c r="F1067" s="51" t="s">
        <v>38</v>
      </c>
      <c r="G1067" s="51" t="s">
        <v>97</v>
      </c>
      <c r="H1067" s="51" t="s">
        <v>82</v>
      </c>
      <c r="I1067" s="50">
        <v>30</v>
      </c>
    </row>
    <row r="1068" spans="1:9" x14ac:dyDescent="0.35">
      <c r="A1068" s="52" t="s">
        <v>78</v>
      </c>
      <c r="B1068" s="51" t="s">
        <v>79</v>
      </c>
      <c r="C1068" s="61">
        <v>321758796</v>
      </c>
      <c r="D1068" s="62">
        <v>20</v>
      </c>
      <c r="E1068" s="51">
        <v>202405</v>
      </c>
      <c r="F1068" s="51" t="s">
        <v>38</v>
      </c>
      <c r="G1068" s="51" t="s">
        <v>97</v>
      </c>
      <c r="H1068" s="51" t="s">
        <v>82</v>
      </c>
      <c r="I1068" s="50">
        <v>4.7</v>
      </c>
    </row>
    <row r="1069" spans="1:9" x14ac:dyDescent="0.35">
      <c r="A1069" s="52" t="s">
        <v>78</v>
      </c>
      <c r="B1069" s="51" t="s">
        <v>79</v>
      </c>
      <c r="C1069" s="61">
        <v>321758796</v>
      </c>
      <c r="D1069" s="62">
        <v>20</v>
      </c>
      <c r="E1069" s="51">
        <v>202405</v>
      </c>
      <c r="F1069" s="51" t="s">
        <v>38</v>
      </c>
      <c r="G1069" s="51" t="s">
        <v>97</v>
      </c>
      <c r="H1069" s="51" t="s">
        <v>82</v>
      </c>
      <c r="I1069" s="50">
        <v>4.7</v>
      </c>
    </row>
    <row r="1070" spans="1:9" x14ac:dyDescent="0.35">
      <c r="A1070" s="52" t="s">
        <v>78</v>
      </c>
      <c r="B1070" s="51" t="s">
        <v>79</v>
      </c>
      <c r="C1070" s="61">
        <v>322094794</v>
      </c>
      <c r="D1070" s="62">
        <v>20</v>
      </c>
      <c r="E1070" s="51">
        <v>202405</v>
      </c>
      <c r="F1070" s="51" t="s">
        <v>38</v>
      </c>
      <c r="G1070" s="51" t="s">
        <v>97</v>
      </c>
      <c r="H1070" s="51" t="s">
        <v>82</v>
      </c>
      <c r="I1070" s="50">
        <v>4.7</v>
      </c>
    </row>
    <row r="1071" spans="1:9" x14ac:dyDescent="0.35">
      <c r="A1071" s="52" t="s">
        <v>78</v>
      </c>
      <c r="B1071" s="51" t="s">
        <v>79</v>
      </c>
      <c r="C1071" s="61">
        <v>322200809</v>
      </c>
      <c r="D1071" s="62">
        <v>20</v>
      </c>
      <c r="E1071" s="51">
        <v>202405</v>
      </c>
      <c r="F1071" s="51" t="s">
        <v>38</v>
      </c>
      <c r="G1071" s="51" t="s">
        <v>97</v>
      </c>
      <c r="H1071" s="51" t="s">
        <v>82</v>
      </c>
      <c r="I1071" s="50">
        <v>4.7</v>
      </c>
    </row>
    <row r="1072" spans="1:9" x14ac:dyDescent="0.35">
      <c r="A1072" s="52" t="s">
        <v>78</v>
      </c>
      <c r="B1072" s="51" t="s">
        <v>79</v>
      </c>
      <c r="C1072" s="61">
        <v>322304144</v>
      </c>
      <c r="D1072" s="62">
        <v>20</v>
      </c>
      <c r="E1072" s="51">
        <v>202405</v>
      </c>
      <c r="F1072" s="51" t="s">
        <v>38</v>
      </c>
      <c r="G1072" s="51" t="s">
        <v>97</v>
      </c>
      <c r="H1072" s="51" t="s">
        <v>82</v>
      </c>
      <c r="I1072" s="50">
        <v>4.7</v>
      </c>
    </row>
    <row r="1073" spans="1:9" x14ac:dyDescent="0.35">
      <c r="A1073" s="52" t="s">
        <v>78</v>
      </c>
      <c r="B1073" s="51" t="s">
        <v>79</v>
      </c>
      <c r="C1073" s="61">
        <v>323289040</v>
      </c>
      <c r="D1073" s="62">
        <v>20</v>
      </c>
      <c r="E1073" s="51">
        <v>202405</v>
      </c>
      <c r="F1073" s="51" t="s">
        <v>38</v>
      </c>
      <c r="G1073" s="51" t="s">
        <v>97</v>
      </c>
      <c r="H1073" s="51" t="s">
        <v>82</v>
      </c>
      <c r="I1073" s="50">
        <v>4.7</v>
      </c>
    </row>
    <row r="1074" spans="1:9" x14ac:dyDescent="0.35">
      <c r="A1074" s="52" t="s">
        <v>78</v>
      </c>
      <c r="B1074" s="51" t="s">
        <v>79</v>
      </c>
      <c r="C1074" s="61">
        <v>324148905</v>
      </c>
      <c r="D1074" s="62">
        <v>20</v>
      </c>
      <c r="E1074" s="51">
        <v>202405</v>
      </c>
      <c r="F1074" s="51" t="s">
        <v>38</v>
      </c>
      <c r="G1074" s="51" t="s">
        <v>97</v>
      </c>
      <c r="H1074" s="51" t="s">
        <v>82</v>
      </c>
      <c r="I1074" s="50">
        <v>4.7</v>
      </c>
    </row>
    <row r="1075" spans="1:9" x14ac:dyDescent="0.35">
      <c r="A1075" s="52" t="s">
        <v>78</v>
      </c>
      <c r="B1075" s="51" t="s">
        <v>79</v>
      </c>
      <c r="C1075" s="61">
        <v>324303095</v>
      </c>
      <c r="D1075" s="62">
        <v>20</v>
      </c>
      <c r="E1075" s="51">
        <v>202405</v>
      </c>
      <c r="F1075" s="51" t="s">
        <v>38</v>
      </c>
      <c r="G1075" s="51" t="s">
        <v>97</v>
      </c>
      <c r="H1075" s="51" t="s">
        <v>82</v>
      </c>
      <c r="I1075" s="50">
        <v>4.7</v>
      </c>
    </row>
    <row r="1076" spans="1:9" x14ac:dyDescent="0.35">
      <c r="A1076" s="52" t="s">
        <v>78</v>
      </c>
      <c r="B1076" s="51" t="s">
        <v>79</v>
      </c>
      <c r="C1076" s="61">
        <v>324781463</v>
      </c>
      <c r="D1076" s="62">
        <v>20</v>
      </c>
      <c r="E1076" s="51">
        <v>202405</v>
      </c>
      <c r="F1076" s="51" t="s">
        <v>38</v>
      </c>
      <c r="G1076" s="51" t="s">
        <v>97</v>
      </c>
      <c r="H1076" s="51" t="s">
        <v>82</v>
      </c>
      <c r="I1076" s="50">
        <v>4.7</v>
      </c>
    </row>
    <row r="1077" spans="1:9" x14ac:dyDescent="0.35">
      <c r="A1077" s="52" t="s">
        <v>78</v>
      </c>
      <c r="B1077" s="51" t="s">
        <v>79</v>
      </c>
      <c r="C1077" s="61">
        <v>325200056</v>
      </c>
      <c r="D1077" s="62">
        <v>20</v>
      </c>
      <c r="E1077" s="51">
        <v>202405</v>
      </c>
      <c r="F1077" s="51" t="s">
        <v>38</v>
      </c>
      <c r="G1077" s="51" t="s">
        <v>97</v>
      </c>
      <c r="H1077" s="51" t="s">
        <v>82</v>
      </c>
      <c r="I1077" s="50">
        <v>4.7</v>
      </c>
    </row>
    <row r="1078" spans="1:9" x14ac:dyDescent="0.35">
      <c r="A1078" s="52" t="s">
        <v>78</v>
      </c>
      <c r="B1078" s="51" t="s">
        <v>79</v>
      </c>
      <c r="C1078" s="61">
        <v>325476416</v>
      </c>
      <c r="D1078" s="62">
        <v>20</v>
      </c>
      <c r="E1078" s="51">
        <v>202405</v>
      </c>
      <c r="F1078" s="51" t="s">
        <v>38</v>
      </c>
      <c r="G1078" s="51" t="s">
        <v>97</v>
      </c>
      <c r="H1078" s="51" t="s">
        <v>82</v>
      </c>
      <c r="I1078" s="50">
        <v>4.7</v>
      </c>
    </row>
    <row r="1079" spans="1:9" x14ac:dyDescent="0.35">
      <c r="A1079" s="52" t="s">
        <v>78</v>
      </c>
      <c r="B1079" s="51" t="s">
        <v>79</v>
      </c>
      <c r="C1079" s="61">
        <v>325597859</v>
      </c>
      <c r="D1079" s="62">
        <v>20</v>
      </c>
      <c r="E1079" s="51">
        <v>202405</v>
      </c>
      <c r="F1079" s="51" t="s">
        <v>38</v>
      </c>
      <c r="G1079" s="51" t="s">
        <v>97</v>
      </c>
      <c r="H1079" s="51" t="s">
        <v>82</v>
      </c>
      <c r="I1079" s="50">
        <v>4.7</v>
      </c>
    </row>
    <row r="1080" spans="1:9" x14ac:dyDescent="0.35">
      <c r="A1080" s="52" t="s">
        <v>78</v>
      </c>
      <c r="B1080" s="51" t="s">
        <v>79</v>
      </c>
      <c r="C1080" s="61">
        <v>325857043</v>
      </c>
      <c r="D1080" s="62">
        <v>20</v>
      </c>
      <c r="E1080" s="51">
        <v>202405</v>
      </c>
      <c r="F1080" s="51" t="s">
        <v>38</v>
      </c>
      <c r="G1080" s="51" t="s">
        <v>97</v>
      </c>
      <c r="H1080" s="51" t="s">
        <v>82</v>
      </c>
      <c r="I1080" s="50">
        <v>4.7</v>
      </c>
    </row>
    <row r="1081" spans="1:9" x14ac:dyDescent="0.35">
      <c r="A1081" s="52" t="s">
        <v>78</v>
      </c>
      <c r="B1081" s="51" t="s">
        <v>79</v>
      </c>
      <c r="C1081" s="61">
        <v>326101723</v>
      </c>
      <c r="D1081" s="62">
        <v>20</v>
      </c>
      <c r="E1081" s="51">
        <v>202405</v>
      </c>
      <c r="F1081" s="51" t="s">
        <v>38</v>
      </c>
      <c r="G1081" s="51" t="s">
        <v>97</v>
      </c>
      <c r="H1081" s="51" t="s">
        <v>82</v>
      </c>
      <c r="I1081" s="50">
        <v>4.7</v>
      </c>
    </row>
    <row r="1082" spans="1:9" x14ac:dyDescent="0.35">
      <c r="A1082" s="52" t="s">
        <v>78</v>
      </c>
      <c r="B1082" s="51" t="s">
        <v>79</v>
      </c>
      <c r="C1082" s="61">
        <v>326353621</v>
      </c>
      <c r="D1082" s="62">
        <v>20</v>
      </c>
      <c r="E1082" s="51">
        <v>202405</v>
      </c>
      <c r="F1082" s="51" t="s">
        <v>38</v>
      </c>
      <c r="G1082" s="51" t="s">
        <v>97</v>
      </c>
      <c r="H1082" s="51" t="s">
        <v>82</v>
      </c>
      <c r="I1082" s="50">
        <v>95</v>
      </c>
    </row>
    <row r="1083" spans="1:9" x14ac:dyDescent="0.35">
      <c r="A1083" s="52" t="s">
        <v>78</v>
      </c>
      <c r="B1083" s="51" t="s">
        <v>79</v>
      </c>
      <c r="C1083" s="61">
        <v>326404461</v>
      </c>
      <c r="D1083" s="62">
        <v>20</v>
      </c>
      <c r="E1083" s="51">
        <v>202405</v>
      </c>
      <c r="F1083" s="51" t="s">
        <v>38</v>
      </c>
      <c r="G1083" s="51" t="s">
        <v>97</v>
      </c>
      <c r="H1083" s="51" t="s">
        <v>82</v>
      </c>
      <c r="I1083" s="50">
        <v>4.7</v>
      </c>
    </row>
    <row r="1084" spans="1:9" x14ac:dyDescent="0.35">
      <c r="A1084" s="52" t="s">
        <v>78</v>
      </c>
      <c r="B1084" s="51" t="s">
        <v>79</v>
      </c>
      <c r="C1084" s="61">
        <v>327058453</v>
      </c>
      <c r="D1084" s="62">
        <v>20</v>
      </c>
      <c r="E1084" s="51">
        <v>202405</v>
      </c>
      <c r="F1084" s="51" t="s">
        <v>38</v>
      </c>
      <c r="G1084" s="51" t="s">
        <v>97</v>
      </c>
      <c r="H1084" s="51" t="s">
        <v>82</v>
      </c>
      <c r="I1084" s="50">
        <v>4.7</v>
      </c>
    </row>
    <row r="1085" spans="1:9" x14ac:dyDescent="0.35">
      <c r="A1085" s="52" t="s">
        <v>78</v>
      </c>
      <c r="B1085" s="51" t="s">
        <v>79</v>
      </c>
      <c r="C1085" s="61">
        <v>327104498</v>
      </c>
      <c r="D1085" s="62">
        <v>20</v>
      </c>
      <c r="E1085" s="51">
        <v>202405</v>
      </c>
      <c r="F1085" s="51" t="s">
        <v>38</v>
      </c>
      <c r="G1085" s="51" t="s">
        <v>97</v>
      </c>
      <c r="H1085" s="51" t="s">
        <v>82</v>
      </c>
      <c r="I1085" s="50">
        <v>4.7</v>
      </c>
    </row>
    <row r="1086" spans="1:9" x14ac:dyDescent="0.35">
      <c r="A1086" s="52" t="s">
        <v>78</v>
      </c>
      <c r="B1086" s="51" t="s">
        <v>79</v>
      </c>
      <c r="C1086" s="61">
        <v>327602461</v>
      </c>
      <c r="D1086" s="62">
        <v>20</v>
      </c>
      <c r="E1086" s="51">
        <v>202405</v>
      </c>
      <c r="F1086" s="51" t="s">
        <v>38</v>
      </c>
      <c r="G1086" s="51" t="s">
        <v>97</v>
      </c>
      <c r="H1086" s="51" t="s">
        <v>82</v>
      </c>
      <c r="I1086" s="50">
        <v>4.7</v>
      </c>
    </row>
    <row r="1087" spans="1:9" x14ac:dyDescent="0.35">
      <c r="A1087" s="52" t="s">
        <v>78</v>
      </c>
      <c r="B1087" s="51" t="s">
        <v>79</v>
      </c>
      <c r="C1087" s="61">
        <v>327803841</v>
      </c>
      <c r="D1087" s="62">
        <v>20</v>
      </c>
      <c r="E1087" s="51">
        <v>202405</v>
      </c>
      <c r="F1087" s="51" t="s">
        <v>38</v>
      </c>
      <c r="G1087" s="51" t="s">
        <v>97</v>
      </c>
      <c r="H1087" s="51" t="s">
        <v>82</v>
      </c>
      <c r="I1087" s="50">
        <v>4.7</v>
      </c>
    </row>
    <row r="1088" spans="1:9" x14ac:dyDescent="0.35">
      <c r="A1088" s="52" t="s">
        <v>78</v>
      </c>
      <c r="B1088" s="51" t="s">
        <v>79</v>
      </c>
      <c r="C1088" s="61">
        <v>329102220</v>
      </c>
      <c r="D1088" s="62">
        <v>20</v>
      </c>
      <c r="E1088" s="51">
        <v>202405</v>
      </c>
      <c r="F1088" s="51" t="s">
        <v>38</v>
      </c>
      <c r="G1088" s="51" t="s">
        <v>97</v>
      </c>
      <c r="H1088" s="51" t="s">
        <v>82</v>
      </c>
      <c r="I1088" s="50">
        <v>4.7</v>
      </c>
    </row>
    <row r="1089" spans="1:9" x14ac:dyDescent="0.35">
      <c r="A1089" s="52" t="s">
        <v>78</v>
      </c>
      <c r="B1089" s="51" t="s">
        <v>79</v>
      </c>
      <c r="C1089" s="61">
        <v>329540870</v>
      </c>
      <c r="D1089" s="62">
        <v>20</v>
      </c>
      <c r="E1089" s="51">
        <v>202405</v>
      </c>
      <c r="F1089" s="51" t="s">
        <v>38</v>
      </c>
      <c r="G1089" s="51" t="s">
        <v>97</v>
      </c>
      <c r="H1089" s="51" t="s">
        <v>82</v>
      </c>
      <c r="I1089" s="50">
        <v>4.7</v>
      </c>
    </row>
    <row r="1090" spans="1:9" x14ac:dyDescent="0.35">
      <c r="A1090" s="52" t="s">
        <v>78</v>
      </c>
      <c r="B1090" s="51" t="s">
        <v>79</v>
      </c>
      <c r="C1090" s="61">
        <v>329540870</v>
      </c>
      <c r="D1090" s="62">
        <v>20</v>
      </c>
      <c r="E1090" s="51">
        <v>202405</v>
      </c>
      <c r="F1090" s="51" t="s">
        <v>38</v>
      </c>
      <c r="G1090" s="51" t="s">
        <v>97</v>
      </c>
      <c r="H1090" s="51" t="s">
        <v>82</v>
      </c>
      <c r="I1090" s="50">
        <v>4.7</v>
      </c>
    </row>
    <row r="1091" spans="1:9" x14ac:dyDescent="0.35">
      <c r="A1091" s="52" t="s">
        <v>78</v>
      </c>
      <c r="B1091" s="51" t="s">
        <v>79</v>
      </c>
      <c r="C1091" s="61">
        <v>329561604</v>
      </c>
      <c r="D1091" s="62">
        <v>20</v>
      </c>
      <c r="E1091" s="51">
        <v>202405</v>
      </c>
      <c r="F1091" s="51" t="s">
        <v>38</v>
      </c>
      <c r="G1091" s="51" t="s">
        <v>97</v>
      </c>
      <c r="H1091" s="51" t="s">
        <v>82</v>
      </c>
      <c r="I1091" s="50">
        <v>95</v>
      </c>
    </row>
    <row r="1092" spans="1:9" x14ac:dyDescent="0.35">
      <c r="A1092" s="52" t="s">
        <v>78</v>
      </c>
      <c r="B1092" s="51" t="s">
        <v>79</v>
      </c>
      <c r="C1092" s="61">
        <v>330453135</v>
      </c>
      <c r="D1092" s="62">
        <v>20</v>
      </c>
      <c r="E1092" s="51">
        <v>202405</v>
      </c>
      <c r="F1092" s="51" t="s">
        <v>38</v>
      </c>
      <c r="G1092" s="51" t="s">
        <v>97</v>
      </c>
      <c r="H1092" s="51" t="s">
        <v>82</v>
      </c>
      <c r="I1092" s="50">
        <v>4.7</v>
      </c>
    </row>
    <row r="1093" spans="1:9" x14ac:dyDescent="0.35">
      <c r="A1093" s="52" t="s">
        <v>78</v>
      </c>
      <c r="B1093" s="51" t="s">
        <v>79</v>
      </c>
      <c r="C1093" s="61">
        <v>332002103</v>
      </c>
      <c r="D1093" s="62">
        <v>20</v>
      </c>
      <c r="E1093" s="51">
        <v>202405</v>
      </c>
      <c r="F1093" s="51" t="s">
        <v>38</v>
      </c>
      <c r="G1093" s="51" t="s">
        <v>97</v>
      </c>
      <c r="H1093" s="51" t="s">
        <v>82</v>
      </c>
      <c r="I1093" s="50">
        <v>30</v>
      </c>
    </row>
    <row r="1094" spans="1:9" x14ac:dyDescent="0.35">
      <c r="A1094" s="52" t="s">
        <v>78</v>
      </c>
      <c r="B1094" s="51" t="s">
        <v>79</v>
      </c>
      <c r="C1094" s="61">
        <v>332500724</v>
      </c>
      <c r="D1094" s="62">
        <v>20</v>
      </c>
      <c r="E1094" s="51">
        <v>202405</v>
      </c>
      <c r="F1094" s="51" t="s">
        <v>38</v>
      </c>
      <c r="G1094" s="51" t="s">
        <v>97</v>
      </c>
      <c r="H1094" s="51" t="s">
        <v>82</v>
      </c>
      <c r="I1094" s="50">
        <v>4.7</v>
      </c>
    </row>
    <row r="1095" spans="1:9" x14ac:dyDescent="0.35">
      <c r="A1095" s="52" t="s">
        <v>78</v>
      </c>
      <c r="B1095" s="51" t="s">
        <v>79</v>
      </c>
      <c r="C1095" s="61">
        <v>332569471</v>
      </c>
      <c r="D1095" s="62">
        <v>20</v>
      </c>
      <c r="E1095" s="51">
        <v>202405</v>
      </c>
      <c r="F1095" s="51" t="s">
        <v>38</v>
      </c>
      <c r="G1095" s="51" t="s">
        <v>97</v>
      </c>
      <c r="H1095" s="51" t="s">
        <v>82</v>
      </c>
      <c r="I1095" s="50">
        <v>4.7</v>
      </c>
    </row>
    <row r="1096" spans="1:9" x14ac:dyDescent="0.35">
      <c r="A1096" s="52" t="s">
        <v>78</v>
      </c>
      <c r="B1096" s="51" t="s">
        <v>79</v>
      </c>
      <c r="C1096" s="61">
        <v>333101718</v>
      </c>
      <c r="D1096" s="62">
        <v>20</v>
      </c>
      <c r="E1096" s="51">
        <v>202405</v>
      </c>
      <c r="F1096" s="51" t="s">
        <v>38</v>
      </c>
      <c r="G1096" s="51" t="s">
        <v>97</v>
      </c>
      <c r="H1096" s="51" t="s">
        <v>82</v>
      </c>
      <c r="I1096" s="50">
        <v>4.7</v>
      </c>
    </row>
    <row r="1097" spans="1:9" x14ac:dyDescent="0.35">
      <c r="A1097" s="52" t="s">
        <v>78</v>
      </c>
      <c r="B1097" s="51" t="s">
        <v>79</v>
      </c>
      <c r="C1097" s="61">
        <v>335101320</v>
      </c>
      <c r="D1097" s="62">
        <v>20</v>
      </c>
      <c r="E1097" s="51">
        <v>202405</v>
      </c>
      <c r="F1097" s="51" t="s">
        <v>38</v>
      </c>
      <c r="G1097" s="51" t="s">
        <v>97</v>
      </c>
      <c r="H1097" s="51" t="s">
        <v>82</v>
      </c>
      <c r="I1097" s="50">
        <v>4.7</v>
      </c>
    </row>
    <row r="1098" spans="1:9" x14ac:dyDescent="0.35">
      <c r="A1098" s="52" t="s">
        <v>78</v>
      </c>
      <c r="B1098" s="51" t="s">
        <v>79</v>
      </c>
      <c r="C1098" s="61">
        <v>335600310</v>
      </c>
      <c r="D1098" s="62">
        <v>20</v>
      </c>
      <c r="E1098" s="51">
        <v>202405</v>
      </c>
      <c r="F1098" s="51" t="s">
        <v>38</v>
      </c>
      <c r="G1098" s="51" t="s">
        <v>97</v>
      </c>
      <c r="H1098" s="51" t="s">
        <v>82</v>
      </c>
      <c r="I1098" s="50">
        <v>95</v>
      </c>
    </row>
    <row r="1099" spans="1:9" x14ac:dyDescent="0.35">
      <c r="A1099" s="52" t="s">
        <v>78</v>
      </c>
      <c r="B1099" s="51" t="s">
        <v>79</v>
      </c>
      <c r="C1099" s="61">
        <v>336900450</v>
      </c>
      <c r="D1099" s="62">
        <v>20</v>
      </c>
      <c r="E1099" s="51">
        <v>202405</v>
      </c>
      <c r="F1099" s="51" t="s">
        <v>38</v>
      </c>
      <c r="G1099" s="51" t="s">
        <v>97</v>
      </c>
      <c r="H1099" s="51" t="s">
        <v>82</v>
      </c>
      <c r="I1099" s="50">
        <v>4.7</v>
      </c>
    </row>
    <row r="1100" spans="1:9" x14ac:dyDescent="0.35">
      <c r="A1100" s="52" t="s">
        <v>78</v>
      </c>
      <c r="B1100" s="51" t="s">
        <v>79</v>
      </c>
      <c r="C1100" s="61">
        <v>337337011</v>
      </c>
      <c r="D1100" s="62">
        <v>20</v>
      </c>
      <c r="E1100" s="51">
        <v>202405</v>
      </c>
      <c r="F1100" s="51" t="s">
        <v>38</v>
      </c>
      <c r="G1100" s="51" t="s">
        <v>97</v>
      </c>
      <c r="H1100" s="51" t="s">
        <v>82</v>
      </c>
      <c r="I1100" s="50">
        <v>4.7</v>
      </c>
    </row>
    <row r="1101" spans="1:9" x14ac:dyDescent="0.35">
      <c r="A1101" s="52" t="s">
        <v>78</v>
      </c>
      <c r="B1101" s="51" t="s">
        <v>79</v>
      </c>
      <c r="C1101" s="61">
        <v>337511213</v>
      </c>
      <c r="D1101" s="62">
        <v>20</v>
      </c>
      <c r="E1101" s="51">
        <v>202405</v>
      </c>
      <c r="F1101" s="51" t="s">
        <v>38</v>
      </c>
      <c r="G1101" s="51" t="s">
        <v>97</v>
      </c>
      <c r="H1101" s="51" t="s">
        <v>82</v>
      </c>
      <c r="I1101" s="50">
        <v>4.7</v>
      </c>
    </row>
    <row r="1102" spans="1:9" x14ac:dyDescent="0.35">
      <c r="A1102" s="52" t="s">
        <v>78</v>
      </c>
      <c r="B1102" s="51" t="s">
        <v>79</v>
      </c>
      <c r="C1102" s="61">
        <v>338320419</v>
      </c>
      <c r="D1102" s="62">
        <v>20</v>
      </c>
      <c r="E1102" s="51">
        <v>202405</v>
      </c>
      <c r="F1102" s="51" t="s">
        <v>38</v>
      </c>
      <c r="G1102" s="51" t="s">
        <v>97</v>
      </c>
      <c r="H1102" s="51" t="s">
        <v>82</v>
      </c>
      <c r="I1102" s="50">
        <v>4.7</v>
      </c>
    </row>
    <row r="1103" spans="1:9" x14ac:dyDescent="0.35">
      <c r="A1103" s="52" t="s">
        <v>78</v>
      </c>
      <c r="B1103" s="51" t="s">
        <v>79</v>
      </c>
      <c r="C1103" s="61">
        <v>339038780</v>
      </c>
      <c r="D1103" s="62">
        <v>20</v>
      </c>
      <c r="E1103" s="51">
        <v>202405</v>
      </c>
      <c r="F1103" s="51" t="s">
        <v>38</v>
      </c>
      <c r="G1103" s="51" t="s">
        <v>97</v>
      </c>
      <c r="H1103" s="51" t="s">
        <v>82</v>
      </c>
      <c r="I1103" s="50">
        <v>4.7</v>
      </c>
    </row>
    <row r="1104" spans="1:9" x14ac:dyDescent="0.35">
      <c r="A1104" s="52" t="s">
        <v>78</v>
      </c>
      <c r="B1104" s="51" t="s">
        <v>79</v>
      </c>
      <c r="C1104" s="61">
        <v>339098513</v>
      </c>
      <c r="D1104" s="62">
        <v>20</v>
      </c>
      <c r="E1104" s="51">
        <v>202405</v>
      </c>
      <c r="F1104" s="51" t="s">
        <v>38</v>
      </c>
      <c r="G1104" s="51" t="s">
        <v>97</v>
      </c>
      <c r="H1104" s="51" t="s">
        <v>82</v>
      </c>
      <c r="I1104" s="50">
        <v>30</v>
      </c>
    </row>
    <row r="1105" spans="1:9" x14ac:dyDescent="0.35">
      <c r="A1105" s="52" t="s">
        <v>78</v>
      </c>
      <c r="B1105" s="51" t="s">
        <v>79</v>
      </c>
      <c r="C1105" s="61">
        <v>339200772</v>
      </c>
      <c r="D1105" s="62">
        <v>20</v>
      </c>
      <c r="E1105" s="51">
        <v>202405</v>
      </c>
      <c r="F1105" s="51" t="s">
        <v>38</v>
      </c>
      <c r="G1105" s="51" t="s">
        <v>97</v>
      </c>
      <c r="H1105" s="51" t="s">
        <v>82</v>
      </c>
      <c r="I1105" s="50">
        <v>4.7</v>
      </c>
    </row>
    <row r="1106" spans="1:9" x14ac:dyDescent="0.35">
      <c r="A1106" s="52" t="s">
        <v>78</v>
      </c>
      <c r="B1106" s="51" t="s">
        <v>79</v>
      </c>
      <c r="C1106" s="61">
        <v>340405622</v>
      </c>
      <c r="D1106" s="62">
        <v>20</v>
      </c>
      <c r="E1106" s="51">
        <v>202405</v>
      </c>
      <c r="F1106" s="51" t="s">
        <v>38</v>
      </c>
      <c r="G1106" s="51" t="s">
        <v>97</v>
      </c>
      <c r="H1106" s="51" t="s">
        <v>82</v>
      </c>
      <c r="I1106" s="50">
        <v>4.7</v>
      </c>
    </row>
    <row r="1107" spans="1:9" x14ac:dyDescent="0.35">
      <c r="A1107" s="52" t="s">
        <v>78</v>
      </c>
      <c r="B1107" s="51" t="s">
        <v>79</v>
      </c>
      <c r="C1107" s="61">
        <v>340405622</v>
      </c>
      <c r="D1107" s="62">
        <v>20</v>
      </c>
      <c r="E1107" s="51">
        <v>202405</v>
      </c>
      <c r="F1107" s="51" t="s">
        <v>38</v>
      </c>
      <c r="G1107" s="51" t="s">
        <v>97</v>
      </c>
      <c r="H1107" s="51" t="s">
        <v>82</v>
      </c>
      <c r="I1107" s="50">
        <v>4.7</v>
      </c>
    </row>
    <row r="1108" spans="1:9" x14ac:dyDescent="0.35">
      <c r="A1108" s="52" t="s">
        <v>78</v>
      </c>
      <c r="B1108" s="51" t="s">
        <v>79</v>
      </c>
      <c r="C1108" s="61">
        <v>340444154</v>
      </c>
      <c r="D1108" s="62">
        <v>20</v>
      </c>
      <c r="E1108" s="51">
        <v>202405</v>
      </c>
      <c r="F1108" s="51" t="s">
        <v>38</v>
      </c>
      <c r="G1108" s="51" t="s">
        <v>97</v>
      </c>
      <c r="H1108" s="51" t="s">
        <v>82</v>
      </c>
      <c r="I1108" s="50">
        <v>4.7</v>
      </c>
    </row>
    <row r="1109" spans="1:9" x14ac:dyDescent="0.35">
      <c r="A1109" s="52" t="s">
        <v>78</v>
      </c>
      <c r="B1109" s="51" t="s">
        <v>79</v>
      </c>
      <c r="C1109" s="61">
        <v>340511623</v>
      </c>
      <c r="D1109" s="62">
        <v>20</v>
      </c>
      <c r="E1109" s="51">
        <v>202405</v>
      </c>
      <c r="F1109" s="51" t="s">
        <v>38</v>
      </c>
      <c r="G1109" s="51" t="s">
        <v>97</v>
      </c>
      <c r="H1109" s="51" t="s">
        <v>82</v>
      </c>
      <c r="I1109" s="50">
        <v>4.7</v>
      </c>
    </row>
    <row r="1110" spans="1:9" x14ac:dyDescent="0.35">
      <c r="A1110" s="52" t="s">
        <v>78</v>
      </c>
      <c r="B1110" s="51" t="s">
        <v>79</v>
      </c>
      <c r="C1110" s="61">
        <v>340604761</v>
      </c>
      <c r="D1110" s="62">
        <v>20</v>
      </c>
      <c r="E1110" s="51">
        <v>202405</v>
      </c>
      <c r="F1110" s="51" t="s">
        <v>38</v>
      </c>
      <c r="G1110" s="51" t="s">
        <v>97</v>
      </c>
      <c r="H1110" s="51" t="s">
        <v>82</v>
      </c>
      <c r="I1110" s="50">
        <v>4.7</v>
      </c>
    </row>
    <row r="1111" spans="1:9" x14ac:dyDescent="0.35">
      <c r="A1111" s="52" t="s">
        <v>78</v>
      </c>
      <c r="B1111" s="51" t="s">
        <v>79</v>
      </c>
      <c r="C1111" s="61">
        <v>340834566</v>
      </c>
      <c r="D1111" s="62">
        <v>20</v>
      </c>
      <c r="E1111" s="51">
        <v>202405</v>
      </c>
      <c r="F1111" s="51" t="s">
        <v>38</v>
      </c>
      <c r="G1111" s="51" t="s">
        <v>97</v>
      </c>
      <c r="H1111" s="51" t="s">
        <v>82</v>
      </c>
      <c r="I1111" s="50">
        <v>4.7</v>
      </c>
    </row>
    <row r="1112" spans="1:9" x14ac:dyDescent="0.35">
      <c r="A1112" s="52" t="s">
        <v>78</v>
      </c>
      <c r="B1112" s="51" t="s">
        <v>79</v>
      </c>
      <c r="C1112" s="61">
        <v>341002778</v>
      </c>
      <c r="D1112" s="62">
        <v>20</v>
      </c>
      <c r="E1112" s="51">
        <v>202405</v>
      </c>
      <c r="F1112" s="51" t="s">
        <v>38</v>
      </c>
      <c r="G1112" s="51" t="s">
        <v>97</v>
      </c>
      <c r="H1112" s="51" t="s">
        <v>82</v>
      </c>
      <c r="I1112" s="50">
        <v>95</v>
      </c>
    </row>
    <row r="1113" spans="1:9" x14ac:dyDescent="0.35">
      <c r="A1113" s="52" t="s">
        <v>78</v>
      </c>
      <c r="B1113" s="51" t="s">
        <v>79</v>
      </c>
      <c r="C1113" s="61">
        <v>341803395</v>
      </c>
      <c r="D1113" s="62">
        <v>20</v>
      </c>
      <c r="E1113" s="51">
        <v>202405</v>
      </c>
      <c r="F1113" s="51" t="s">
        <v>38</v>
      </c>
      <c r="G1113" s="51" t="s">
        <v>97</v>
      </c>
      <c r="H1113" s="51" t="s">
        <v>82</v>
      </c>
      <c r="I1113" s="50">
        <v>4.7</v>
      </c>
    </row>
    <row r="1114" spans="1:9" x14ac:dyDescent="0.35">
      <c r="A1114" s="52" t="s">
        <v>78</v>
      </c>
      <c r="B1114" s="51" t="s">
        <v>79</v>
      </c>
      <c r="C1114" s="61">
        <v>342128231</v>
      </c>
      <c r="D1114" s="62">
        <v>20</v>
      </c>
      <c r="E1114" s="51">
        <v>202405</v>
      </c>
      <c r="F1114" s="51" t="s">
        <v>38</v>
      </c>
      <c r="G1114" s="51" t="s">
        <v>97</v>
      </c>
      <c r="H1114" s="51" t="s">
        <v>82</v>
      </c>
      <c r="I1114" s="50">
        <v>4.7</v>
      </c>
    </row>
    <row r="1115" spans="1:9" x14ac:dyDescent="0.35">
      <c r="A1115" s="52" t="s">
        <v>78</v>
      </c>
      <c r="B1115" s="51" t="s">
        <v>79</v>
      </c>
      <c r="C1115" s="61">
        <v>342626681</v>
      </c>
      <c r="D1115" s="62">
        <v>20</v>
      </c>
      <c r="E1115" s="51">
        <v>202405</v>
      </c>
      <c r="F1115" s="51" t="s">
        <v>38</v>
      </c>
      <c r="G1115" s="51" t="s">
        <v>97</v>
      </c>
      <c r="H1115" s="51" t="s">
        <v>82</v>
      </c>
      <c r="I1115" s="50">
        <v>4.7</v>
      </c>
    </row>
    <row r="1116" spans="1:9" x14ac:dyDescent="0.35">
      <c r="A1116" s="52" t="s">
        <v>78</v>
      </c>
      <c r="B1116" s="51" t="s">
        <v>79</v>
      </c>
      <c r="C1116" s="61">
        <v>342900391</v>
      </c>
      <c r="D1116" s="62">
        <v>20</v>
      </c>
      <c r="E1116" s="51">
        <v>202405</v>
      </c>
      <c r="F1116" s="51" t="s">
        <v>38</v>
      </c>
      <c r="G1116" s="51" t="s">
        <v>97</v>
      </c>
      <c r="H1116" s="51" t="s">
        <v>82</v>
      </c>
      <c r="I1116" s="50">
        <v>4.7</v>
      </c>
    </row>
    <row r="1117" spans="1:9" x14ac:dyDescent="0.35">
      <c r="A1117" s="52" t="s">
        <v>78</v>
      </c>
      <c r="B1117" s="51" t="s">
        <v>79</v>
      </c>
      <c r="C1117" s="61">
        <v>343268463</v>
      </c>
      <c r="D1117" s="62">
        <v>20</v>
      </c>
      <c r="E1117" s="51">
        <v>202405</v>
      </c>
      <c r="F1117" s="51" t="s">
        <v>38</v>
      </c>
      <c r="G1117" s="51" t="s">
        <v>97</v>
      </c>
      <c r="H1117" s="51" t="s">
        <v>82</v>
      </c>
      <c r="I1117" s="50">
        <v>4.7</v>
      </c>
    </row>
    <row r="1118" spans="1:9" x14ac:dyDescent="0.35">
      <c r="A1118" s="52" t="s">
        <v>78</v>
      </c>
      <c r="B1118" s="51" t="s">
        <v>79</v>
      </c>
      <c r="C1118" s="61">
        <v>343661250</v>
      </c>
      <c r="D1118" s="62">
        <v>20</v>
      </c>
      <c r="E1118" s="51">
        <v>202405</v>
      </c>
      <c r="F1118" s="51" t="s">
        <v>38</v>
      </c>
      <c r="G1118" s="51" t="s">
        <v>97</v>
      </c>
      <c r="H1118" s="51" t="s">
        <v>82</v>
      </c>
      <c r="I1118" s="50">
        <v>4.7</v>
      </c>
    </row>
    <row r="1119" spans="1:9" x14ac:dyDescent="0.35">
      <c r="A1119" s="52" t="s">
        <v>78</v>
      </c>
      <c r="B1119" s="51" t="s">
        <v>79</v>
      </c>
      <c r="C1119" s="61">
        <v>344102523</v>
      </c>
      <c r="D1119" s="62">
        <v>20</v>
      </c>
      <c r="E1119" s="51">
        <v>202405</v>
      </c>
      <c r="F1119" s="51" t="s">
        <v>38</v>
      </c>
      <c r="G1119" s="51" t="s">
        <v>97</v>
      </c>
      <c r="H1119" s="51" t="s">
        <v>82</v>
      </c>
      <c r="I1119" s="50">
        <v>4.7</v>
      </c>
    </row>
    <row r="1120" spans="1:9" x14ac:dyDescent="0.35">
      <c r="A1120" s="52" t="s">
        <v>78</v>
      </c>
      <c r="B1120" s="51" t="s">
        <v>79</v>
      </c>
      <c r="C1120" s="61">
        <v>344402124</v>
      </c>
      <c r="D1120" s="62">
        <v>20</v>
      </c>
      <c r="E1120" s="51">
        <v>202405</v>
      </c>
      <c r="F1120" s="51" t="s">
        <v>38</v>
      </c>
      <c r="G1120" s="51" t="s">
        <v>97</v>
      </c>
      <c r="H1120" s="51" t="s">
        <v>82</v>
      </c>
      <c r="I1120" s="50">
        <v>4.7</v>
      </c>
    </row>
    <row r="1121" spans="1:9" x14ac:dyDescent="0.35">
      <c r="A1121" s="52" t="s">
        <v>78</v>
      </c>
      <c r="B1121" s="51" t="s">
        <v>79</v>
      </c>
      <c r="C1121" s="61">
        <v>344650572</v>
      </c>
      <c r="D1121" s="62">
        <v>20</v>
      </c>
      <c r="E1121" s="51">
        <v>202405</v>
      </c>
      <c r="F1121" s="51" t="s">
        <v>38</v>
      </c>
      <c r="G1121" s="51" t="s">
        <v>97</v>
      </c>
      <c r="H1121" s="51" t="s">
        <v>82</v>
      </c>
      <c r="I1121" s="50">
        <v>4.7</v>
      </c>
    </row>
    <row r="1122" spans="1:9" x14ac:dyDescent="0.35">
      <c r="A1122" s="52" t="s">
        <v>78</v>
      </c>
      <c r="B1122" s="51" t="s">
        <v>79</v>
      </c>
      <c r="C1122" s="61">
        <v>344702099</v>
      </c>
      <c r="D1122" s="62">
        <v>20</v>
      </c>
      <c r="E1122" s="51">
        <v>202405</v>
      </c>
      <c r="F1122" s="51" t="s">
        <v>38</v>
      </c>
      <c r="G1122" s="51" t="s">
        <v>97</v>
      </c>
      <c r="H1122" s="51" t="s">
        <v>82</v>
      </c>
      <c r="I1122" s="50">
        <v>4.7</v>
      </c>
    </row>
    <row r="1123" spans="1:9" x14ac:dyDescent="0.35">
      <c r="A1123" s="52" t="s">
        <v>78</v>
      </c>
      <c r="B1123" s="51" t="s">
        <v>79</v>
      </c>
      <c r="C1123" s="61">
        <v>344803381</v>
      </c>
      <c r="D1123" s="62">
        <v>20</v>
      </c>
      <c r="E1123" s="51">
        <v>202405</v>
      </c>
      <c r="F1123" s="51" t="s">
        <v>38</v>
      </c>
      <c r="G1123" s="51" t="s">
        <v>97</v>
      </c>
      <c r="H1123" s="51" t="s">
        <v>82</v>
      </c>
      <c r="I1123" s="50">
        <v>4.7</v>
      </c>
    </row>
    <row r="1124" spans="1:9" x14ac:dyDescent="0.35">
      <c r="A1124" s="52" t="s">
        <v>78</v>
      </c>
      <c r="B1124" s="51" t="s">
        <v>79</v>
      </c>
      <c r="C1124" s="61">
        <v>345600219</v>
      </c>
      <c r="D1124" s="62">
        <v>20</v>
      </c>
      <c r="E1124" s="51">
        <v>202405</v>
      </c>
      <c r="F1124" s="51" t="s">
        <v>38</v>
      </c>
      <c r="G1124" s="51" t="s">
        <v>97</v>
      </c>
      <c r="H1124" s="51" t="s">
        <v>82</v>
      </c>
      <c r="I1124" s="50">
        <v>4.7</v>
      </c>
    </row>
    <row r="1125" spans="1:9" x14ac:dyDescent="0.35">
      <c r="A1125" s="52" t="s">
        <v>78</v>
      </c>
      <c r="B1125" s="51" t="s">
        <v>79</v>
      </c>
      <c r="C1125" s="61">
        <v>345700826</v>
      </c>
      <c r="D1125" s="62">
        <v>20</v>
      </c>
      <c r="E1125" s="51">
        <v>202405</v>
      </c>
      <c r="F1125" s="51" t="s">
        <v>38</v>
      </c>
      <c r="G1125" s="51" t="s">
        <v>97</v>
      </c>
      <c r="H1125" s="51" t="s">
        <v>82</v>
      </c>
      <c r="I1125" s="50">
        <v>30</v>
      </c>
    </row>
    <row r="1126" spans="1:9" x14ac:dyDescent="0.35">
      <c r="A1126" s="52" t="s">
        <v>78</v>
      </c>
      <c r="B1126" s="51" t="s">
        <v>79</v>
      </c>
      <c r="C1126" s="61">
        <v>346052307</v>
      </c>
      <c r="D1126" s="62">
        <v>20</v>
      </c>
      <c r="E1126" s="51">
        <v>202405</v>
      </c>
      <c r="F1126" s="51" t="s">
        <v>38</v>
      </c>
      <c r="G1126" s="51" t="s">
        <v>97</v>
      </c>
      <c r="H1126" s="51" t="s">
        <v>82</v>
      </c>
      <c r="I1126" s="50">
        <v>4.7</v>
      </c>
    </row>
    <row r="1127" spans="1:9" x14ac:dyDescent="0.35">
      <c r="A1127" s="52" t="s">
        <v>78</v>
      </c>
      <c r="B1127" s="51" t="s">
        <v>79</v>
      </c>
      <c r="C1127" s="61">
        <v>346201444</v>
      </c>
      <c r="D1127" s="62">
        <v>20</v>
      </c>
      <c r="E1127" s="51">
        <v>202405</v>
      </c>
      <c r="F1127" s="51" t="s">
        <v>38</v>
      </c>
      <c r="G1127" s="51" t="s">
        <v>97</v>
      </c>
      <c r="H1127" s="51" t="s">
        <v>82</v>
      </c>
      <c r="I1127" s="50">
        <v>4.7</v>
      </c>
    </row>
    <row r="1128" spans="1:9" x14ac:dyDescent="0.35">
      <c r="A1128" s="52" t="s">
        <v>78</v>
      </c>
      <c r="B1128" s="51" t="s">
        <v>79</v>
      </c>
      <c r="C1128" s="61">
        <v>346288730</v>
      </c>
      <c r="D1128" s="62">
        <v>20</v>
      </c>
      <c r="E1128" s="51">
        <v>202405</v>
      </c>
      <c r="F1128" s="51" t="s">
        <v>38</v>
      </c>
      <c r="G1128" s="51" t="s">
        <v>97</v>
      </c>
      <c r="H1128" s="51" t="s">
        <v>82</v>
      </c>
      <c r="I1128" s="50">
        <v>4.7</v>
      </c>
    </row>
    <row r="1129" spans="1:9" x14ac:dyDescent="0.35">
      <c r="A1129" s="52" t="s">
        <v>78</v>
      </c>
      <c r="B1129" s="51" t="s">
        <v>79</v>
      </c>
      <c r="C1129" s="61">
        <v>346311501</v>
      </c>
      <c r="D1129" s="62">
        <v>20</v>
      </c>
      <c r="E1129" s="51">
        <v>202405</v>
      </c>
      <c r="F1129" s="51" t="s">
        <v>38</v>
      </c>
      <c r="G1129" s="51" t="s">
        <v>97</v>
      </c>
      <c r="H1129" s="51" t="s">
        <v>82</v>
      </c>
      <c r="I1129" s="50">
        <v>4.7</v>
      </c>
    </row>
    <row r="1130" spans="1:9" x14ac:dyDescent="0.35">
      <c r="A1130" s="52" t="s">
        <v>78</v>
      </c>
      <c r="B1130" s="51" t="s">
        <v>79</v>
      </c>
      <c r="C1130" s="61">
        <v>346373654</v>
      </c>
      <c r="D1130" s="62">
        <v>20</v>
      </c>
      <c r="E1130" s="51">
        <v>202405</v>
      </c>
      <c r="F1130" s="51" t="s">
        <v>38</v>
      </c>
      <c r="G1130" s="51" t="s">
        <v>97</v>
      </c>
      <c r="H1130" s="51" t="s">
        <v>82</v>
      </c>
      <c r="I1130" s="50">
        <v>4.7</v>
      </c>
    </row>
    <row r="1131" spans="1:9" x14ac:dyDescent="0.35">
      <c r="A1131" s="52" t="s">
        <v>78</v>
      </c>
      <c r="B1131" s="51" t="s">
        <v>79</v>
      </c>
      <c r="C1131" s="61">
        <v>346766080</v>
      </c>
      <c r="D1131" s="62">
        <v>20</v>
      </c>
      <c r="E1131" s="51">
        <v>202405</v>
      </c>
      <c r="F1131" s="51" t="s">
        <v>38</v>
      </c>
      <c r="G1131" s="51" t="s">
        <v>97</v>
      </c>
      <c r="H1131" s="51" t="s">
        <v>82</v>
      </c>
      <c r="I1131" s="50">
        <v>4.7</v>
      </c>
    </row>
    <row r="1132" spans="1:9" x14ac:dyDescent="0.35">
      <c r="A1132" s="52" t="s">
        <v>78</v>
      </c>
      <c r="B1132" s="51" t="s">
        <v>79</v>
      </c>
      <c r="C1132" s="61">
        <v>347100852</v>
      </c>
      <c r="D1132" s="62">
        <v>20</v>
      </c>
      <c r="E1132" s="51">
        <v>202405</v>
      </c>
      <c r="F1132" s="51" t="s">
        <v>38</v>
      </c>
      <c r="G1132" s="51" t="s">
        <v>97</v>
      </c>
      <c r="H1132" s="51" t="s">
        <v>82</v>
      </c>
      <c r="I1132" s="50">
        <v>4.7</v>
      </c>
    </row>
    <row r="1133" spans="1:9" x14ac:dyDescent="0.35">
      <c r="A1133" s="52" t="s">
        <v>78</v>
      </c>
      <c r="B1133" s="51" t="s">
        <v>79</v>
      </c>
      <c r="C1133" s="61">
        <v>347383772</v>
      </c>
      <c r="D1133" s="62">
        <v>20</v>
      </c>
      <c r="E1133" s="51">
        <v>202405</v>
      </c>
      <c r="F1133" s="51" t="s">
        <v>38</v>
      </c>
      <c r="G1133" s="51" t="s">
        <v>97</v>
      </c>
      <c r="H1133" s="51" t="s">
        <v>82</v>
      </c>
      <c r="I1133" s="50">
        <v>4.7</v>
      </c>
    </row>
    <row r="1134" spans="1:9" x14ac:dyDescent="0.35">
      <c r="A1134" s="52" t="s">
        <v>78</v>
      </c>
      <c r="B1134" s="51" t="s">
        <v>79</v>
      </c>
      <c r="C1134" s="61">
        <v>347459492</v>
      </c>
      <c r="D1134" s="62">
        <v>20</v>
      </c>
      <c r="E1134" s="51">
        <v>202405</v>
      </c>
      <c r="F1134" s="51" t="s">
        <v>38</v>
      </c>
      <c r="G1134" s="51" t="s">
        <v>97</v>
      </c>
      <c r="H1134" s="51" t="s">
        <v>82</v>
      </c>
      <c r="I1134" s="50">
        <v>30</v>
      </c>
    </row>
    <row r="1135" spans="1:9" x14ac:dyDescent="0.35">
      <c r="A1135" s="52" t="s">
        <v>78</v>
      </c>
      <c r="B1135" s="51" t="s">
        <v>79</v>
      </c>
      <c r="C1135" s="61">
        <v>349420770</v>
      </c>
      <c r="D1135" s="62">
        <v>20</v>
      </c>
      <c r="E1135" s="51">
        <v>202405</v>
      </c>
      <c r="F1135" s="51" t="s">
        <v>38</v>
      </c>
      <c r="G1135" s="51" t="s">
        <v>97</v>
      </c>
      <c r="H1135" s="51" t="s">
        <v>82</v>
      </c>
      <c r="I1135" s="50">
        <v>4.7</v>
      </c>
    </row>
    <row r="1136" spans="1:9" x14ac:dyDescent="0.35">
      <c r="A1136" s="52" t="s">
        <v>78</v>
      </c>
      <c r="B1136" s="51" t="s">
        <v>79</v>
      </c>
      <c r="C1136" s="61">
        <v>349420770</v>
      </c>
      <c r="D1136" s="62">
        <v>20</v>
      </c>
      <c r="E1136" s="51">
        <v>202405</v>
      </c>
      <c r="F1136" s="51" t="s">
        <v>38</v>
      </c>
      <c r="G1136" s="51" t="s">
        <v>97</v>
      </c>
      <c r="H1136" s="51" t="s">
        <v>82</v>
      </c>
      <c r="I1136" s="50">
        <v>4.7</v>
      </c>
    </row>
    <row r="1137" spans="1:9" x14ac:dyDescent="0.35">
      <c r="A1137" s="52" t="s">
        <v>78</v>
      </c>
      <c r="B1137" s="51" t="s">
        <v>79</v>
      </c>
      <c r="C1137" s="61">
        <v>350285330</v>
      </c>
      <c r="D1137" s="62">
        <v>20</v>
      </c>
      <c r="E1137" s="51">
        <v>202405</v>
      </c>
      <c r="F1137" s="51" t="s">
        <v>38</v>
      </c>
      <c r="G1137" s="51" t="s">
        <v>97</v>
      </c>
      <c r="H1137" s="51" t="s">
        <v>82</v>
      </c>
      <c r="I1137" s="50">
        <v>4.7</v>
      </c>
    </row>
    <row r="1138" spans="1:9" x14ac:dyDescent="0.35">
      <c r="A1138" s="52" t="s">
        <v>78</v>
      </c>
      <c r="B1138" s="51" t="s">
        <v>79</v>
      </c>
      <c r="C1138" s="61">
        <v>350347431</v>
      </c>
      <c r="D1138" s="62">
        <v>20</v>
      </c>
      <c r="E1138" s="51">
        <v>202405</v>
      </c>
      <c r="F1138" s="51" t="s">
        <v>38</v>
      </c>
      <c r="G1138" s="51" t="s">
        <v>97</v>
      </c>
      <c r="H1138" s="51" t="s">
        <v>82</v>
      </c>
      <c r="I1138" s="50">
        <v>4.7</v>
      </c>
    </row>
    <row r="1139" spans="1:9" x14ac:dyDescent="0.35">
      <c r="A1139" s="52" t="s">
        <v>78</v>
      </c>
      <c r="B1139" s="51" t="s">
        <v>79</v>
      </c>
      <c r="C1139" s="61">
        <v>351312775</v>
      </c>
      <c r="D1139" s="62">
        <v>20</v>
      </c>
      <c r="E1139" s="51">
        <v>202405</v>
      </c>
      <c r="F1139" s="51" t="s">
        <v>38</v>
      </c>
      <c r="G1139" s="51" t="s">
        <v>97</v>
      </c>
      <c r="H1139" s="51" t="s">
        <v>82</v>
      </c>
      <c r="I1139" s="50">
        <v>4.7</v>
      </c>
    </row>
    <row r="1140" spans="1:9" x14ac:dyDescent="0.35">
      <c r="A1140" s="52" t="s">
        <v>78</v>
      </c>
      <c r="B1140" s="51" t="s">
        <v>79</v>
      </c>
      <c r="C1140" s="61">
        <v>351318613</v>
      </c>
      <c r="D1140" s="62">
        <v>20</v>
      </c>
      <c r="E1140" s="51">
        <v>202405</v>
      </c>
      <c r="F1140" s="51" t="s">
        <v>38</v>
      </c>
      <c r="G1140" s="51" t="s">
        <v>97</v>
      </c>
      <c r="H1140" s="51" t="s">
        <v>82</v>
      </c>
      <c r="I1140" s="50">
        <v>4.7</v>
      </c>
    </row>
    <row r="1141" spans="1:9" x14ac:dyDescent="0.35">
      <c r="A1141" s="52" t="s">
        <v>78</v>
      </c>
      <c r="B1141" s="51" t="s">
        <v>79</v>
      </c>
      <c r="C1141" s="61">
        <v>351608161</v>
      </c>
      <c r="D1141" s="62">
        <v>20</v>
      </c>
      <c r="E1141" s="51">
        <v>202405</v>
      </c>
      <c r="F1141" s="51" t="s">
        <v>38</v>
      </c>
      <c r="G1141" s="51" t="s">
        <v>97</v>
      </c>
      <c r="H1141" s="51" t="s">
        <v>82</v>
      </c>
      <c r="I1141" s="50">
        <v>4.7</v>
      </c>
    </row>
    <row r="1142" spans="1:9" x14ac:dyDescent="0.35">
      <c r="A1142" s="52" t="s">
        <v>78</v>
      </c>
      <c r="B1142" s="51" t="s">
        <v>79</v>
      </c>
      <c r="C1142" s="61">
        <v>351905400</v>
      </c>
      <c r="D1142" s="62">
        <v>20</v>
      </c>
      <c r="E1142" s="51">
        <v>202405</v>
      </c>
      <c r="F1142" s="51" t="s">
        <v>38</v>
      </c>
      <c r="G1142" s="51" t="s">
        <v>97</v>
      </c>
      <c r="H1142" s="51" t="s">
        <v>82</v>
      </c>
      <c r="I1142" s="50">
        <v>4.7</v>
      </c>
    </row>
    <row r="1143" spans="1:9" x14ac:dyDescent="0.35">
      <c r="A1143" s="52" t="s">
        <v>78</v>
      </c>
      <c r="B1143" s="51" t="s">
        <v>79</v>
      </c>
      <c r="C1143" s="61">
        <v>353704532</v>
      </c>
      <c r="D1143" s="62">
        <v>20</v>
      </c>
      <c r="E1143" s="51">
        <v>202405</v>
      </c>
      <c r="F1143" s="51" t="s">
        <v>38</v>
      </c>
      <c r="G1143" s="51" t="s">
        <v>97</v>
      </c>
      <c r="H1143" s="51" t="s">
        <v>82</v>
      </c>
      <c r="I1143" s="50">
        <v>4.7</v>
      </c>
    </row>
    <row r="1144" spans="1:9" x14ac:dyDescent="0.35">
      <c r="A1144" s="52" t="s">
        <v>78</v>
      </c>
      <c r="B1144" s="51" t="s">
        <v>79</v>
      </c>
      <c r="C1144" s="61">
        <v>354700307</v>
      </c>
      <c r="D1144" s="62">
        <v>20</v>
      </c>
      <c r="E1144" s="51">
        <v>202405</v>
      </c>
      <c r="F1144" s="51" t="s">
        <v>38</v>
      </c>
      <c r="G1144" s="51" t="s">
        <v>97</v>
      </c>
      <c r="H1144" s="51" t="s">
        <v>82</v>
      </c>
      <c r="I1144" s="50">
        <v>4.7</v>
      </c>
    </row>
    <row r="1145" spans="1:9" x14ac:dyDescent="0.35">
      <c r="A1145" s="52" t="s">
        <v>78</v>
      </c>
      <c r="B1145" s="51" t="s">
        <v>79</v>
      </c>
      <c r="C1145" s="61">
        <v>355803574</v>
      </c>
      <c r="D1145" s="62">
        <v>20</v>
      </c>
      <c r="E1145" s="51">
        <v>202405</v>
      </c>
      <c r="F1145" s="51" t="s">
        <v>38</v>
      </c>
      <c r="G1145" s="51" t="s">
        <v>97</v>
      </c>
      <c r="H1145" s="51" t="s">
        <v>82</v>
      </c>
      <c r="I1145" s="50">
        <v>4.7</v>
      </c>
    </row>
    <row r="1146" spans="1:9" x14ac:dyDescent="0.35">
      <c r="A1146" s="52" t="s">
        <v>78</v>
      </c>
      <c r="B1146" s="51" t="s">
        <v>79</v>
      </c>
      <c r="C1146" s="61">
        <v>356210241</v>
      </c>
      <c r="D1146" s="62">
        <v>20</v>
      </c>
      <c r="E1146" s="51">
        <v>202405</v>
      </c>
      <c r="F1146" s="51" t="s">
        <v>38</v>
      </c>
      <c r="G1146" s="51" t="s">
        <v>97</v>
      </c>
      <c r="H1146" s="51" t="s">
        <v>82</v>
      </c>
      <c r="I1146" s="50">
        <v>4.7</v>
      </c>
    </row>
    <row r="1147" spans="1:9" x14ac:dyDescent="0.35">
      <c r="A1147" s="52" t="s">
        <v>78</v>
      </c>
      <c r="B1147" s="51" t="s">
        <v>79</v>
      </c>
      <c r="C1147" s="61">
        <v>356447746</v>
      </c>
      <c r="D1147" s="62">
        <v>20</v>
      </c>
      <c r="E1147" s="51">
        <v>202405</v>
      </c>
      <c r="F1147" s="51" t="s">
        <v>38</v>
      </c>
      <c r="G1147" s="51" t="s">
        <v>97</v>
      </c>
      <c r="H1147" s="51" t="s">
        <v>82</v>
      </c>
      <c r="I1147" s="50">
        <v>4.7</v>
      </c>
    </row>
    <row r="1148" spans="1:9" x14ac:dyDescent="0.35">
      <c r="A1148" s="52" t="s">
        <v>78</v>
      </c>
      <c r="B1148" s="51" t="s">
        <v>79</v>
      </c>
      <c r="C1148" s="61">
        <v>356447746</v>
      </c>
      <c r="D1148" s="62">
        <v>20</v>
      </c>
      <c r="E1148" s="51">
        <v>202405</v>
      </c>
      <c r="F1148" s="51" t="s">
        <v>38</v>
      </c>
      <c r="G1148" s="51" t="s">
        <v>97</v>
      </c>
      <c r="H1148" s="51" t="s">
        <v>82</v>
      </c>
      <c r="I1148" s="50">
        <v>4.7</v>
      </c>
    </row>
    <row r="1149" spans="1:9" x14ac:dyDescent="0.35">
      <c r="A1149" s="52" t="s">
        <v>78</v>
      </c>
      <c r="B1149" s="51" t="s">
        <v>79</v>
      </c>
      <c r="C1149" s="61">
        <v>356447746</v>
      </c>
      <c r="D1149" s="62">
        <v>20</v>
      </c>
      <c r="E1149" s="51">
        <v>202405</v>
      </c>
      <c r="F1149" s="51" t="s">
        <v>38</v>
      </c>
      <c r="G1149" s="51" t="s">
        <v>97</v>
      </c>
      <c r="H1149" s="51" t="s">
        <v>82</v>
      </c>
      <c r="I1149" s="50">
        <v>4.7</v>
      </c>
    </row>
    <row r="1150" spans="1:9" x14ac:dyDescent="0.35">
      <c r="A1150" s="52" t="s">
        <v>78</v>
      </c>
      <c r="B1150" s="51" t="s">
        <v>79</v>
      </c>
      <c r="C1150" s="61">
        <v>356803838</v>
      </c>
      <c r="D1150" s="62">
        <v>20</v>
      </c>
      <c r="E1150" s="51">
        <v>202405</v>
      </c>
      <c r="F1150" s="51" t="s">
        <v>38</v>
      </c>
      <c r="G1150" s="51" t="s">
        <v>97</v>
      </c>
      <c r="H1150" s="51" t="s">
        <v>82</v>
      </c>
      <c r="I1150" s="50">
        <v>4.7</v>
      </c>
    </row>
    <row r="1151" spans="1:9" x14ac:dyDescent="0.35">
      <c r="A1151" s="52" t="s">
        <v>78</v>
      </c>
      <c r="B1151" s="51" t="s">
        <v>79</v>
      </c>
      <c r="C1151" s="61">
        <v>356905802</v>
      </c>
      <c r="D1151" s="62">
        <v>20</v>
      </c>
      <c r="E1151" s="51">
        <v>202405</v>
      </c>
      <c r="F1151" s="51" t="s">
        <v>38</v>
      </c>
      <c r="G1151" s="51" t="s">
        <v>97</v>
      </c>
      <c r="H1151" s="51" t="s">
        <v>82</v>
      </c>
      <c r="I1151" s="50">
        <v>4.7</v>
      </c>
    </row>
    <row r="1152" spans="1:9" x14ac:dyDescent="0.35">
      <c r="A1152" s="52" t="s">
        <v>78</v>
      </c>
      <c r="B1152" s="51" t="s">
        <v>79</v>
      </c>
      <c r="C1152" s="61">
        <v>357115962</v>
      </c>
      <c r="D1152" s="62">
        <v>20</v>
      </c>
      <c r="E1152" s="51">
        <v>202405</v>
      </c>
      <c r="F1152" s="51" t="s">
        <v>38</v>
      </c>
      <c r="G1152" s="51" t="s">
        <v>97</v>
      </c>
      <c r="H1152" s="51" t="s">
        <v>82</v>
      </c>
      <c r="I1152" s="50">
        <v>4.7</v>
      </c>
    </row>
    <row r="1153" spans="1:9" x14ac:dyDescent="0.35">
      <c r="A1153" s="52" t="s">
        <v>78</v>
      </c>
      <c r="B1153" s="51" t="s">
        <v>79</v>
      </c>
      <c r="C1153" s="61">
        <v>357674037</v>
      </c>
      <c r="D1153" s="62">
        <v>20</v>
      </c>
      <c r="E1153" s="51">
        <v>202405</v>
      </c>
      <c r="F1153" s="51" t="s">
        <v>38</v>
      </c>
      <c r="G1153" s="51" t="s">
        <v>97</v>
      </c>
      <c r="H1153" s="51" t="s">
        <v>82</v>
      </c>
      <c r="I1153" s="50">
        <v>4.7</v>
      </c>
    </row>
    <row r="1154" spans="1:9" x14ac:dyDescent="0.35">
      <c r="A1154" s="52" t="s">
        <v>78</v>
      </c>
      <c r="B1154" s="51" t="s">
        <v>79</v>
      </c>
      <c r="C1154" s="61">
        <v>359102234</v>
      </c>
      <c r="D1154" s="62">
        <v>20</v>
      </c>
      <c r="E1154" s="51">
        <v>202405</v>
      </c>
      <c r="F1154" s="51" t="s">
        <v>38</v>
      </c>
      <c r="G1154" s="51" t="s">
        <v>97</v>
      </c>
      <c r="H1154" s="51" t="s">
        <v>82</v>
      </c>
      <c r="I1154" s="50">
        <v>4.7</v>
      </c>
    </row>
    <row r="1155" spans="1:9" x14ac:dyDescent="0.35">
      <c r="A1155" s="52" t="s">
        <v>78</v>
      </c>
      <c r="B1155" s="51" t="s">
        <v>79</v>
      </c>
      <c r="C1155" s="61">
        <v>359129031</v>
      </c>
      <c r="D1155" s="62">
        <v>20</v>
      </c>
      <c r="E1155" s="51">
        <v>202405</v>
      </c>
      <c r="F1155" s="51" t="s">
        <v>38</v>
      </c>
      <c r="G1155" s="51" t="s">
        <v>97</v>
      </c>
      <c r="H1155" s="51" t="s">
        <v>82</v>
      </c>
      <c r="I1155" s="50">
        <v>4.7</v>
      </c>
    </row>
    <row r="1156" spans="1:9" x14ac:dyDescent="0.35">
      <c r="A1156" s="52" t="s">
        <v>78</v>
      </c>
      <c r="B1156" s="51" t="s">
        <v>79</v>
      </c>
      <c r="C1156" s="61">
        <v>359129031</v>
      </c>
      <c r="D1156" s="62">
        <v>20</v>
      </c>
      <c r="E1156" s="51">
        <v>202405</v>
      </c>
      <c r="F1156" s="51" t="s">
        <v>38</v>
      </c>
      <c r="G1156" s="51" t="s">
        <v>97</v>
      </c>
      <c r="H1156" s="51" t="s">
        <v>82</v>
      </c>
      <c r="I1156" s="50">
        <v>4.7</v>
      </c>
    </row>
    <row r="1157" spans="1:9" x14ac:dyDescent="0.35">
      <c r="A1157" s="52" t="s">
        <v>78</v>
      </c>
      <c r="B1157" s="51" t="s">
        <v>79</v>
      </c>
      <c r="C1157" s="61">
        <v>359601613</v>
      </c>
      <c r="D1157" s="62">
        <v>20</v>
      </c>
      <c r="E1157" s="51">
        <v>202405</v>
      </c>
      <c r="F1157" s="51" t="s">
        <v>38</v>
      </c>
      <c r="G1157" s="51" t="s">
        <v>97</v>
      </c>
      <c r="H1157" s="51" t="s">
        <v>82</v>
      </c>
      <c r="I1157" s="50">
        <v>4.7</v>
      </c>
    </row>
    <row r="1158" spans="1:9" x14ac:dyDescent="0.35">
      <c r="A1158" s="52" t="s">
        <v>78</v>
      </c>
      <c r="B1158" s="51" t="s">
        <v>79</v>
      </c>
      <c r="C1158" s="61">
        <v>360002017</v>
      </c>
      <c r="D1158" s="62">
        <v>20</v>
      </c>
      <c r="E1158" s="51">
        <v>202405</v>
      </c>
      <c r="F1158" s="51" t="s">
        <v>38</v>
      </c>
      <c r="G1158" s="51" t="s">
        <v>97</v>
      </c>
      <c r="H1158" s="51" t="s">
        <v>82</v>
      </c>
      <c r="I1158" s="50">
        <v>4.7</v>
      </c>
    </row>
    <row r="1159" spans="1:9" x14ac:dyDescent="0.35">
      <c r="A1159" s="52" t="s">
        <v>78</v>
      </c>
      <c r="B1159" s="51" t="s">
        <v>79</v>
      </c>
      <c r="C1159" s="61">
        <v>360288896</v>
      </c>
      <c r="D1159" s="62">
        <v>20</v>
      </c>
      <c r="E1159" s="51">
        <v>202405</v>
      </c>
      <c r="F1159" s="51" t="s">
        <v>38</v>
      </c>
      <c r="G1159" s="51" t="s">
        <v>97</v>
      </c>
      <c r="H1159" s="51" t="s">
        <v>82</v>
      </c>
      <c r="I1159" s="50">
        <v>4.7</v>
      </c>
    </row>
    <row r="1160" spans="1:9" x14ac:dyDescent="0.35">
      <c r="A1160" s="52" t="s">
        <v>78</v>
      </c>
      <c r="B1160" s="51" t="s">
        <v>79</v>
      </c>
      <c r="C1160" s="61">
        <v>360651130</v>
      </c>
      <c r="D1160" s="62">
        <v>20</v>
      </c>
      <c r="E1160" s="51">
        <v>202405</v>
      </c>
      <c r="F1160" s="51" t="s">
        <v>38</v>
      </c>
      <c r="G1160" s="51" t="s">
        <v>97</v>
      </c>
      <c r="H1160" s="51" t="s">
        <v>82</v>
      </c>
      <c r="I1160" s="50">
        <v>4.7</v>
      </c>
    </row>
    <row r="1161" spans="1:9" x14ac:dyDescent="0.35">
      <c r="A1161" s="52" t="s">
        <v>78</v>
      </c>
      <c r="B1161" s="51" t="s">
        <v>79</v>
      </c>
      <c r="C1161" s="61">
        <v>361071158</v>
      </c>
      <c r="D1161" s="62">
        <v>20</v>
      </c>
      <c r="E1161" s="51">
        <v>202405</v>
      </c>
      <c r="F1161" s="51" t="s">
        <v>38</v>
      </c>
      <c r="G1161" s="51" t="s">
        <v>97</v>
      </c>
      <c r="H1161" s="51" t="s">
        <v>82</v>
      </c>
      <c r="I1161" s="50">
        <v>4.7</v>
      </c>
    </row>
    <row r="1162" spans="1:9" x14ac:dyDescent="0.35">
      <c r="A1162" s="52" t="s">
        <v>78</v>
      </c>
      <c r="B1162" s="51" t="s">
        <v>79</v>
      </c>
      <c r="C1162" s="61">
        <v>361500817</v>
      </c>
      <c r="D1162" s="62">
        <v>20</v>
      </c>
      <c r="E1162" s="51">
        <v>202405</v>
      </c>
      <c r="F1162" s="51" t="s">
        <v>38</v>
      </c>
      <c r="G1162" s="51" t="s">
        <v>97</v>
      </c>
      <c r="H1162" s="51" t="s">
        <v>82</v>
      </c>
      <c r="I1162" s="50">
        <v>30</v>
      </c>
    </row>
    <row r="1163" spans="1:9" x14ac:dyDescent="0.35">
      <c r="A1163" s="52" t="s">
        <v>78</v>
      </c>
      <c r="B1163" s="51" t="s">
        <v>79</v>
      </c>
      <c r="C1163" s="61">
        <v>362688153</v>
      </c>
      <c r="D1163" s="62">
        <v>20</v>
      </c>
      <c r="E1163" s="51">
        <v>202405</v>
      </c>
      <c r="F1163" s="51" t="s">
        <v>38</v>
      </c>
      <c r="G1163" s="51" t="s">
        <v>97</v>
      </c>
      <c r="H1163" s="51" t="s">
        <v>82</v>
      </c>
      <c r="I1163" s="50">
        <v>4.7</v>
      </c>
    </row>
    <row r="1164" spans="1:9" x14ac:dyDescent="0.35">
      <c r="A1164" s="52" t="s">
        <v>78</v>
      </c>
      <c r="B1164" s="51" t="s">
        <v>79</v>
      </c>
      <c r="C1164" s="61">
        <v>363162329</v>
      </c>
      <c r="D1164" s="62">
        <v>20</v>
      </c>
      <c r="E1164" s="51">
        <v>202405</v>
      </c>
      <c r="F1164" s="51" t="s">
        <v>38</v>
      </c>
      <c r="G1164" s="51" t="s">
        <v>97</v>
      </c>
      <c r="H1164" s="51" t="s">
        <v>82</v>
      </c>
      <c r="I1164" s="50">
        <v>4.7</v>
      </c>
    </row>
    <row r="1165" spans="1:9" x14ac:dyDescent="0.35">
      <c r="A1165" s="52" t="s">
        <v>78</v>
      </c>
      <c r="B1165" s="51" t="s">
        <v>79</v>
      </c>
      <c r="C1165" s="61">
        <v>363401809</v>
      </c>
      <c r="D1165" s="62">
        <v>20</v>
      </c>
      <c r="E1165" s="51">
        <v>202405</v>
      </c>
      <c r="F1165" s="51" t="s">
        <v>38</v>
      </c>
      <c r="G1165" s="51" t="s">
        <v>97</v>
      </c>
      <c r="H1165" s="51" t="s">
        <v>82</v>
      </c>
      <c r="I1165" s="50">
        <v>4.7</v>
      </c>
    </row>
    <row r="1166" spans="1:9" x14ac:dyDescent="0.35">
      <c r="A1166" s="52" t="s">
        <v>78</v>
      </c>
      <c r="B1166" s="51" t="s">
        <v>79</v>
      </c>
      <c r="C1166" s="61">
        <v>363582802</v>
      </c>
      <c r="D1166" s="62">
        <v>20</v>
      </c>
      <c r="E1166" s="51">
        <v>202405</v>
      </c>
      <c r="F1166" s="51" t="s">
        <v>38</v>
      </c>
      <c r="G1166" s="51" t="s">
        <v>97</v>
      </c>
      <c r="H1166" s="51" t="s">
        <v>82</v>
      </c>
      <c r="I1166" s="50">
        <v>4.7</v>
      </c>
    </row>
    <row r="1167" spans="1:9" x14ac:dyDescent="0.35">
      <c r="A1167" s="52" t="s">
        <v>78</v>
      </c>
      <c r="B1167" s="51" t="s">
        <v>79</v>
      </c>
      <c r="C1167" s="61">
        <v>363705073</v>
      </c>
      <c r="D1167" s="62">
        <v>20</v>
      </c>
      <c r="E1167" s="51">
        <v>202405</v>
      </c>
      <c r="F1167" s="51" t="s">
        <v>38</v>
      </c>
      <c r="G1167" s="51" t="s">
        <v>97</v>
      </c>
      <c r="H1167" s="51" t="s">
        <v>82</v>
      </c>
      <c r="I1167" s="50">
        <v>30</v>
      </c>
    </row>
    <row r="1168" spans="1:9" x14ac:dyDescent="0.35">
      <c r="A1168" s="52" t="s">
        <v>78</v>
      </c>
      <c r="B1168" s="51" t="s">
        <v>79</v>
      </c>
      <c r="C1168" s="61">
        <v>364799661</v>
      </c>
      <c r="D1168" s="62">
        <v>20</v>
      </c>
      <c r="E1168" s="51">
        <v>202405</v>
      </c>
      <c r="F1168" s="51" t="s">
        <v>38</v>
      </c>
      <c r="G1168" s="51" t="s">
        <v>97</v>
      </c>
      <c r="H1168" s="51" t="s">
        <v>82</v>
      </c>
      <c r="I1168" s="50">
        <v>4.7</v>
      </c>
    </row>
    <row r="1169" spans="1:9" x14ac:dyDescent="0.35">
      <c r="A1169" s="52" t="s">
        <v>78</v>
      </c>
      <c r="B1169" s="51" t="s">
        <v>79</v>
      </c>
      <c r="C1169" s="61">
        <v>365691815</v>
      </c>
      <c r="D1169" s="62">
        <v>20</v>
      </c>
      <c r="E1169" s="51">
        <v>202405</v>
      </c>
      <c r="F1169" s="51" t="s">
        <v>38</v>
      </c>
      <c r="G1169" s="51" t="s">
        <v>97</v>
      </c>
      <c r="H1169" s="51" t="s">
        <v>82</v>
      </c>
      <c r="I1169" s="50">
        <v>4.7</v>
      </c>
    </row>
    <row r="1170" spans="1:9" x14ac:dyDescent="0.35">
      <c r="A1170" s="52" t="s">
        <v>78</v>
      </c>
      <c r="B1170" s="51" t="s">
        <v>79</v>
      </c>
      <c r="C1170" s="61">
        <v>365701803</v>
      </c>
      <c r="D1170" s="62">
        <v>20</v>
      </c>
      <c r="E1170" s="51">
        <v>202405</v>
      </c>
      <c r="F1170" s="51" t="s">
        <v>38</v>
      </c>
      <c r="G1170" s="51" t="s">
        <v>97</v>
      </c>
      <c r="H1170" s="51" t="s">
        <v>82</v>
      </c>
      <c r="I1170" s="50">
        <v>30</v>
      </c>
    </row>
    <row r="1171" spans="1:9" x14ac:dyDescent="0.35">
      <c r="A1171" s="52" t="s">
        <v>78</v>
      </c>
      <c r="B1171" s="51" t="s">
        <v>79</v>
      </c>
      <c r="C1171" s="61">
        <v>365730932</v>
      </c>
      <c r="D1171" s="62">
        <v>20</v>
      </c>
      <c r="E1171" s="51">
        <v>202405</v>
      </c>
      <c r="F1171" s="51" t="s">
        <v>38</v>
      </c>
      <c r="G1171" s="51" t="s">
        <v>97</v>
      </c>
      <c r="H1171" s="51" t="s">
        <v>82</v>
      </c>
      <c r="I1171" s="50">
        <v>4.7</v>
      </c>
    </row>
    <row r="1172" spans="1:9" x14ac:dyDescent="0.35">
      <c r="A1172" s="52" t="s">
        <v>78</v>
      </c>
      <c r="B1172" s="51" t="s">
        <v>79</v>
      </c>
      <c r="C1172" s="61">
        <v>367303831</v>
      </c>
      <c r="D1172" s="62">
        <v>20</v>
      </c>
      <c r="E1172" s="51">
        <v>202405</v>
      </c>
      <c r="F1172" s="51" t="s">
        <v>38</v>
      </c>
      <c r="G1172" s="51" t="s">
        <v>97</v>
      </c>
      <c r="H1172" s="51" t="s">
        <v>82</v>
      </c>
      <c r="I1172" s="50">
        <v>4.7</v>
      </c>
    </row>
    <row r="1173" spans="1:9" x14ac:dyDescent="0.35">
      <c r="A1173" s="52" t="s">
        <v>78</v>
      </c>
      <c r="B1173" s="51" t="s">
        <v>79</v>
      </c>
      <c r="C1173" s="61">
        <v>368605235</v>
      </c>
      <c r="D1173" s="62">
        <v>20</v>
      </c>
      <c r="E1173" s="51">
        <v>202405</v>
      </c>
      <c r="F1173" s="51" t="s">
        <v>38</v>
      </c>
      <c r="G1173" s="51" t="s">
        <v>97</v>
      </c>
      <c r="H1173" s="51" t="s">
        <v>82</v>
      </c>
      <c r="I1173" s="50">
        <v>4.7</v>
      </c>
    </row>
    <row r="1174" spans="1:9" x14ac:dyDescent="0.35">
      <c r="A1174" s="52" t="s">
        <v>78</v>
      </c>
      <c r="B1174" s="51" t="s">
        <v>79</v>
      </c>
      <c r="C1174" s="61">
        <v>368988891</v>
      </c>
      <c r="D1174" s="62">
        <v>20</v>
      </c>
      <c r="E1174" s="51">
        <v>202405</v>
      </c>
      <c r="F1174" s="51" t="s">
        <v>38</v>
      </c>
      <c r="G1174" s="51" t="s">
        <v>97</v>
      </c>
      <c r="H1174" s="51" t="s">
        <v>82</v>
      </c>
      <c r="I1174" s="50">
        <v>4.7</v>
      </c>
    </row>
    <row r="1175" spans="1:9" x14ac:dyDescent="0.35">
      <c r="A1175" s="52" t="s">
        <v>78</v>
      </c>
      <c r="B1175" s="51" t="s">
        <v>79</v>
      </c>
      <c r="C1175" s="61">
        <v>370204110</v>
      </c>
      <c r="D1175" s="62">
        <v>20</v>
      </c>
      <c r="E1175" s="51">
        <v>202405</v>
      </c>
      <c r="F1175" s="51" t="s">
        <v>38</v>
      </c>
      <c r="G1175" s="51" t="s">
        <v>97</v>
      </c>
      <c r="H1175" s="51" t="s">
        <v>82</v>
      </c>
      <c r="I1175" s="50">
        <v>4.7</v>
      </c>
    </row>
    <row r="1176" spans="1:9" x14ac:dyDescent="0.35">
      <c r="A1176" s="52" t="s">
        <v>78</v>
      </c>
      <c r="B1176" s="51" t="s">
        <v>79</v>
      </c>
      <c r="C1176" s="61">
        <v>370204141</v>
      </c>
      <c r="D1176" s="62">
        <v>20</v>
      </c>
      <c r="E1176" s="51">
        <v>202405</v>
      </c>
      <c r="F1176" s="51" t="s">
        <v>38</v>
      </c>
      <c r="G1176" s="51" t="s">
        <v>97</v>
      </c>
      <c r="H1176" s="51" t="s">
        <v>82</v>
      </c>
      <c r="I1176" s="50">
        <v>4.7</v>
      </c>
    </row>
    <row r="1177" spans="1:9" x14ac:dyDescent="0.35">
      <c r="A1177" s="52" t="s">
        <v>78</v>
      </c>
      <c r="B1177" s="51" t="s">
        <v>79</v>
      </c>
      <c r="C1177" s="61">
        <v>370500303</v>
      </c>
      <c r="D1177" s="62">
        <v>20</v>
      </c>
      <c r="E1177" s="51">
        <v>202405</v>
      </c>
      <c r="F1177" s="51" t="s">
        <v>38</v>
      </c>
      <c r="G1177" s="51" t="s">
        <v>97</v>
      </c>
      <c r="H1177" s="51" t="s">
        <v>82</v>
      </c>
      <c r="I1177" s="50">
        <v>4.7</v>
      </c>
    </row>
    <row r="1178" spans="1:9" x14ac:dyDescent="0.35">
      <c r="A1178" s="52" t="s">
        <v>78</v>
      </c>
      <c r="B1178" s="51" t="s">
        <v>79</v>
      </c>
      <c r="C1178" s="61">
        <v>370801244</v>
      </c>
      <c r="D1178" s="62">
        <v>20</v>
      </c>
      <c r="E1178" s="51">
        <v>202405</v>
      </c>
      <c r="F1178" s="51" t="s">
        <v>38</v>
      </c>
      <c r="G1178" s="51" t="s">
        <v>97</v>
      </c>
      <c r="H1178" s="51" t="s">
        <v>82</v>
      </c>
      <c r="I1178" s="50">
        <v>4.7</v>
      </c>
    </row>
    <row r="1179" spans="1:9" x14ac:dyDescent="0.35">
      <c r="A1179" s="52" t="s">
        <v>78</v>
      </c>
      <c r="B1179" s="51" t="s">
        <v>79</v>
      </c>
      <c r="C1179" s="61">
        <v>372356460</v>
      </c>
      <c r="D1179" s="62">
        <v>20</v>
      </c>
      <c r="E1179" s="51">
        <v>202405</v>
      </c>
      <c r="F1179" s="51" t="s">
        <v>38</v>
      </c>
      <c r="G1179" s="51" t="s">
        <v>97</v>
      </c>
      <c r="H1179" s="51" t="s">
        <v>82</v>
      </c>
      <c r="I1179" s="50">
        <v>4.7</v>
      </c>
    </row>
    <row r="1180" spans="1:9" x14ac:dyDescent="0.35">
      <c r="A1180" s="52" t="s">
        <v>78</v>
      </c>
      <c r="B1180" s="51" t="s">
        <v>79</v>
      </c>
      <c r="C1180" s="61">
        <v>372515307</v>
      </c>
      <c r="D1180" s="62">
        <v>20</v>
      </c>
      <c r="E1180" s="51">
        <v>202405</v>
      </c>
      <c r="F1180" s="51" t="s">
        <v>38</v>
      </c>
      <c r="G1180" s="51" t="s">
        <v>97</v>
      </c>
      <c r="H1180" s="51" t="s">
        <v>82</v>
      </c>
      <c r="I1180" s="50">
        <v>4.7</v>
      </c>
    </row>
    <row r="1181" spans="1:9" x14ac:dyDescent="0.35">
      <c r="A1181" s="52" t="s">
        <v>78</v>
      </c>
      <c r="B1181" s="51" t="s">
        <v>79</v>
      </c>
      <c r="C1181" s="61">
        <v>372837110</v>
      </c>
      <c r="D1181" s="62">
        <v>20</v>
      </c>
      <c r="E1181" s="51">
        <v>202405</v>
      </c>
      <c r="F1181" s="51" t="s">
        <v>38</v>
      </c>
      <c r="G1181" s="51" t="s">
        <v>97</v>
      </c>
      <c r="H1181" s="51" t="s">
        <v>82</v>
      </c>
      <c r="I1181" s="50">
        <v>4.7</v>
      </c>
    </row>
    <row r="1182" spans="1:9" x14ac:dyDescent="0.35">
      <c r="A1182" s="52" t="s">
        <v>78</v>
      </c>
      <c r="B1182" s="51" t="s">
        <v>79</v>
      </c>
      <c r="C1182" s="61">
        <v>373477703</v>
      </c>
      <c r="D1182" s="62">
        <v>20</v>
      </c>
      <c r="E1182" s="51">
        <v>202405</v>
      </c>
      <c r="F1182" s="51" t="s">
        <v>38</v>
      </c>
      <c r="G1182" s="51" t="s">
        <v>97</v>
      </c>
      <c r="H1182" s="51" t="s">
        <v>82</v>
      </c>
      <c r="I1182" s="50">
        <v>4.7</v>
      </c>
    </row>
    <row r="1183" spans="1:9" x14ac:dyDescent="0.35">
      <c r="A1183" s="52" t="s">
        <v>78</v>
      </c>
      <c r="B1183" s="51" t="s">
        <v>79</v>
      </c>
      <c r="C1183" s="61">
        <v>373552162</v>
      </c>
      <c r="D1183" s="62">
        <v>20</v>
      </c>
      <c r="E1183" s="51">
        <v>202405</v>
      </c>
      <c r="F1183" s="51" t="s">
        <v>38</v>
      </c>
      <c r="G1183" s="51" t="s">
        <v>97</v>
      </c>
      <c r="H1183" s="51" t="s">
        <v>82</v>
      </c>
      <c r="I1183" s="50">
        <v>4.7</v>
      </c>
    </row>
    <row r="1184" spans="1:9" x14ac:dyDescent="0.35">
      <c r="A1184" s="52" t="s">
        <v>78</v>
      </c>
      <c r="B1184" s="51" t="s">
        <v>79</v>
      </c>
      <c r="C1184" s="61">
        <v>374665303</v>
      </c>
      <c r="D1184" s="62">
        <v>20</v>
      </c>
      <c r="E1184" s="51">
        <v>202405</v>
      </c>
      <c r="F1184" s="51" t="s">
        <v>38</v>
      </c>
      <c r="G1184" s="51" t="s">
        <v>97</v>
      </c>
      <c r="H1184" s="51" t="s">
        <v>82</v>
      </c>
      <c r="I1184" s="50">
        <v>4.7</v>
      </c>
    </row>
    <row r="1185" spans="1:9" x14ac:dyDescent="0.35">
      <c r="A1185" s="52" t="s">
        <v>78</v>
      </c>
      <c r="B1185" s="51" t="s">
        <v>79</v>
      </c>
      <c r="C1185" s="61">
        <v>374759903</v>
      </c>
      <c r="D1185" s="62">
        <v>20</v>
      </c>
      <c r="E1185" s="51">
        <v>202405</v>
      </c>
      <c r="F1185" s="51" t="s">
        <v>38</v>
      </c>
      <c r="G1185" s="51" t="s">
        <v>97</v>
      </c>
      <c r="H1185" s="51" t="s">
        <v>82</v>
      </c>
      <c r="I1185" s="50">
        <v>4.7</v>
      </c>
    </row>
    <row r="1186" spans="1:9" x14ac:dyDescent="0.35">
      <c r="A1186" s="52" t="s">
        <v>78</v>
      </c>
      <c r="B1186" s="51" t="s">
        <v>79</v>
      </c>
      <c r="C1186" s="61">
        <v>374895877</v>
      </c>
      <c r="D1186" s="62">
        <v>20</v>
      </c>
      <c r="E1186" s="51">
        <v>202405</v>
      </c>
      <c r="F1186" s="51" t="s">
        <v>38</v>
      </c>
      <c r="G1186" s="51" t="s">
        <v>97</v>
      </c>
      <c r="H1186" s="51" t="s">
        <v>82</v>
      </c>
      <c r="I1186" s="50">
        <v>4.7</v>
      </c>
    </row>
    <row r="1187" spans="1:9" x14ac:dyDescent="0.35">
      <c r="A1187" s="52" t="s">
        <v>78</v>
      </c>
      <c r="B1187" s="51" t="s">
        <v>79</v>
      </c>
      <c r="C1187" s="61">
        <v>375000644</v>
      </c>
      <c r="D1187" s="62">
        <v>20</v>
      </c>
      <c r="E1187" s="51">
        <v>202405</v>
      </c>
      <c r="F1187" s="51" t="s">
        <v>38</v>
      </c>
      <c r="G1187" s="51" t="s">
        <v>97</v>
      </c>
      <c r="H1187" s="51" t="s">
        <v>82</v>
      </c>
      <c r="I1187" s="50">
        <v>4.7</v>
      </c>
    </row>
    <row r="1188" spans="1:9" x14ac:dyDescent="0.35">
      <c r="A1188" s="52" t="s">
        <v>78</v>
      </c>
      <c r="B1188" s="51" t="s">
        <v>79</v>
      </c>
      <c r="C1188" s="61">
        <v>375304238</v>
      </c>
      <c r="D1188" s="62">
        <v>20</v>
      </c>
      <c r="E1188" s="51">
        <v>202405</v>
      </c>
      <c r="F1188" s="51" t="s">
        <v>38</v>
      </c>
      <c r="G1188" s="51" t="s">
        <v>97</v>
      </c>
      <c r="H1188" s="51" t="s">
        <v>82</v>
      </c>
      <c r="I1188" s="50">
        <v>4.7</v>
      </c>
    </row>
    <row r="1189" spans="1:9" x14ac:dyDescent="0.35">
      <c r="A1189" s="52" t="s">
        <v>78</v>
      </c>
      <c r="B1189" s="51" t="s">
        <v>79</v>
      </c>
      <c r="C1189" s="61">
        <v>375400292</v>
      </c>
      <c r="D1189" s="62">
        <v>20</v>
      </c>
      <c r="E1189" s="51">
        <v>202405</v>
      </c>
      <c r="F1189" s="51" t="s">
        <v>38</v>
      </c>
      <c r="G1189" s="51" t="s">
        <v>97</v>
      </c>
      <c r="H1189" s="51" t="s">
        <v>82</v>
      </c>
      <c r="I1189" s="50">
        <v>30</v>
      </c>
    </row>
    <row r="1190" spans="1:9" x14ac:dyDescent="0.35">
      <c r="A1190" s="52" t="s">
        <v>78</v>
      </c>
      <c r="B1190" s="51" t="s">
        <v>79</v>
      </c>
      <c r="C1190" s="61">
        <v>375707291</v>
      </c>
      <c r="D1190" s="62">
        <v>20</v>
      </c>
      <c r="E1190" s="51">
        <v>202405</v>
      </c>
      <c r="F1190" s="51" t="s">
        <v>38</v>
      </c>
      <c r="G1190" s="51" t="s">
        <v>97</v>
      </c>
      <c r="H1190" s="51" t="s">
        <v>82</v>
      </c>
      <c r="I1190" s="50">
        <v>4.7</v>
      </c>
    </row>
    <row r="1191" spans="1:9" x14ac:dyDescent="0.35">
      <c r="A1191" s="52" t="s">
        <v>78</v>
      </c>
      <c r="B1191" s="51" t="s">
        <v>79</v>
      </c>
      <c r="C1191" s="61">
        <v>377203164</v>
      </c>
      <c r="D1191" s="62">
        <v>20</v>
      </c>
      <c r="E1191" s="51">
        <v>202405</v>
      </c>
      <c r="F1191" s="51" t="s">
        <v>38</v>
      </c>
      <c r="G1191" s="51" t="s">
        <v>97</v>
      </c>
      <c r="H1191" s="51" t="s">
        <v>82</v>
      </c>
      <c r="I1191" s="50">
        <v>4.7</v>
      </c>
    </row>
    <row r="1192" spans="1:9" x14ac:dyDescent="0.35">
      <c r="A1192" s="52" t="s">
        <v>78</v>
      </c>
      <c r="B1192" s="51" t="s">
        <v>79</v>
      </c>
      <c r="C1192" s="61">
        <v>378305280</v>
      </c>
      <c r="D1192" s="62">
        <v>20</v>
      </c>
      <c r="E1192" s="51">
        <v>202405</v>
      </c>
      <c r="F1192" s="51" t="s">
        <v>38</v>
      </c>
      <c r="G1192" s="51" t="s">
        <v>97</v>
      </c>
      <c r="H1192" s="51" t="s">
        <v>82</v>
      </c>
      <c r="I1192" s="50">
        <v>4.7</v>
      </c>
    </row>
    <row r="1193" spans="1:9" x14ac:dyDescent="0.35">
      <c r="A1193" s="52" t="s">
        <v>78</v>
      </c>
      <c r="B1193" s="51" t="s">
        <v>79</v>
      </c>
      <c r="C1193" s="61">
        <v>379005550</v>
      </c>
      <c r="D1193" s="62">
        <v>20</v>
      </c>
      <c r="E1193" s="51">
        <v>202405</v>
      </c>
      <c r="F1193" s="51" t="s">
        <v>38</v>
      </c>
      <c r="G1193" s="51" t="s">
        <v>97</v>
      </c>
      <c r="H1193" s="51" t="s">
        <v>82</v>
      </c>
      <c r="I1193" s="50">
        <v>4.7</v>
      </c>
    </row>
    <row r="1194" spans="1:9" x14ac:dyDescent="0.35">
      <c r="A1194" s="52" t="s">
        <v>78</v>
      </c>
      <c r="B1194" s="51" t="s">
        <v>79</v>
      </c>
      <c r="C1194" s="61">
        <v>379400827</v>
      </c>
      <c r="D1194" s="62">
        <v>20</v>
      </c>
      <c r="E1194" s="51">
        <v>202405</v>
      </c>
      <c r="F1194" s="51" t="s">
        <v>38</v>
      </c>
      <c r="G1194" s="51" t="s">
        <v>97</v>
      </c>
      <c r="H1194" s="51" t="s">
        <v>82</v>
      </c>
      <c r="I1194" s="50">
        <v>4.7</v>
      </c>
    </row>
    <row r="1195" spans="1:9" x14ac:dyDescent="0.35">
      <c r="A1195" s="52" t="s">
        <v>78</v>
      </c>
      <c r="B1195" s="51" t="s">
        <v>79</v>
      </c>
      <c r="C1195" s="61">
        <v>379594866</v>
      </c>
      <c r="D1195" s="62">
        <v>20</v>
      </c>
      <c r="E1195" s="51">
        <v>202405</v>
      </c>
      <c r="F1195" s="51" t="s">
        <v>38</v>
      </c>
      <c r="G1195" s="51" t="s">
        <v>97</v>
      </c>
      <c r="H1195" s="51" t="s">
        <v>82</v>
      </c>
      <c r="I1195" s="50">
        <v>4.7</v>
      </c>
    </row>
    <row r="1196" spans="1:9" x14ac:dyDescent="0.35">
      <c r="A1196" s="52" t="s">
        <v>78</v>
      </c>
      <c r="B1196" s="51" t="s">
        <v>79</v>
      </c>
      <c r="C1196" s="61">
        <v>380490165</v>
      </c>
      <c r="D1196" s="62">
        <v>20</v>
      </c>
      <c r="E1196" s="51">
        <v>202405</v>
      </c>
      <c r="F1196" s="51" t="s">
        <v>38</v>
      </c>
      <c r="G1196" s="51" t="s">
        <v>97</v>
      </c>
      <c r="H1196" s="51" t="s">
        <v>82</v>
      </c>
      <c r="I1196" s="50">
        <v>4.7</v>
      </c>
    </row>
    <row r="1197" spans="1:9" x14ac:dyDescent="0.35">
      <c r="A1197" s="52" t="s">
        <v>78</v>
      </c>
      <c r="B1197" s="51" t="s">
        <v>79</v>
      </c>
      <c r="C1197" s="61">
        <v>380574006</v>
      </c>
      <c r="D1197" s="62">
        <v>20</v>
      </c>
      <c r="E1197" s="51">
        <v>202405</v>
      </c>
      <c r="F1197" s="51" t="s">
        <v>38</v>
      </c>
      <c r="G1197" s="51" t="s">
        <v>97</v>
      </c>
      <c r="H1197" s="51" t="s">
        <v>82</v>
      </c>
      <c r="I1197" s="50">
        <v>4.7</v>
      </c>
    </row>
    <row r="1198" spans="1:9" x14ac:dyDescent="0.35">
      <c r="A1198" s="52" t="s">
        <v>78</v>
      </c>
      <c r="B1198" s="51" t="s">
        <v>79</v>
      </c>
      <c r="C1198" s="61">
        <v>380600172</v>
      </c>
      <c r="D1198" s="62">
        <v>20</v>
      </c>
      <c r="E1198" s="51">
        <v>202405</v>
      </c>
      <c r="F1198" s="51" t="s">
        <v>38</v>
      </c>
      <c r="G1198" s="51" t="s">
        <v>97</v>
      </c>
      <c r="H1198" s="51" t="s">
        <v>82</v>
      </c>
      <c r="I1198" s="50">
        <v>4.7</v>
      </c>
    </row>
    <row r="1199" spans="1:9" x14ac:dyDescent="0.35">
      <c r="A1199" s="52" t="s">
        <v>78</v>
      </c>
      <c r="B1199" s="51" t="s">
        <v>79</v>
      </c>
      <c r="C1199" s="61">
        <v>380700393</v>
      </c>
      <c r="D1199" s="62">
        <v>20</v>
      </c>
      <c r="E1199" s="51">
        <v>202405</v>
      </c>
      <c r="F1199" s="51" t="s">
        <v>38</v>
      </c>
      <c r="G1199" s="51" t="s">
        <v>97</v>
      </c>
      <c r="H1199" s="51" t="s">
        <v>82</v>
      </c>
      <c r="I1199" s="50">
        <v>4.7</v>
      </c>
    </row>
    <row r="1200" spans="1:9" x14ac:dyDescent="0.35">
      <c r="A1200" s="52" t="s">
        <v>78</v>
      </c>
      <c r="B1200" s="51" t="s">
        <v>79</v>
      </c>
      <c r="C1200" s="61">
        <v>381023691</v>
      </c>
      <c r="D1200" s="62">
        <v>20</v>
      </c>
      <c r="E1200" s="51">
        <v>202405</v>
      </c>
      <c r="F1200" s="51" t="s">
        <v>38</v>
      </c>
      <c r="G1200" s="51" t="s">
        <v>97</v>
      </c>
      <c r="H1200" s="51" t="s">
        <v>82</v>
      </c>
      <c r="I1200" s="50">
        <v>4.7</v>
      </c>
    </row>
    <row r="1201" spans="1:9" x14ac:dyDescent="0.35">
      <c r="A1201" s="52" t="s">
        <v>78</v>
      </c>
      <c r="B1201" s="51" t="s">
        <v>79</v>
      </c>
      <c r="C1201" s="61">
        <v>381734458</v>
      </c>
      <c r="D1201" s="62">
        <v>20</v>
      </c>
      <c r="E1201" s="51">
        <v>202405</v>
      </c>
      <c r="F1201" s="51" t="s">
        <v>38</v>
      </c>
      <c r="G1201" s="51" t="s">
        <v>97</v>
      </c>
      <c r="H1201" s="51" t="s">
        <v>82</v>
      </c>
      <c r="I1201" s="50">
        <v>4.7</v>
      </c>
    </row>
    <row r="1202" spans="1:9" x14ac:dyDescent="0.35">
      <c r="A1202" s="52" t="s">
        <v>78</v>
      </c>
      <c r="B1202" s="51" t="s">
        <v>79</v>
      </c>
      <c r="C1202" s="61">
        <v>381780460</v>
      </c>
      <c r="D1202" s="62">
        <v>20</v>
      </c>
      <c r="E1202" s="51">
        <v>202405</v>
      </c>
      <c r="F1202" s="51" t="s">
        <v>38</v>
      </c>
      <c r="G1202" s="51" t="s">
        <v>97</v>
      </c>
      <c r="H1202" s="51" t="s">
        <v>82</v>
      </c>
      <c r="I1202" s="50">
        <v>4.7</v>
      </c>
    </row>
    <row r="1203" spans="1:9" x14ac:dyDescent="0.35">
      <c r="A1203" s="52" t="s">
        <v>78</v>
      </c>
      <c r="B1203" s="51" t="s">
        <v>79</v>
      </c>
      <c r="C1203" s="61">
        <v>382904828</v>
      </c>
      <c r="D1203" s="62">
        <v>20</v>
      </c>
      <c r="E1203" s="51">
        <v>202405</v>
      </c>
      <c r="F1203" s="51" t="s">
        <v>38</v>
      </c>
      <c r="G1203" s="51" t="s">
        <v>97</v>
      </c>
      <c r="H1203" s="51" t="s">
        <v>82</v>
      </c>
      <c r="I1203" s="50">
        <v>4.7</v>
      </c>
    </row>
    <row r="1204" spans="1:9" x14ac:dyDescent="0.35">
      <c r="A1204" s="52" t="s">
        <v>78</v>
      </c>
      <c r="B1204" s="51" t="s">
        <v>79</v>
      </c>
      <c r="C1204" s="61">
        <v>383101801</v>
      </c>
      <c r="D1204" s="62">
        <v>20</v>
      </c>
      <c r="E1204" s="51">
        <v>202405</v>
      </c>
      <c r="F1204" s="51" t="s">
        <v>38</v>
      </c>
      <c r="G1204" s="51" t="s">
        <v>97</v>
      </c>
      <c r="H1204" s="51" t="s">
        <v>82</v>
      </c>
      <c r="I1204" s="50">
        <v>4.7</v>
      </c>
    </row>
    <row r="1205" spans="1:9" x14ac:dyDescent="0.35">
      <c r="A1205" s="52" t="s">
        <v>78</v>
      </c>
      <c r="B1205" s="51" t="s">
        <v>79</v>
      </c>
      <c r="C1205" s="61">
        <v>383120653</v>
      </c>
      <c r="D1205" s="62">
        <v>20</v>
      </c>
      <c r="E1205" s="51">
        <v>202405</v>
      </c>
      <c r="F1205" s="51" t="s">
        <v>38</v>
      </c>
      <c r="G1205" s="51" t="s">
        <v>97</v>
      </c>
      <c r="H1205" s="51" t="s">
        <v>82</v>
      </c>
      <c r="I1205" s="50">
        <v>4.7</v>
      </c>
    </row>
    <row r="1206" spans="1:9" x14ac:dyDescent="0.35">
      <c r="A1206" s="52" t="s">
        <v>78</v>
      </c>
      <c r="B1206" s="51" t="s">
        <v>79</v>
      </c>
      <c r="C1206" s="61">
        <v>383802083</v>
      </c>
      <c r="D1206" s="62">
        <v>20</v>
      </c>
      <c r="E1206" s="51">
        <v>202405</v>
      </c>
      <c r="F1206" s="51" t="s">
        <v>38</v>
      </c>
      <c r="G1206" s="51" t="s">
        <v>97</v>
      </c>
      <c r="H1206" s="51" t="s">
        <v>82</v>
      </c>
      <c r="I1206" s="50">
        <v>4.7</v>
      </c>
    </row>
    <row r="1207" spans="1:9" x14ac:dyDescent="0.35">
      <c r="A1207" s="52" t="s">
        <v>78</v>
      </c>
      <c r="B1207" s="51" t="s">
        <v>79</v>
      </c>
      <c r="C1207" s="61">
        <v>384284790</v>
      </c>
      <c r="D1207" s="62">
        <v>20</v>
      </c>
      <c r="E1207" s="51">
        <v>202405</v>
      </c>
      <c r="F1207" s="51" t="s">
        <v>38</v>
      </c>
      <c r="G1207" s="51" t="s">
        <v>97</v>
      </c>
      <c r="H1207" s="51" t="s">
        <v>82</v>
      </c>
      <c r="I1207" s="50">
        <v>4.7</v>
      </c>
    </row>
    <row r="1208" spans="1:9" x14ac:dyDescent="0.35">
      <c r="A1208" s="52" t="s">
        <v>78</v>
      </c>
      <c r="B1208" s="51" t="s">
        <v>79</v>
      </c>
      <c r="C1208" s="61">
        <v>384601049</v>
      </c>
      <c r="D1208" s="62">
        <v>20</v>
      </c>
      <c r="E1208" s="51">
        <v>202405</v>
      </c>
      <c r="F1208" s="51" t="s">
        <v>38</v>
      </c>
      <c r="G1208" s="51" t="s">
        <v>97</v>
      </c>
      <c r="H1208" s="51" t="s">
        <v>82</v>
      </c>
      <c r="I1208" s="50">
        <v>4.7</v>
      </c>
    </row>
    <row r="1209" spans="1:9" x14ac:dyDescent="0.35">
      <c r="A1209" s="52" t="s">
        <v>78</v>
      </c>
      <c r="B1209" s="51" t="s">
        <v>79</v>
      </c>
      <c r="C1209" s="61">
        <v>384712939</v>
      </c>
      <c r="D1209" s="62">
        <v>20</v>
      </c>
      <c r="E1209" s="51">
        <v>202405</v>
      </c>
      <c r="F1209" s="51" t="s">
        <v>38</v>
      </c>
      <c r="G1209" s="51" t="s">
        <v>97</v>
      </c>
      <c r="H1209" s="51" t="s">
        <v>82</v>
      </c>
      <c r="I1209" s="50">
        <v>4.7</v>
      </c>
    </row>
    <row r="1210" spans="1:9" x14ac:dyDescent="0.35">
      <c r="A1210" s="52" t="s">
        <v>78</v>
      </c>
      <c r="B1210" s="51" t="s">
        <v>79</v>
      </c>
      <c r="C1210" s="61">
        <v>385190893</v>
      </c>
      <c r="D1210" s="62">
        <v>20</v>
      </c>
      <c r="E1210" s="51">
        <v>202405</v>
      </c>
      <c r="F1210" s="51" t="s">
        <v>38</v>
      </c>
      <c r="G1210" s="51" t="s">
        <v>97</v>
      </c>
      <c r="H1210" s="51" t="s">
        <v>82</v>
      </c>
      <c r="I1210" s="50">
        <v>4.7</v>
      </c>
    </row>
    <row r="1211" spans="1:9" x14ac:dyDescent="0.35">
      <c r="A1211" s="52" t="s">
        <v>78</v>
      </c>
      <c r="B1211" s="51" t="s">
        <v>79</v>
      </c>
      <c r="C1211" s="61">
        <v>385569111</v>
      </c>
      <c r="D1211" s="62">
        <v>20</v>
      </c>
      <c r="E1211" s="51">
        <v>202405</v>
      </c>
      <c r="F1211" s="51" t="s">
        <v>38</v>
      </c>
      <c r="G1211" s="51" t="s">
        <v>97</v>
      </c>
      <c r="H1211" s="51" t="s">
        <v>82</v>
      </c>
      <c r="I1211" s="50">
        <v>4.7</v>
      </c>
    </row>
    <row r="1212" spans="1:9" x14ac:dyDescent="0.35">
      <c r="A1212" s="52" t="s">
        <v>78</v>
      </c>
      <c r="B1212" s="51" t="s">
        <v>79</v>
      </c>
      <c r="C1212" s="61">
        <v>386100239</v>
      </c>
      <c r="D1212" s="62">
        <v>20</v>
      </c>
      <c r="E1212" s="51">
        <v>202405</v>
      </c>
      <c r="F1212" s="51" t="s">
        <v>38</v>
      </c>
      <c r="G1212" s="51" t="s">
        <v>97</v>
      </c>
      <c r="H1212" s="51" t="s">
        <v>82</v>
      </c>
      <c r="I1212" s="50">
        <v>4.7</v>
      </c>
    </row>
    <row r="1213" spans="1:9" x14ac:dyDescent="0.35">
      <c r="A1213" s="52" t="s">
        <v>78</v>
      </c>
      <c r="B1213" s="51" t="s">
        <v>79</v>
      </c>
      <c r="C1213" s="61">
        <v>386191744</v>
      </c>
      <c r="D1213" s="62">
        <v>20</v>
      </c>
      <c r="E1213" s="51">
        <v>202405</v>
      </c>
      <c r="F1213" s="51" t="s">
        <v>38</v>
      </c>
      <c r="G1213" s="51" t="s">
        <v>97</v>
      </c>
      <c r="H1213" s="51" t="s">
        <v>82</v>
      </c>
      <c r="I1213" s="50">
        <v>4.7</v>
      </c>
    </row>
    <row r="1214" spans="1:9" x14ac:dyDescent="0.35">
      <c r="A1214" s="52" t="s">
        <v>78</v>
      </c>
      <c r="B1214" s="51" t="s">
        <v>79</v>
      </c>
      <c r="C1214" s="61">
        <v>386305295</v>
      </c>
      <c r="D1214" s="62">
        <v>20</v>
      </c>
      <c r="E1214" s="51">
        <v>202405</v>
      </c>
      <c r="F1214" s="51" t="s">
        <v>38</v>
      </c>
      <c r="G1214" s="51" t="s">
        <v>97</v>
      </c>
      <c r="H1214" s="51" t="s">
        <v>82</v>
      </c>
      <c r="I1214" s="50">
        <v>4.7</v>
      </c>
    </row>
    <row r="1215" spans="1:9" x14ac:dyDescent="0.35">
      <c r="A1215" s="52" t="s">
        <v>78</v>
      </c>
      <c r="B1215" s="51" t="s">
        <v>79</v>
      </c>
      <c r="C1215" s="61">
        <v>386795415</v>
      </c>
      <c r="D1215" s="62">
        <v>20</v>
      </c>
      <c r="E1215" s="51">
        <v>202405</v>
      </c>
      <c r="F1215" s="51" t="s">
        <v>38</v>
      </c>
      <c r="G1215" s="51" t="s">
        <v>97</v>
      </c>
      <c r="H1215" s="51" t="s">
        <v>82</v>
      </c>
      <c r="I1215" s="50">
        <v>4.7</v>
      </c>
    </row>
    <row r="1216" spans="1:9" x14ac:dyDescent="0.35">
      <c r="A1216" s="52" t="s">
        <v>78</v>
      </c>
      <c r="B1216" s="51" t="s">
        <v>79</v>
      </c>
      <c r="C1216" s="61">
        <v>386805639</v>
      </c>
      <c r="D1216" s="62">
        <v>20</v>
      </c>
      <c r="E1216" s="51">
        <v>202405</v>
      </c>
      <c r="F1216" s="51" t="s">
        <v>38</v>
      </c>
      <c r="G1216" s="51" t="s">
        <v>97</v>
      </c>
      <c r="H1216" s="51" t="s">
        <v>82</v>
      </c>
      <c r="I1216" s="50">
        <v>4.7</v>
      </c>
    </row>
    <row r="1217" spans="1:9" x14ac:dyDescent="0.35">
      <c r="A1217" s="52" t="s">
        <v>78</v>
      </c>
      <c r="B1217" s="51" t="s">
        <v>79</v>
      </c>
      <c r="C1217" s="61">
        <v>386825312</v>
      </c>
      <c r="D1217" s="62">
        <v>20</v>
      </c>
      <c r="E1217" s="51">
        <v>202405</v>
      </c>
      <c r="F1217" s="51" t="s">
        <v>38</v>
      </c>
      <c r="G1217" s="51" t="s">
        <v>97</v>
      </c>
      <c r="H1217" s="51" t="s">
        <v>82</v>
      </c>
      <c r="I1217" s="50">
        <v>4.7</v>
      </c>
    </row>
    <row r="1218" spans="1:9" x14ac:dyDescent="0.35">
      <c r="A1218" s="52" t="s">
        <v>78</v>
      </c>
      <c r="B1218" s="51" t="s">
        <v>79</v>
      </c>
      <c r="C1218" s="61">
        <v>387853159</v>
      </c>
      <c r="D1218" s="62">
        <v>20</v>
      </c>
      <c r="E1218" s="51">
        <v>202405</v>
      </c>
      <c r="F1218" s="51" t="s">
        <v>38</v>
      </c>
      <c r="G1218" s="51" t="s">
        <v>97</v>
      </c>
      <c r="H1218" s="51" t="s">
        <v>82</v>
      </c>
      <c r="I1218" s="50">
        <v>4.7</v>
      </c>
    </row>
    <row r="1219" spans="1:9" x14ac:dyDescent="0.35">
      <c r="A1219" s="52" t="s">
        <v>78</v>
      </c>
      <c r="B1219" s="51" t="s">
        <v>79</v>
      </c>
      <c r="C1219" s="61">
        <v>388005564</v>
      </c>
      <c r="D1219" s="62">
        <v>20</v>
      </c>
      <c r="E1219" s="51">
        <v>202405</v>
      </c>
      <c r="F1219" s="51" t="s">
        <v>38</v>
      </c>
      <c r="G1219" s="51" t="s">
        <v>97</v>
      </c>
      <c r="H1219" s="51" t="s">
        <v>82</v>
      </c>
      <c r="I1219" s="50">
        <v>4.7</v>
      </c>
    </row>
    <row r="1220" spans="1:9" x14ac:dyDescent="0.35">
      <c r="A1220" s="52" t="s">
        <v>78</v>
      </c>
      <c r="B1220" s="51" t="s">
        <v>79</v>
      </c>
      <c r="C1220" s="61">
        <v>388200914</v>
      </c>
      <c r="D1220" s="62">
        <v>20</v>
      </c>
      <c r="E1220" s="51">
        <v>202405</v>
      </c>
      <c r="F1220" s="51" t="s">
        <v>38</v>
      </c>
      <c r="G1220" s="51" t="s">
        <v>97</v>
      </c>
      <c r="H1220" s="51" t="s">
        <v>82</v>
      </c>
      <c r="I1220" s="50">
        <v>4.7</v>
      </c>
    </row>
    <row r="1221" spans="1:9" x14ac:dyDescent="0.35">
      <c r="A1221" s="52" t="s">
        <v>78</v>
      </c>
      <c r="B1221" s="51" t="s">
        <v>79</v>
      </c>
      <c r="C1221" s="61">
        <v>388800811</v>
      </c>
      <c r="D1221" s="62">
        <v>20</v>
      </c>
      <c r="E1221" s="51">
        <v>202405</v>
      </c>
      <c r="F1221" s="51" t="s">
        <v>38</v>
      </c>
      <c r="G1221" s="51" t="s">
        <v>97</v>
      </c>
      <c r="H1221" s="51" t="s">
        <v>82</v>
      </c>
      <c r="I1221" s="50">
        <v>4.7</v>
      </c>
    </row>
    <row r="1222" spans="1:9" x14ac:dyDescent="0.35">
      <c r="A1222" s="52" t="s">
        <v>78</v>
      </c>
      <c r="B1222" s="51" t="s">
        <v>79</v>
      </c>
      <c r="C1222" s="61">
        <v>388869164</v>
      </c>
      <c r="D1222" s="62">
        <v>20</v>
      </c>
      <c r="E1222" s="51">
        <v>202405</v>
      </c>
      <c r="F1222" s="51" t="s">
        <v>38</v>
      </c>
      <c r="G1222" s="51" t="s">
        <v>97</v>
      </c>
      <c r="H1222" s="51" t="s">
        <v>82</v>
      </c>
      <c r="I1222" s="50">
        <v>4.7</v>
      </c>
    </row>
    <row r="1223" spans="1:9" x14ac:dyDescent="0.35">
      <c r="A1223" s="52" t="s">
        <v>78</v>
      </c>
      <c r="B1223" s="51" t="s">
        <v>79</v>
      </c>
      <c r="C1223" s="61">
        <v>389000835</v>
      </c>
      <c r="D1223" s="62">
        <v>20</v>
      </c>
      <c r="E1223" s="51">
        <v>202405</v>
      </c>
      <c r="F1223" s="51" t="s">
        <v>38</v>
      </c>
      <c r="G1223" s="51" t="s">
        <v>97</v>
      </c>
      <c r="H1223" s="51" t="s">
        <v>82</v>
      </c>
      <c r="I1223" s="50">
        <v>4.7</v>
      </c>
    </row>
    <row r="1224" spans="1:9" x14ac:dyDescent="0.35">
      <c r="A1224" s="52" t="s">
        <v>78</v>
      </c>
      <c r="B1224" s="51" t="s">
        <v>79</v>
      </c>
      <c r="C1224" s="61">
        <v>389461973</v>
      </c>
      <c r="D1224" s="62">
        <v>20</v>
      </c>
      <c r="E1224" s="51">
        <v>202405</v>
      </c>
      <c r="F1224" s="51" t="s">
        <v>38</v>
      </c>
      <c r="G1224" s="51" t="s">
        <v>97</v>
      </c>
      <c r="H1224" s="51" t="s">
        <v>82</v>
      </c>
      <c r="I1224" s="50">
        <v>4.7</v>
      </c>
    </row>
    <row r="1225" spans="1:9" x14ac:dyDescent="0.35">
      <c r="A1225" s="52" t="s">
        <v>78</v>
      </c>
      <c r="B1225" s="51" t="s">
        <v>79</v>
      </c>
      <c r="C1225" s="61">
        <v>389845062</v>
      </c>
      <c r="D1225" s="62">
        <v>20</v>
      </c>
      <c r="E1225" s="51">
        <v>202405</v>
      </c>
      <c r="F1225" s="51" t="s">
        <v>38</v>
      </c>
      <c r="G1225" s="51" t="s">
        <v>97</v>
      </c>
      <c r="H1225" s="51" t="s">
        <v>82</v>
      </c>
      <c r="I1225" s="50">
        <v>30</v>
      </c>
    </row>
    <row r="1226" spans="1:9" x14ac:dyDescent="0.35">
      <c r="A1226" s="52" t="s">
        <v>78</v>
      </c>
      <c r="B1226" s="51" t="s">
        <v>79</v>
      </c>
      <c r="C1226" s="61">
        <v>390131611</v>
      </c>
      <c r="D1226" s="62">
        <v>20</v>
      </c>
      <c r="E1226" s="51">
        <v>202405</v>
      </c>
      <c r="F1226" s="51" t="s">
        <v>38</v>
      </c>
      <c r="G1226" s="51" t="s">
        <v>97</v>
      </c>
      <c r="H1226" s="51" t="s">
        <v>82</v>
      </c>
      <c r="I1226" s="50">
        <v>4.7</v>
      </c>
    </row>
    <row r="1227" spans="1:9" x14ac:dyDescent="0.35">
      <c r="A1227" s="52" t="s">
        <v>78</v>
      </c>
      <c r="B1227" s="51" t="s">
        <v>79</v>
      </c>
      <c r="C1227" s="61">
        <v>390612416</v>
      </c>
      <c r="D1227" s="62">
        <v>20</v>
      </c>
      <c r="E1227" s="51">
        <v>202405</v>
      </c>
      <c r="F1227" s="51" t="s">
        <v>38</v>
      </c>
      <c r="G1227" s="51" t="s">
        <v>97</v>
      </c>
      <c r="H1227" s="51" t="s">
        <v>82</v>
      </c>
      <c r="I1227" s="50">
        <v>30</v>
      </c>
    </row>
    <row r="1228" spans="1:9" x14ac:dyDescent="0.35">
      <c r="A1228" s="52" t="s">
        <v>78</v>
      </c>
      <c r="B1228" s="51" t="s">
        <v>79</v>
      </c>
      <c r="C1228" s="61">
        <v>390700826</v>
      </c>
      <c r="D1228" s="62">
        <v>20</v>
      </c>
      <c r="E1228" s="51">
        <v>202405</v>
      </c>
      <c r="F1228" s="51" t="s">
        <v>38</v>
      </c>
      <c r="G1228" s="51" t="s">
        <v>97</v>
      </c>
      <c r="H1228" s="51" t="s">
        <v>82</v>
      </c>
      <c r="I1228" s="50">
        <v>4.7</v>
      </c>
    </row>
    <row r="1229" spans="1:9" x14ac:dyDescent="0.35">
      <c r="A1229" s="52" t="s">
        <v>78</v>
      </c>
      <c r="B1229" s="51" t="s">
        <v>79</v>
      </c>
      <c r="C1229" s="61">
        <v>390700842</v>
      </c>
      <c r="D1229" s="62">
        <v>20</v>
      </c>
      <c r="E1229" s="51">
        <v>202405</v>
      </c>
      <c r="F1229" s="51" t="s">
        <v>38</v>
      </c>
      <c r="G1229" s="51" t="s">
        <v>97</v>
      </c>
      <c r="H1229" s="51" t="s">
        <v>82</v>
      </c>
      <c r="I1229" s="50">
        <v>4.7</v>
      </c>
    </row>
    <row r="1230" spans="1:9" x14ac:dyDescent="0.35">
      <c r="A1230" s="52" t="s">
        <v>78</v>
      </c>
      <c r="B1230" s="51" t="s">
        <v>79</v>
      </c>
      <c r="C1230" s="61">
        <v>392102640</v>
      </c>
      <c r="D1230" s="62">
        <v>20</v>
      </c>
      <c r="E1230" s="51">
        <v>202405</v>
      </c>
      <c r="F1230" s="51" t="s">
        <v>38</v>
      </c>
      <c r="G1230" s="51" t="s">
        <v>97</v>
      </c>
      <c r="H1230" s="51" t="s">
        <v>82</v>
      </c>
      <c r="I1230" s="50">
        <v>30</v>
      </c>
    </row>
    <row r="1231" spans="1:9" x14ac:dyDescent="0.35">
      <c r="A1231" s="52" t="s">
        <v>78</v>
      </c>
      <c r="B1231" s="51" t="s">
        <v>79</v>
      </c>
      <c r="C1231" s="61">
        <v>392500834</v>
      </c>
      <c r="D1231" s="62">
        <v>20</v>
      </c>
      <c r="E1231" s="51">
        <v>202405</v>
      </c>
      <c r="F1231" s="51" t="s">
        <v>38</v>
      </c>
      <c r="G1231" s="51" t="s">
        <v>97</v>
      </c>
      <c r="H1231" s="51" t="s">
        <v>82</v>
      </c>
      <c r="I1231" s="50">
        <v>4.7</v>
      </c>
    </row>
    <row r="1232" spans="1:9" x14ac:dyDescent="0.35">
      <c r="A1232" s="52" t="s">
        <v>78</v>
      </c>
      <c r="B1232" s="51" t="s">
        <v>79</v>
      </c>
      <c r="C1232" s="61">
        <v>393495741</v>
      </c>
      <c r="D1232" s="62">
        <v>20</v>
      </c>
      <c r="E1232" s="51">
        <v>202405</v>
      </c>
      <c r="F1232" s="51" t="s">
        <v>38</v>
      </c>
      <c r="G1232" s="51" t="s">
        <v>97</v>
      </c>
      <c r="H1232" s="51" t="s">
        <v>82</v>
      </c>
      <c r="I1232" s="50">
        <v>4.7</v>
      </c>
    </row>
    <row r="1233" spans="1:9" x14ac:dyDescent="0.35">
      <c r="A1233" s="52" t="s">
        <v>78</v>
      </c>
      <c r="B1233" s="51" t="s">
        <v>79</v>
      </c>
      <c r="C1233" s="61">
        <v>393825731</v>
      </c>
      <c r="D1233" s="62">
        <v>20</v>
      </c>
      <c r="E1233" s="51">
        <v>202405</v>
      </c>
      <c r="F1233" s="51" t="s">
        <v>38</v>
      </c>
      <c r="G1233" s="51" t="s">
        <v>97</v>
      </c>
      <c r="H1233" s="51" t="s">
        <v>82</v>
      </c>
      <c r="I1233" s="50">
        <v>4.7</v>
      </c>
    </row>
    <row r="1234" spans="1:9" x14ac:dyDescent="0.35">
      <c r="A1234" s="52" t="s">
        <v>78</v>
      </c>
      <c r="B1234" s="51" t="s">
        <v>79</v>
      </c>
      <c r="C1234" s="61">
        <v>394000136</v>
      </c>
      <c r="D1234" s="62">
        <v>20</v>
      </c>
      <c r="E1234" s="51">
        <v>202405</v>
      </c>
      <c r="F1234" s="51" t="s">
        <v>38</v>
      </c>
      <c r="G1234" s="51" t="s">
        <v>97</v>
      </c>
      <c r="H1234" s="51" t="s">
        <v>82</v>
      </c>
      <c r="I1234" s="50">
        <v>4.7</v>
      </c>
    </row>
    <row r="1235" spans="1:9" x14ac:dyDescent="0.35">
      <c r="A1235" s="52" t="s">
        <v>78</v>
      </c>
      <c r="B1235" s="51" t="s">
        <v>79</v>
      </c>
      <c r="C1235" s="61">
        <v>394169142</v>
      </c>
      <c r="D1235" s="62">
        <v>20</v>
      </c>
      <c r="E1235" s="51">
        <v>202405</v>
      </c>
      <c r="F1235" s="51" t="s">
        <v>38</v>
      </c>
      <c r="G1235" s="51" t="s">
        <v>97</v>
      </c>
      <c r="H1235" s="51" t="s">
        <v>82</v>
      </c>
      <c r="I1235" s="50">
        <v>4.7</v>
      </c>
    </row>
    <row r="1236" spans="1:9" x14ac:dyDescent="0.35">
      <c r="A1236" s="52" t="s">
        <v>78</v>
      </c>
      <c r="B1236" s="51" t="s">
        <v>79</v>
      </c>
      <c r="C1236" s="61">
        <v>394800413</v>
      </c>
      <c r="D1236" s="62">
        <v>20</v>
      </c>
      <c r="E1236" s="51">
        <v>202405</v>
      </c>
      <c r="F1236" s="51" t="s">
        <v>38</v>
      </c>
      <c r="G1236" s="51" t="s">
        <v>97</v>
      </c>
      <c r="H1236" s="51" t="s">
        <v>82</v>
      </c>
      <c r="I1236" s="50">
        <v>30</v>
      </c>
    </row>
    <row r="1237" spans="1:9" x14ac:dyDescent="0.35">
      <c r="A1237" s="52" t="s">
        <v>78</v>
      </c>
      <c r="B1237" s="51" t="s">
        <v>79</v>
      </c>
      <c r="C1237" s="61">
        <v>395108520</v>
      </c>
      <c r="D1237" s="62">
        <v>20</v>
      </c>
      <c r="E1237" s="51">
        <v>202405</v>
      </c>
      <c r="F1237" s="51" t="s">
        <v>38</v>
      </c>
      <c r="G1237" s="51" t="s">
        <v>97</v>
      </c>
      <c r="H1237" s="51" t="s">
        <v>82</v>
      </c>
      <c r="I1237" s="50">
        <v>4.7</v>
      </c>
    </row>
    <row r="1238" spans="1:9" x14ac:dyDescent="0.35">
      <c r="A1238" s="52" t="s">
        <v>78</v>
      </c>
      <c r="B1238" s="51" t="s">
        <v>79</v>
      </c>
      <c r="C1238" s="61">
        <v>395402020</v>
      </c>
      <c r="D1238" s="62">
        <v>20</v>
      </c>
      <c r="E1238" s="51">
        <v>202405</v>
      </c>
      <c r="F1238" s="51" t="s">
        <v>38</v>
      </c>
      <c r="G1238" s="51" t="s">
        <v>97</v>
      </c>
      <c r="H1238" s="51" t="s">
        <v>82</v>
      </c>
      <c r="I1238" s="50">
        <v>4.7</v>
      </c>
    </row>
    <row r="1239" spans="1:9" x14ac:dyDescent="0.35">
      <c r="A1239" s="52" t="s">
        <v>78</v>
      </c>
      <c r="B1239" s="51" t="s">
        <v>79</v>
      </c>
      <c r="C1239" s="61">
        <v>395705103</v>
      </c>
      <c r="D1239" s="62">
        <v>20</v>
      </c>
      <c r="E1239" s="51">
        <v>202405</v>
      </c>
      <c r="F1239" s="51" t="s">
        <v>38</v>
      </c>
      <c r="G1239" s="51" t="s">
        <v>97</v>
      </c>
      <c r="H1239" s="51" t="s">
        <v>82</v>
      </c>
      <c r="I1239" s="50">
        <v>30</v>
      </c>
    </row>
    <row r="1240" spans="1:9" x14ac:dyDescent="0.35">
      <c r="A1240" s="52" t="s">
        <v>78</v>
      </c>
      <c r="B1240" s="51" t="s">
        <v>79</v>
      </c>
      <c r="C1240" s="61">
        <v>396204129</v>
      </c>
      <c r="D1240" s="62">
        <v>20</v>
      </c>
      <c r="E1240" s="51">
        <v>202405</v>
      </c>
      <c r="F1240" s="51" t="s">
        <v>38</v>
      </c>
      <c r="G1240" s="51" t="s">
        <v>97</v>
      </c>
      <c r="H1240" s="51" t="s">
        <v>82</v>
      </c>
      <c r="I1240" s="50">
        <v>4.7</v>
      </c>
    </row>
    <row r="1241" spans="1:9" x14ac:dyDescent="0.35">
      <c r="A1241" s="52" t="s">
        <v>78</v>
      </c>
      <c r="B1241" s="51" t="s">
        <v>79</v>
      </c>
      <c r="C1241" s="61">
        <v>396231402</v>
      </c>
      <c r="D1241" s="62">
        <v>20</v>
      </c>
      <c r="E1241" s="51">
        <v>202405</v>
      </c>
      <c r="F1241" s="51" t="s">
        <v>38</v>
      </c>
      <c r="G1241" s="51" t="s">
        <v>97</v>
      </c>
      <c r="H1241" s="51" t="s">
        <v>82</v>
      </c>
      <c r="I1241" s="50">
        <v>30</v>
      </c>
    </row>
    <row r="1242" spans="1:9" x14ac:dyDescent="0.35">
      <c r="A1242" s="52" t="s">
        <v>78</v>
      </c>
      <c r="B1242" s="51" t="s">
        <v>79</v>
      </c>
      <c r="C1242" s="61">
        <v>396303664</v>
      </c>
      <c r="D1242" s="62">
        <v>20</v>
      </c>
      <c r="E1242" s="51">
        <v>202405</v>
      </c>
      <c r="F1242" s="51" t="s">
        <v>38</v>
      </c>
      <c r="G1242" s="51" t="s">
        <v>97</v>
      </c>
      <c r="H1242" s="51" t="s">
        <v>82</v>
      </c>
      <c r="I1242" s="50">
        <v>4.7</v>
      </c>
    </row>
    <row r="1243" spans="1:9" x14ac:dyDescent="0.35">
      <c r="A1243" s="52" t="s">
        <v>78</v>
      </c>
      <c r="B1243" s="51" t="s">
        <v>79</v>
      </c>
      <c r="C1243" s="61">
        <v>396500939</v>
      </c>
      <c r="D1243" s="62">
        <v>20</v>
      </c>
      <c r="E1243" s="51">
        <v>202405</v>
      </c>
      <c r="F1243" s="51" t="s">
        <v>38</v>
      </c>
      <c r="G1243" s="51" t="s">
        <v>97</v>
      </c>
      <c r="H1243" s="51" t="s">
        <v>82</v>
      </c>
      <c r="I1243" s="50">
        <v>30</v>
      </c>
    </row>
    <row r="1244" spans="1:9" x14ac:dyDescent="0.35">
      <c r="A1244" s="52" t="s">
        <v>78</v>
      </c>
      <c r="B1244" s="51" t="s">
        <v>79</v>
      </c>
      <c r="C1244" s="61">
        <v>397801116</v>
      </c>
      <c r="D1244" s="62">
        <v>20</v>
      </c>
      <c r="E1244" s="51">
        <v>202405</v>
      </c>
      <c r="F1244" s="51" t="s">
        <v>38</v>
      </c>
      <c r="G1244" s="51" t="s">
        <v>97</v>
      </c>
      <c r="H1244" s="51" t="s">
        <v>82</v>
      </c>
      <c r="I1244" s="50">
        <v>4.7</v>
      </c>
    </row>
    <row r="1245" spans="1:9" x14ac:dyDescent="0.35">
      <c r="A1245" s="52" t="s">
        <v>78</v>
      </c>
      <c r="B1245" s="51" t="s">
        <v>79</v>
      </c>
      <c r="C1245" s="61">
        <v>397944739</v>
      </c>
      <c r="D1245" s="62">
        <v>20</v>
      </c>
      <c r="E1245" s="51">
        <v>202405</v>
      </c>
      <c r="F1245" s="51" t="s">
        <v>38</v>
      </c>
      <c r="G1245" s="51" t="s">
        <v>97</v>
      </c>
      <c r="H1245" s="51" t="s">
        <v>82</v>
      </c>
      <c r="I1245" s="50">
        <v>4.7</v>
      </c>
    </row>
    <row r="1246" spans="1:9" x14ac:dyDescent="0.35">
      <c r="A1246" s="52" t="s">
        <v>78</v>
      </c>
      <c r="B1246" s="51" t="s">
        <v>79</v>
      </c>
      <c r="C1246" s="61">
        <v>398799850</v>
      </c>
      <c r="D1246" s="62">
        <v>20</v>
      </c>
      <c r="E1246" s="51">
        <v>202405</v>
      </c>
      <c r="F1246" s="51" t="s">
        <v>38</v>
      </c>
      <c r="G1246" s="51" t="s">
        <v>97</v>
      </c>
      <c r="H1246" s="51" t="s">
        <v>82</v>
      </c>
      <c r="I1246" s="50">
        <v>4.7</v>
      </c>
    </row>
    <row r="1247" spans="1:9" x14ac:dyDescent="0.35">
      <c r="A1247" s="52" t="s">
        <v>78</v>
      </c>
      <c r="B1247" s="51" t="s">
        <v>79</v>
      </c>
      <c r="C1247" s="61">
        <v>301571501</v>
      </c>
      <c r="D1247" s="62">
        <v>211</v>
      </c>
      <c r="E1247" s="51">
        <v>202405</v>
      </c>
      <c r="F1247" s="51" t="s">
        <v>38</v>
      </c>
      <c r="G1247" s="51" t="s">
        <v>97</v>
      </c>
      <c r="H1247" s="51" t="s">
        <v>82</v>
      </c>
      <c r="I1247" s="50">
        <v>4.7</v>
      </c>
    </row>
    <row r="1248" spans="1:9" x14ac:dyDescent="0.35">
      <c r="A1248" s="52" t="s">
        <v>78</v>
      </c>
      <c r="B1248" s="51" t="s">
        <v>79</v>
      </c>
      <c r="C1248" s="61">
        <v>302205195</v>
      </c>
      <c r="D1248" s="62">
        <v>211</v>
      </c>
      <c r="E1248" s="51">
        <v>202405</v>
      </c>
      <c r="F1248" s="51" t="s">
        <v>38</v>
      </c>
      <c r="G1248" s="51" t="s">
        <v>97</v>
      </c>
      <c r="H1248" s="51" t="s">
        <v>82</v>
      </c>
      <c r="I1248" s="50">
        <v>30</v>
      </c>
    </row>
    <row r="1249" spans="1:9" x14ac:dyDescent="0.35">
      <c r="A1249" s="52" t="s">
        <v>78</v>
      </c>
      <c r="B1249" s="51" t="s">
        <v>79</v>
      </c>
      <c r="C1249" s="61">
        <v>304110890</v>
      </c>
      <c r="D1249" s="62">
        <v>211</v>
      </c>
      <c r="E1249" s="51">
        <v>202405</v>
      </c>
      <c r="F1249" s="51" t="s">
        <v>38</v>
      </c>
      <c r="G1249" s="51" t="s">
        <v>97</v>
      </c>
      <c r="H1249" s="51" t="s">
        <v>82</v>
      </c>
      <c r="I1249" s="50">
        <v>4.7</v>
      </c>
    </row>
    <row r="1250" spans="1:9" x14ac:dyDescent="0.35">
      <c r="A1250" s="52" t="s">
        <v>78</v>
      </c>
      <c r="B1250" s="51" t="s">
        <v>79</v>
      </c>
      <c r="C1250" s="61">
        <v>309500859</v>
      </c>
      <c r="D1250" s="62">
        <v>211</v>
      </c>
      <c r="E1250" s="51">
        <v>202405</v>
      </c>
      <c r="F1250" s="51" t="s">
        <v>38</v>
      </c>
      <c r="G1250" s="51" t="s">
        <v>97</v>
      </c>
      <c r="H1250" s="51" t="s">
        <v>82</v>
      </c>
      <c r="I1250" s="50">
        <v>4.7</v>
      </c>
    </row>
    <row r="1251" spans="1:9" x14ac:dyDescent="0.35">
      <c r="A1251" s="52" t="s">
        <v>78</v>
      </c>
      <c r="B1251" s="51" t="s">
        <v>79</v>
      </c>
      <c r="C1251" s="61">
        <v>310302363</v>
      </c>
      <c r="D1251" s="62">
        <v>211</v>
      </c>
      <c r="E1251" s="51">
        <v>202405</v>
      </c>
      <c r="F1251" s="51" t="s">
        <v>38</v>
      </c>
      <c r="G1251" s="51" t="s">
        <v>97</v>
      </c>
      <c r="H1251" s="51" t="s">
        <v>82</v>
      </c>
      <c r="I1251" s="50">
        <v>4.7</v>
      </c>
    </row>
    <row r="1252" spans="1:9" x14ac:dyDescent="0.35">
      <c r="A1252" s="52" t="s">
        <v>78</v>
      </c>
      <c r="B1252" s="51" t="s">
        <v>79</v>
      </c>
      <c r="C1252" s="61">
        <v>331804742</v>
      </c>
      <c r="D1252" s="62">
        <v>211</v>
      </c>
      <c r="E1252" s="51">
        <v>202405</v>
      </c>
      <c r="F1252" s="51" t="s">
        <v>38</v>
      </c>
      <c r="G1252" s="51" t="s">
        <v>97</v>
      </c>
      <c r="H1252" s="51" t="s">
        <v>82</v>
      </c>
      <c r="I1252" s="50">
        <v>4.7</v>
      </c>
    </row>
    <row r="1253" spans="1:9" x14ac:dyDescent="0.35">
      <c r="A1253" s="52" t="s">
        <v>78</v>
      </c>
      <c r="B1253" s="51" t="s">
        <v>79</v>
      </c>
      <c r="C1253" s="61">
        <v>336690050</v>
      </c>
      <c r="D1253" s="62">
        <v>211</v>
      </c>
      <c r="E1253" s="51">
        <v>202405</v>
      </c>
      <c r="F1253" s="51" t="s">
        <v>38</v>
      </c>
      <c r="G1253" s="51" t="s">
        <v>97</v>
      </c>
      <c r="H1253" s="51" t="s">
        <v>82</v>
      </c>
      <c r="I1253" s="50">
        <v>4.7</v>
      </c>
    </row>
    <row r="1254" spans="1:9" x14ac:dyDescent="0.35">
      <c r="A1254" s="52" t="s">
        <v>78</v>
      </c>
      <c r="B1254" s="51" t="s">
        <v>79</v>
      </c>
      <c r="C1254" s="61">
        <v>345300506</v>
      </c>
      <c r="D1254" s="62">
        <v>211</v>
      </c>
      <c r="E1254" s="51">
        <v>202405</v>
      </c>
      <c r="F1254" s="51" t="s">
        <v>38</v>
      </c>
      <c r="G1254" s="51" t="s">
        <v>97</v>
      </c>
      <c r="H1254" s="51" t="s">
        <v>82</v>
      </c>
      <c r="I1254" s="50">
        <v>95</v>
      </c>
    </row>
    <row r="1255" spans="1:9" x14ac:dyDescent="0.35">
      <c r="A1255" s="52" t="s">
        <v>78</v>
      </c>
      <c r="B1255" s="51" t="s">
        <v>79</v>
      </c>
      <c r="C1255" s="61">
        <v>355289760</v>
      </c>
      <c r="D1255" s="62">
        <v>211</v>
      </c>
      <c r="E1255" s="51">
        <v>202405</v>
      </c>
      <c r="F1255" s="51" t="s">
        <v>38</v>
      </c>
      <c r="G1255" s="51" t="s">
        <v>97</v>
      </c>
      <c r="H1255" s="51" t="s">
        <v>82</v>
      </c>
      <c r="I1255" s="50">
        <v>4.7</v>
      </c>
    </row>
    <row r="1256" spans="1:9" x14ac:dyDescent="0.35">
      <c r="A1256" s="52" t="s">
        <v>78</v>
      </c>
      <c r="B1256" s="51" t="s">
        <v>79</v>
      </c>
      <c r="C1256" s="61">
        <v>359739900</v>
      </c>
      <c r="D1256" s="62">
        <v>211</v>
      </c>
      <c r="E1256" s="51">
        <v>202405</v>
      </c>
      <c r="F1256" s="51" t="s">
        <v>38</v>
      </c>
      <c r="G1256" s="51" t="s">
        <v>97</v>
      </c>
      <c r="H1256" s="51" t="s">
        <v>82</v>
      </c>
      <c r="I1256" s="50">
        <v>4.7</v>
      </c>
    </row>
    <row r="1257" spans="1:9" x14ac:dyDescent="0.35">
      <c r="A1257" s="52" t="s">
        <v>78</v>
      </c>
      <c r="B1257" s="51" t="s">
        <v>79</v>
      </c>
      <c r="C1257" s="61">
        <v>363900143</v>
      </c>
      <c r="D1257" s="62">
        <v>211</v>
      </c>
      <c r="E1257" s="51">
        <v>202405</v>
      </c>
      <c r="F1257" s="51" t="s">
        <v>38</v>
      </c>
      <c r="G1257" s="51" t="s">
        <v>97</v>
      </c>
      <c r="H1257" s="51" t="s">
        <v>82</v>
      </c>
      <c r="I1257" s="50">
        <v>4.7</v>
      </c>
    </row>
    <row r="1258" spans="1:9" x14ac:dyDescent="0.35">
      <c r="A1258" s="52" t="s">
        <v>78</v>
      </c>
      <c r="B1258" s="51" t="s">
        <v>79</v>
      </c>
      <c r="C1258" s="61">
        <v>365900850</v>
      </c>
      <c r="D1258" s="62">
        <v>211</v>
      </c>
      <c r="E1258" s="51">
        <v>202405</v>
      </c>
      <c r="F1258" s="51" t="s">
        <v>38</v>
      </c>
      <c r="G1258" s="51" t="s">
        <v>97</v>
      </c>
      <c r="H1258" s="51" t="s">
        <v>82</v>
      </c>
      <c r="I1258" s="50">
        <v>4.7</v>
      </c>
    </row>
    <row r="1259" spans="1:9" x14ac:dyDescent="0.35">
      <c r="A1259" s="52" t="s">
        <v>78</v>
      </c>
      <c r="B1259" s="51" t="s">
        <v>79</v>
      </c>
      <c r="C1259" s="61">
        <v>374202554</v>
      </c>
      <c r="D1259" s="62">
        <v>211</v>
      </c>
      <c r="E1259" s="51">
        <v>202405</v>
      </c>
      <c r="F1259" s="51" t="s">
        <v>38</v>
      </c>
      <c r="G1259" s="51" t="s">
        <v>97</v>
      </c>
      <c r="H1259" s="51" t="s">
        <v>82</v>
      </c>
      <c r="I1259" s="50">
        <v>4.7</v>
      </c>
    </row>
    <row r="1260" spans="1:9" x14ac:dyDescent="0.35">
      <c r="A1260" s="52" t="s">
        <v>78</v>
      </c>
      <c r="B1260" s="51" t="s">
        <v>79</v>
      </c>
      <c r="C1260" s="61">
        <v>375573784</v>
      </c>
      <c r="D1260" s="62">
        <v>211</v>
      </c>
      <c r="E1260" s="51">
        <v>202405</v>
      </c>
      <c r="F1260" s="51" t="s">
        <v>38</v>
      </c>
      <c r="G1260" s="51" t="s">
        <v>97</v>
      </c>
      <c r="H1260" s="51" t="s">
        <v>82</v>
      </c>
      <c r="I1260" s="50">
        <v>4.7</v>
      </c>
    </row>
    <row r="1261" spans="1:9" x14ac:dyDescent="0.35">
      <c r="A1261" s="52" t="s">
        <v>78</v>
      </c>
      <c r="B1261" s="51" t="s">
        <v>79</v>
      </c>
      <c r="C1261" s="61">
        <v>380804624</v>
      </c>
      <c r="D1261" s="62">
        <v>211</v>
      </c>
      <c r="E1261" s="51">
        <v>202405</v>
      </c>
      <c r="F1261" s="51" t="s">
        <v>38</v>
      </c>
      <c r="G1261" s="51" t="s">
        <v>97</v>
      </c>
      <c r="H1261" s="51" t="s">
        <v>82</v>
      </c>
      <c r="I1261" s="50">
        <v>4.7</v>
      </c>
    </row>
    <row r="1262" spans="1:9" x14ac:dyDescent="0.35">
      <c r="A1262" s="52" t="s">
        <v>78</v>
      </c>
      <c r="B1262" s="51" t="s">
        <v>79</v>
      </c>
      <c r="C1262" s="61">
        <v>381901323</v>
      </c>
      <c r="D1262" s="62">
        <v>211</v>
      </c>
      <c r="E1262" s="51">
        <v>202405</v>
      </c>
      <c r="F1262" s="51" t="s">
        <v>38</v>
      </c>
      <c r="G1262" s="51" t="s">
        <v>97</v>
      </c>
      <c r="H1262" s="51" t="s">
        <v>82</v>
      </c>
      <c r="I1262" s="50">
        <v>4.7</v>
      </c>
    </row>
    <row r="1263" spans="1:9" x14ac:dyDescent="0.35">
      <c r="A1263" s="52" t="s">
        <v>78</v>
      </c>
      <c r="B1263" s="51" t="s">
        <v>79</v>
      </c>
      <c r="C1263" s="61">
        <v>389084230</v>
      </c>
      <c r="D1263" s="62">
        <v>211</v>
      </c>
      <c r="E1263" s="51">
        <v>202405</v>
      </c>
      <c r="F1263" s="51" t="s">
        <v>38</v>
      </c>
      <c r="G1263" s="51" t="s">
        <v>97</v>
      </c>
      <c r="H1263" s="51" t="s">
        <v>82</v>
      </c>
      <c r="I1263" s="50">
        <v>4.7</v>
      </c>
    </row>
    <row r="1264" spans="1:9" x14ac:dyDescent="0.35">
      <c r="A1264" s="52" t="s">
        <v>78</v>
      </c>
      <c r="B1264" s="51" t="s">
        <v>79</v>
      </c>
      <c r="C1264" s="61">
        <v>392802937</v>
      </c>
      <c r="D1264" s="62">
        <v>211</v>
      </c>
      <c r="E1264" s="51">
        <v>202405</v>
      </c>
      <c r="F1264" s="51" t="s">
        <v>38</v>
      </c>
      <c r="G1264" s="51" t="s">
        <v>97</v>
      </c>
      <c r="H1264" s="51" t="s">
        <v>82</v>
      </c>
      <c r="I1264" s="50">
        <v>4.7</v>
      </c>
    </row>
    <row r="1265" spans="1:9" x14ac:dyDescent="0.35">
      <c r="A1265" s="52" t="s">
        <v>78</v>
      </c>
      <c r="B1265" s="51" t="s">
        <v>79</v>
      </c>
      <c r="C1265" s="61">
        <v>393904775</v>
      </c>
      <c r="D1265" s="62">
        <v>211</v>
      </c>
      <c r="E1265" s="51">
        <v>202405</v>
      </c>
      <c r="F1265" s="51" t="s">
        <v>38</v>
      </c>
      <c r="G1265" s="51" t="s">
        <v>97</v>
      </c>
      <c r="H1265" s="51" t="s">
        <v>82</v>
      </c>
      <c r="I1265" s="50">
        <v>4.7</v>
      </c>
    </row>
    <row r="1266" spans="1:9" x14ac:dyDescent="0.35">
      <c r="A1266" s="52" t="s">
        <v>78</v>
      </c>
      <c r="B1266" s="51" t="s">
        <v>79</v>
      </c>
      <c r="C1266" s="61">
        <v>397100224</v>
      </c>
      <c r="D1266" s="62">
        <v>211</v>
      </c>
      <c r="E1266" s="51">
        <v>202405</v>
      </c>
      <c r="F1266" s="51" t="s">
        <v>38</v>
      </c>
      <c r="G1266" s="51" t="s">
        <v>97</v>
      </c>
      <c r="H1266" s="51" t="s">
        <v>82</v>
      </c>
      <c r="I1266" s="50">
        <v>4.7</v>
      </c>
    </row>
    <row r="1267" spans="1:9" x14ac:dyDescent="0.35">
      <c r="A1267" s="52" t="s">
        <v>78</v>
      </c>
      <c r="B1267" s="51" t="s">
        <v>79</v>
      </c>
      <c r="C1267" s="61">
        <v>311870040</v>
      </c>
      <c r="D1267" s="62">
        <v>212</v>
      </c>
      <c r="E1267" s="51">
        <v>202405</v>
      </c>
      <c r="F1267" s="51" t="s">
        <v>38</v>
      </c>
      <c r="G1267" s="51" t="s">
        <v>97</v>
      </c>
      <c r="H1267" s="51" t="s">
        <v>82</v>
      </c>
      <c r="I1267" s="50">
        <v>4.7</v>
      </c>
    </row>
    <row r="1268" spans="1:9" x14ac:dyDescent="0.35">
      <c r="A1268" s="52" t="s">
        <v>78</v>
      </c>
      <c r="B1268" s="51" t="s">
        <v>79</v>
      </c>
      <c r="C1268" s="61">
        <v>326438910</v>
      </c>
      <c r="D1268" s="62">
        <v>212</v>
      </c>
      <c r="E1268" s="51">
        <v>202405</v>
      </c>
      <c r="F1268" s="51" t="s">
        <v>38</v>
      </c>
      <c r="G1268" s="51" t="s">
        <v>97</v>
      </c>
      <c r="H1268" s="51" t="s">
        <v>82</v>
      </c>
      <c r="I1268" s="50">
        <v>30</v>
      </c>
    </row>
    <row r="1269" spans="1:9" x14ac:dyDescent="0.35">
      <c r="A1269" s="52" t="s">
        <v>78</v>
      </c>
      <c r="B1269" s="51" t="s">
        <v>79</v>
      </c>
      <c r="C1269" s="61">
        <v>378100130</v>
      </c>
      <c r="D1269" s="62">
        <v>212</v>
      </c>
      <c r="E1269" s="51">
        <v>202405</v>
      </c>
      <c r="F1269" s="51" t="s">
        <v>38</v>
      </c>
      <c r="G1269" s="51" t="s">
        <v>97</v>
      </c>
      <c r="H1269" s="51" t="s">
        <v>82</v>
      </c>
      <c r="I1269" s="50">
        <v>4.7</v>
      </c>
    </row>
    <row r="1270" spans="1:9" x14ac:dyDescent="0.35">
      <c r="A1270" s="52" t="s">
        <v>78</v>
      </c>
      <c r="B1270" s="51" t="s">
        <v>79</v>
      </c>
      <c r="C1270" s="61">
        <v>382900771</v>
      </c>
      <c r="D1270" s="62">
        <v>212</v>
      </c>
      <c r="E1270" s="51">
        <v>202405</v>
      </c>
      <c r="F1270" s="51" t="s">
        <v>38</v>
      </c>
      <c r="G1270" s="51" t="s">
        <v>97</v>
      </c>
      <c r="H1270" s="51" t="s">
        <v>82</v>
      </c>
      <c r="I1270" s="50">
        <v>4.7</v>
      </c>
    </row>
    <row r="1271" spans="1:9" x14ac:dyDescent="0.35">
      <c r="A1271" s="52" t="s">
        <v>78</v>
      </c>
      <c r="B1271" s="51" t="s">
        <v>79</v>
      </c>
      <c r="C1271" s="61">
        <v>302402250</v>
      </c>
      <c r="D1271" s="62">
        <v>10</v>
      </c>
      <c r="E1271" s="51">
        <v>202406</v>
      </c>
      <c r="F1271" s="51" t="s">
        <v>38</v>
      </c>
      <c r="G1271" s="51" t="s">
        <v>97</v>
      </c>
      <c r="H1271" s="51" t="s">
        <v>82</v>
      </c>
      <c r="I1271" s="50">
        <v>4.7</v>
      </c>
    </row>
    <row r="1272" spans="1:9" x14ac:dyDescent="0.35">
      <c r="A1272" s="52" t="s">
        <v>78</v>
      </c>
      <c r="B1272" s="51" t="s">
        <v>79</v>
      </c>
      <c r="C1272" s="61">
        <v>305958410</v>
      </c>
      <c r="D1272" s="62">
        <v>10</v>
      </c>
      <c r="E1272" s="51">
        <v>202406</v>
      </c>
      <c r="F1272" s="51" t="s">
        <v>38</v>
      </c>
      <c r="G1272" s="51" t="s">
        <v>97</v>
      </c>
      <c r="H1272" s="51" t="s">
        <v>82</v>
      </c>
      <c r="I1272" s="50">
        <v>4.7</v>
      </c>
    </row>
    <row r="1273" spans="1:9" x14ac:dyDescent="0.35">
      <c r="A1273" s="52" t="s">
        <v>78</v>
      </c>
      <c r="B1273" s="51" t="s">
        <v>79</v>
      </c>
      <c r="C1273" s="61">
        <v>306530334</v>
      </c>
      <c r="D1273" s="62">
        <v>10</v>
      </c>
      <c r="E1273" s="51">
        <v>202406</v>
      </c>
      <c r="F1273" s="51" t="s">
        <v>38</v>
      </c>
      <c r="G1273" s="51" t="s">
        <v>97</v>
      </c>
      <c r="H1273" s="51" t="s">
        <v>82</v>
      </c>
      <c r="I1273" s="50">
        <v>4.7</v>
      </c>
    </row>
    <row r="1274" spans="1:9" x14ac:dyDescent="0.35">
      <c r="A1274" s="52" t="s">
        <v>78</v>
      </c>
      <c r="B1274" s="51" t="s">
        <v>79</v>
      </c>
      <c r="C1274" s="61">
        <v>308903370</v>
      </c>
      <c r="D1274" s="62">
        <v>10</v>
      </c>
      <c r="E1274" s="51">
        <v>202406</v>
      </c>
      <c r="F1274" s="51" t="s">
        <v>38</v>
      </c>
      <c r="G1274" s="51" t="s">
        <v>97</v>
      </c>
      <c r="H1274" s="51" t="s">
        <v>82</v>
      </c>
      <c r="I1274" s="50">
        <v>4.7</v>
      </c>
    </row>
    <row r="1275" spans="1:9" x14ac:dyDescent="0.35">
      <c r="A1275" s="52" t="s">
        <v>78</v>
      </c>
      <c r="B1275" s="51" t="s">
        <v>79</v>
      </c>
      <c r="C1275" s="61">
        <v>311202060</v>
      </c>
      <c r="D1275" s="62">
        <v>10</v>
      </c>
      <c r="E1275" s="51">
        <v>202406</v>
      </c>
      <c r="F1275" s="51" t="s">
        <v>38</v>
      </c>
      <c r="G1275" s="51" t="s">
        <v>97</v>
      </c>
      <c r="H1275" s="51" t="s">
        <v>82</v>
      </c>
      <c r="I1275" s="50">
        <v>4.7</v>
      </c>
    </row>
    <row r="1276" spans="1:9" x14ac:dyDescent="0.35">
      <c r="A1276" s="52" t="s">
        <v>78</v>
      </c>
      <c r="B1276" s="51" t="s">
        <v>79</v>
      </c>
      <c r="C1276" s="61">
        <v>313904215</v>
      </c>
      <c r="D1276" s="62">
        <v>10</v>
      </c>
      <c r="E1276" s="51">
        <v>202406</v>
      </c>
      <c r="F1276" s="51" t="s">
        <v>38</v>
      </c>
      <c r="G1276" s="51" t="s">
        <v>97</v>
      </c>
      <c r="H1276" s="51" t="s">
        <v>82</v>
      </c>
      <c r="I1276" s="50">
        <v>4.7</v>
      </c>
    </row>
    <row r="1277" spans="1:9" x14ac:dyDescent="0.35">
      <c r="A1277" s="52" t="s">
        <v>78</v>
      </c>
      <c r="B1277" s="51" t="s">
        <v>79</v>
      </c>
      <c r="C1277" s="61">
        <v>320401391</v>
      </c>
      <c r="D1277" s="62">
        <v>10</v>
      </c>
      <c r="E1277" s="51">
        <v>202406</v>
      </c>
      <c r="F1277" s="51" t="s">
        <v>38</v>
      </c>
      <c r="G1277" s="51" t="s">
        <v>97</v>
      </c>
      <c r="H1277" s="51" t="s">
        <v>82</v>
      </c>
      <c r="I1277" s="50">
        <v>4.7</v>
      </c>
    </row>
    <row r="1278" spans="1:9" x14ac:dyDescent="0.35">
      <c r="A1278" s="52" t="s">
        <v>78</v>
      </c>
      <c r="B1278" s="51" t="s">
        <v>79</v>
      </c>
      <c r="C1278" s="61">
        <v>325202427</v>
      </c>
      <c r="D1278" s="62">
        <v>10</v>
      </c>
      <c r="E1278" s="51">
        <v>202406</v>
      </c>
      <c r="F1278" s="51" t="s">
        <v>38</v>
      </c>
      <c r="G1278" s="51" t="s">
        <v>97</v>
      </c>
      <c r="H1278" s="51" t="s">
        <v>82</v>
      </c>
      <c r="I1278" s="50">
        <v>95</v>
      </c>
    </row>
    <row r="1279" spans="1:9" x14ac:dyDescent="0.35">
      <c r="A1279" s="52" t="s">
        <v>78</v>
      </c>
      <c r="B1279" s="51" t="s">
        <v>79</v>
      </c>
      <c r="C1279" s="61">
        <v>325903442</v>
      </c>
      <c r="D1279" s="62">
        <v>10</v>
      </c>
      <c r="E1279" s="51">
        <v>202406</v>
      </c>
      <c r="F1279" s="51" t="s">
        <v>38</v>
      </c>
      <c r="G1279" s="51" t="s">
        <v>97</v>
      </c>
      <c r="H1279" s="51" t="s">
        <v>82</v>
      </c>
      <c r="I1279" s="50">
        <v>30</v>
      </c>
    </row>
    <row r="1280" spans="1:9" x14ac:dyDescent="0.35">
      <c r="A1280" s="52" t="s">
        <v>78</v>
      </c>
      <c r="B1280" s="51" t="s">
        <v>79</v>
      </c>
      <c r="C1280" s="61">
        <v>327405240</v>
      </c>
      <c r="D1280" s="62">
        <v>10</v>
      </c>
      <c r="E1280" s="51">
        <v>202406</v>
      </c>
      <c r="F1280" s="51" t="s">
        <v>38</v>
      </c>
      <c r="G1280" s="51" t="s">
        <v>97</v>
      </c>
      <c r="H1280" s="51" t="s">
        <v>82</v>
      </c>
      <c r="I1280" s="50">
        <v>4.7</v>
      </c>
    </row>
    <row r="1281" spans="1:9" x14ac:dyDescent="0.35">
      <c r="A1281" s="52" t="s">
        <v>78</v>
      </c>
      <c r="B1281" s="51" t="s">
        <v>79</v>
      </c>
      <c r="C1281" s="61">
        <v>327604082</v>
      </c>
      <c r="D1281" s="62">
        <v>10</v>
      </c>
      <c r="E1281" s="51">
        <v>202406</v>
      </c>
      <c r="F1281" s="51" t="s">
        <v>38</v>
      </c>
      <c r="G1281" s="51" t="s">
        <v>97</v>
      </c>
      <c r="H1281" s="51" t="s">
        <v>82</v>
      </c>
      <c r="I1281" s="50">
        <v>4.7</v>
      </c>
    </row>
    <row r="1282" spans="1:9" x14ac:dyDescent="0.35">
      <c r="A1282" s="52" t="s">
        <v>78</v>
      </c>
      <c r="B1282" s="51" t="s">
        <v>79</v>
      </c>
      <c r="C1282" s="61">
        <v>329731990</v>
      </c>
      <c r="D1282" s="62">
        <v>10</v>
      </c>
      <c r="E1282" s="51">
        <v>202406</v>
      </c>
      <c r="F1282" s="51" t="s">
        <v>38</v>
      </c>
      <c r="G1282" s="51" t="s">
        <v>97</v>
      </c>
      <c r="H1282" s="51" t="s">
        <v>82</v>
      </c>
      <c r="I1282" s="50">
        <v>4.7</v>
      </c>
    </row>
    <row r="1283" spans="1:9" x14ac:dyDescent="0.35">
      <c r="A1283" s="52" t="s">
        <v>78</v>
      </c>
      <c r="B1283" s="51" t="s">
        <v>79</v>
      </c>
      <c r="C1283" s="61">
        <v>332202446</v>
      </c>
      <c r="D1283" s="62">
        <v>10</v>
      </c>
      <c r="E1283" s="51">
        <v>202406</v>
      </c>
      <c r="F1283" s="51" t="s">
        <v>38</v>
      </c>
      <c r="G1283" s="51" t="s">
        <v>97</v>
      </c>
      <c r="H1283" s="51" t="s">
        <v>82</v>
      </c>
      <c r="I1283" s="50">
        <v>4.7</v>
      </c>
    </row>
    <row r="1284" spans="1:9" x14ac:dyDescent="0.35">
      <c r="A1284" s="52" t="s">
        <v>78</v>
      </c>
      <c r="B1284" s="51" t="s">
        <v>79</v>
      </c>
      <c r="C1284" s="61">
        <v>334502394</v>
      </c>
      <c r="D1284" s="62">
        <v>10</v>
      </c>
      <c r="E1284" s="51">
        <v>202406</v>
      </c>
      <c r="F1284" s="51" t="s">
        <v>38</v>
      </c>
      <c r="G1284" s="51" t="s">
        <v>97</v>
      </c>
      <c r="H1284" s="51" t="s">
        <v>82</v>
      </c>
      <c r="I1284" s="50">
        <v>4.7</v>
      </c>
    </row>
    <row r="1285" spans="1:9" x14ac:dyDescent="0.35">
      <c r="A1285" s="52" t="s">
        <v>78</v>
      </c>
      <c r="B1285" s="51" t="s">
        <v>79</v>
      </c>
      <c r="C1285" s="61">
        <v>334843804</v>
      </c>
      <c r="D1285" s="62">
        <v>10</v>
      </c>
      <c r="E1285" s="51">
        <v>202406</v>
      </c>
      <c r="F1285" s="51" t="s">
        <v>38</v>
      </c>
      <c r="G1285" s="51" t="s">
        <v>97</v>
      </c>
      <c r="H1285" s="51" t="s">
        <v>82</v>
      </c>
      <c r="I1285" s="50">
        <v>4.7</v>
      </c>
    </row>
    <row r="1286" spans="1:9" x14ac:dyDescent="0.35">
      <c r="A1286" s="52" t="s">
        <v>78</v>
      </c>
      <c r="B1286" s="51" t="s">
        <v>79</v>
      </c>
      <c r="C1286" s="61">
        <v>338000851</v>
      </c>
      <c r="D1286" s="62">
        <v>10</v>
      </c>
      <c r="E1286" s="51">
        <v>202406</v>
      </c>
      <c r="F1286" s="51" t="s">
        <v>38</v>
      </c>
      <c r="G1286" s="51" t="s">
        <v>97</v>
      </c>
      <c r="H1286" s="51" t="s">
        <v>82</v>
      </c>
      <c r="I1286" s="50">
        <v>4.7</v>
      </c>
    </row>
    <row r="1287" spans="1:9" x14ac:dyDescent="0.35">
      <c r="A1287" s="52" t="s">
        <v>78</v>
      </c>
      <c r="B1287" s="51" t="s">
        <v>79</v>
      </c>
      <c r="C1287" s="61">
        <v>338202435</v>
      </c>
      <c r="D1287" s="62">
        <v>10</v>
      </c>
      <c r="E1287" s="51">
        <v>202406</v>
      </c>
      <c r="F1287" s="51" t="s">
        <v>38</v>
      </c>
      <c r="G1287" s="51" t="s">
        <v>97</v>
      </c>
      <c r="H1287" s="51" t="s">
        <v>82</v>
      </c>
      <c r="I1287" s="50">
        <v>4.7</v>
      </c>
    </row>
    <row r="1288" spans="1:9" x14ac:dyDescent="0.35">
      <c r="A1288" s="52" t="s">
        <v>78</v>
      </c>
      <c r="B1288" s="51" t="s">
        <v>79</v>
      </c>
      <c r="C1288" s="61">
        <v>338501643</v>
      </c>
      <c r="D1288" s="62">
        <v>10</v>
      </c>
      <c r="E1288" s="51">
        <v>202406</v>
      </c>
      <c r="F1288" s="51" t="s">
        <v>38</v>
      </c>
      <c r="G1288" s="51" t="s">
        <v>97</v>
      </c>
      <c r="H1288" s="51" t="s">
        <v>82</v>
      </c>
      <c r="I1288" s="50">
        <v>4.7</v>
      </c>
    </row>
    <row r="1289" spans="1:9" x14ac:dyDescent="0.35">
      <c r="A1289" s="52" t="s">
        <v>78</v>
      </c>
      <c r="B1289" s="51" t="s">
        <v>79</v>
      </c>
      <c r="C1289" s="61">
        <v>338604035</v>
      </c>
      <c r="D1289" s="62">
        <v>10</v>
      </c>
      <c r="E1289" s="51">
        <v>202406</v>
      </c>
      <c r="F1289" s="51" t="s">
        <v>38</v>
      </c>
      <c r="G1289" s="51" t="s">
        <v>97</v>
      </c>
      <c r="H1289" s="51" t="s">
        <v>82</v>
      </c>
      <c r="I1289" s="50">
        <v>4.7</v>
      </c>
    </row>
    <row r="1290" spans="1:9" x14ac:dyDescent="0.35">
      <c r="A1290" s="52" t="s">
        <v>78</v>
      </c>
      <c r="B1290" s="51" t="s">
        <v>79</v>
      </c>
      <c r="C1290" s="61">
        <v>343203194</v>
      </c>
      <c r="D1290" s="62">
        <v>10</v>
      </c>
      <c r="E1290" s="51">
        <v>202406</v>
      </c>
      <c r="F1290" s="51" t="s">
        <v>38</v>
      </c>
      <c r="G1290" s="51" t="s">
        <v>97</v>
      </c>
      <c r="H1290" s="51" t="s">
        <v>82</v>
      </c>
      <c r="I1290" s="50">
        <v>30</v>
      </c>
    </row>
    <row r="1291" spans="1:9" x14ac:dyDescent="0.35">
      <c r="A1291" s="52" t="s">
        <v>78</v>
      </c>
      <c r="B1291" s="51" t="s">
        <v>79</v>
      </c>
      <c r="C1291" s="61">
        <v>344003254</v>
      </c>
      <c r="D1291" s="62">
        <v>10</v>
      </c>
      <c r="E1291" s="51">
        <v>202406</v>
      </c>
      <c r="F1291" s="51" t="s">
        <v>38</v>
      </c>
      <c r="G1291" s="51" t="s">
        <v>97</v>
      </c>
      <c r="H1291" s="51" t="s">
        <v>82</v>
      </c>
      <c r="I1291" s="50">
        <v>4.7</v>
      </c>
    </row>
    <row r="1292" spans="1:9" x14ac:dyDescent="0.35">
      <c r="A1292" s="52" t="s">
        <v>78</v>
      </c>
      <c r="B1292" s="51" t="s">
        <v>79</v>
      </c>
      <c r="C1292" s="61">
        <v>346604194</v>
      </c>
      <c r="D1292" s="62">
        <v>10</v>
      </c>
      <c r="E1292" s="51">
        <v>202406</v>
      </c>
      <c r="F1292" s="51" t="s">
        <v>38</v>
      </c>
      <c r="G1292" s="51" t="s">
        <v>97</v>
      </c>
      <c r="H1292" s="51" t="s">
        <v>82</v>
      </c>
      <c r="I1292" s="50">
        <v>4.7</v>
      </c>
    </row>
    <row r="1293" spans="1:9" x14ac:dyDescent="0.35">
      <c r="A1293" s="52" t="s">
        <v>78</v>
      </c>
      <c r="B1293" s="51" t="s">
        <v>79</v>
      </c>
      <c r="C1293" s="61">
        <v>352003831</v>
      </c>
      <c r="D1293" s="62">
        <v>10</v>
      </c>
      <c r="E1293" s="51">
        <v>202406</v>
      </c>
      <c r="F1293" s="51" t="s">
        <v>38</v>
      </c>
      <c r="G1293" s="51" t="s">
        <v>97</v>
      </c>
      <c r="H1293" s="51" t="s">
        <v>82</v>
      </c>
      <c r="I1293" s="50">
        <v>4.7</v>
      </c>
    </row>
    <row r="1294" spans="1:9" x14ac:dyDescent="0.35">
      <c r="A1294" s="52" t="s">
        <v>78</v>
      </c>
      <c r="B1294" s="51" t="s">
        <v>79</v>
      </c>
      <c r="C1294" s="61">
        <v>352105473</v>
      </c>
      <c r="D1294" s="62">
        <v>10</v>
      </c>
      <c r="E1294" s="51">
        <v>202406</v>
      </c>
      <c r="F1294" s="51" t="s">
        <v>38</v>
      </c>
      <c r="G1294" s="51" t="s">
        <v>97</v>
      </c>
      <c r="H1294" s="51" t="s">
        <v>82</v>
      </c>
      <c r="I1294" s="50">
        <v>4.7</v>
      </c>
    </row>
    <row r="1295" spans="1:9" x14ac:dyDescent="0.35">
      <c r="A1295" s="52" t="s">
        <v>78</v>
      </c>
      <c r="B1295" s="51" t="s">
        <v>79</v>
      </c>
      <c r="C1295" s="61">
        <v>354702940</v>
      </c>
      <c r="D1295" s="62">
        <v>10</v>
      </c>
      <c r="E1295" s="51">
        <v>202406</v>
      </c>
      <c r="F1295" s="51" t="s">
        <v>38</v>
      </c>
      <c r="G1295" s="51" t="s">
        <v>97</v>
      </c>
      <c r="H1295" s="51" t="s">
        <v>82</v>
      </c>
      <c r="I1295" s="50">
        <v>4.7</v>
      </c>
    </row>
    <row r="1296" spans="1:9" x14ac:dyDescent="0.35">
      <c r="A1296" s="52" t="s">
        <v>78</v>
      </c>
      <c r="B1296" s="51" t="s">
        <v>79</v>
      </c>
      <c r="C1296" s="61">
        <v>364002171</v>
      </c>
      <c r="D1296" s="62">
        <v>10</v>
      </c>
      <c r="E1296" s="51">
        <v>202406</v>
      </c>
      <c r="F1296" s="51" t="s">
        <v>38</v>
      </c>
      <c r="G1296" s="51" t="s">
        <v>97</v>
      </c>
      <c r="H1296" s="51" t="s">
        <v>82</v>
      </c>
      <c r="I1296" s="50">
        <v>4.7</v>
      </c>
    </row>
    <row r="1297" spans="1:9" x14ac:dyDescent="0.35">
      <c r="A1297" s="52" t="s">
        <v>78</v>
      </c>
      <c r="B1297" s="51" t="s">
        <v>79</v>
      </c>
      <c r="C1297" s="61">
        <v>365601097</v>
      </c>
      <c r="D1297" s="62">
        <v>10</v>
      </c>
      <c r="E1297" s="51">
        <v>202406</v>
      </c>
      <c r="F1297" s="51" t="s">
        <v>38</v>
      </c>
      <c r="G1297" s="51" t="s">
        <v>97</v>
      </c>
      <c r="H1297" s="51" t="s">
        <v>82</v>
      </c>
      <c r="I1297" s="50">
        <v>4.7</v>
      </c>
    </row>
    <row r="1298" spans="1:9" x14ac:dyDescent="0.35">
      <c r="A1298" s="52" t="s">
        <v>78</v>
      </c>
      <c r="B1298" s="51" t="s">
        <v>79</v>
      </c>
      <c r="C1298" s="61">
        <v>368205483</v>
      </c>
      <c r="D1298" s="62">
        <v>10</v>
      </c>
      <c r="E1298" s="51">
        <v>202406</v>
      </c>
      <c r="F1298" s="51" t="s">
        <v>38</v>
      </c>
      <c r="G1298" s="51" t="s">
        <v>97</v>
      </c>
      <c r="H1298" s="51" t="s">
        <v>82</v>
      </c>
      <c r="I1298" s="50">
        <v>4.7</v>
      </c>
    </row>
    <row r="1299" spans="1:9" x14ac:dyDescent="0.35">
      <c r="A1299" s="52" t="s">
        <v>78</v>
      </c>
      <c r="B1299" s="51" t="s">
        <v>79</v>
      </c>
      <c r="C1299" s="61">
        <v>369803385</v>
      </c>
      <c r="D1299" s="62">
        <v>10</v>
      </c>
      <c r="E1299" s="51">
        <v>202406</v>
      </c>
      <c r="F1299" s="51" t="s">
        <v>38</v>
      </c>
      <c r="G1299" s="51" t="s">
        <v>97</v>
      </c>
      <c r="H1299" s="51" t="s">
        <v>82</v>
      </c>
      <c r="I1299" s="50">
        <v>4.7</v>
      </c>
    </row>
    <row r="1300" spans="1:9" x14ac:dyDescent="0.35">
      <c r="A1300" s="52" t="s">
        <v>78</v>
      </c>
      <c r="B1300" s="51" t="s">
        <v>79</v>
      </c>
      <c r="C1300" s="61">
        <v>371201737</v>
      </c>
      <c r="D1300" s="62">
        <v>10</v>
      </c>
      <c r="E1300" s="51">
        <v>202406</v>
      </c>
      <c r="F1300" s="51" t="s">
        <v>38</v>
      </c>
      <c r="G1300" s="51" t="s">
        <v>97</v>
      </c>
      <c r="H1300" s="51" t="s">
        <v>82</v>
      </c>
      <c r="I1300" s="50">
        <v>4.7</v>
      </c>
    </row>
    <row r="1301" spans="1:9" x14ac:dyDescent="0.35">
      <c r="A1301" s="52" t="s">
        <v>78</v>
      </c>
      <c r="B1301" s="51" t="s">
        <v>79</v>
      </c>
      <c r="C1301" s="61">
        <v>373063602</v>
      </c>
      <c r="D1301" s="62">
        <v>10</v>
      </c>
      <c r="E1301" s="51">
        <v>202406</v>
      </c>
      <c r="F1301" s="51" t="s">
        <v>38</v>
      </c>
      <c r="G1301" s="51" t="s">
        <v>97</v>
      </c>
      <c r="H1301" s="51" t="s">
        <v>82</v>
      </c>
      <c r="I1301" s="50">
        <v>4.7</v>
      </c>
    </row>
    <row r="1302" spans="1:9" x14ac:dyDescent="0.35">
      <c r="A1302" s="52" t="s">
        <v>78</v>
      </c>
      <c r="B1302" s="51" t="s">
        <v>79</v>
      </c>
      <c r="C1302" s="61">
        <v>373202423</v>
      </c>
      <c r="D1302" s="62">
        <v>10</v>
      </c>
      <c r="E1302" s="51">
        <v>202406</v>
      </c>
      <c r="F1302" s="51" t="s">
        <v>38</v>
      </c>
      <c r="G1302" s="51" t="s">
        <v>97</v>
      </c>
      <c r="H1302" s="51" t="s">
        <v>82</v>
      </c>
      <c r="I1302" s="50">
        <v>4.7</v>
      </c>
    </row>
    <row r="1303" spans="1:9" x14ac:dyDescent="0.35">
      <c r="A1303" s="52" t="s">
        <v>78</v>
      </c>
      <c r="B1303" s="51" t="s">
        <v>79</v>
      </c>
      <c r="C1303" s="61">
        <v>373502161</v>
      </c>
      <c r="D1303" s="62">
        <v>10</v>
      </c>
      <c r="E1303" s="51">
        <v>202406</v>
      </c>
      <c r="F1303" s="51" t="s">
        <v>38</v>
      </c>
      <c r="G1303" s="51" t="s">
        <v>97</v>
      </c>
      <c r="H1303" s="51" t="s">
        <v>82</v>
      </c>
      <c r="I1303" s="50">
        <v>4.7</v>
      </c>
    </row>
    <row r="1304" spans="1:9" x14ac:dyDescent="0.35">
      <c r="A1304" s="52" t="s">
        <v>78</v>
      </c>
      <c r="B1304" s="51" t="s">
        <v>79</v>
      </c>
      <c r="C1304" s="61">
        <v>373684457</v>
      </c>
      <c r="D1304" s="62">
        <v>10</v>
      </c>
      <c r="E1304" s="51">
        <v>202406</v>
      </c>
      <c r="F1304" s="51" t="s">
        <v>38</v>
      </c>
      <c r="G1304" s="51" t="s">
        <v>97</v>
      </c>
      <c r="H1304" s="51" t="s">
        <v>82</v>
      </c>
      <c r="I1304" s="50">
        <v>4.7</v>
      </c>
    </row>
    <row r="1305" spans="1:9" x14ac:dyDescent="0.35">
      <c r="A1305" s="52" t="s">
        <v>78</v>
      </c>
      <c r="B1305" s="51" t="s">
        <v>79</v>
      </c>
      <c r="C1305" s="61">
        <v>374091522</v>
      </c>
      <c r="D1305" s="62">
        <v>10</v>
      </c>
      <c r="E1305" s="51">
        <v>202406</v>
      </c>
      <c r="F1305" s="51" t="s">
        <v>38</v>
      </c>
      <c r="G1305" s="51" t="s">
        <v>97</v>
      </c>
      <c r="H1305" s="51" t="s">
        <v>82</v>
      </c>
      <c r="I1305" s="50">
        <v>4.7</v>
      </c>
    </row>
    <row r="1306" spans="1:9" x14ac:dyDescent="0.35">
      <c r="A1306" s="52" t="s">
        <v>78</v>
      </c>
      <c r="B1306" s="51" t="s">
        <v>79</v>
      </c>
      <c r="C1306" s="61">
        <v>378104221</v>
      </c>
      <c r="D1306" s="62">
        <v>10</v>
      </c>
      <c r="E1306" s="51">
        <v>202406</v>
      </c>
      <c r="F1306" s="51" t="s">
        <v>38</v>
      </c>
      <c r="G1306" s="51" t="s">
        <v>97</v>
      </c>
      <c r="H1306" s="51" t="s">
        <v>82</v>
      </c>
      <c r="I1306" s="50">
        <v>4.7</v>
      </c>
    </row>
    <row r="1307" spans="1:9" x14ac:dyDescent="0.35">
      <c r="A1307" s="52" t="s">
        <v>78</v>
      </c>
      <c r="B1307" s="51" t="s">
        <v>79</v>
      </c>
      <c r="C1307" s="61">
        <v>378105384</v>
      </c>
      <c r="D1307" s="62">
        <v>10</v>
      </c>
      <c r="E1307" s="51">
        <v>202406</v>
      </c>
      <c r="F1307" s="51" t="s">
        <v>38</v>
      </c>
      <c r="G1307" s="51" t="s">
        <v>97</v>
      </c>
      <c r="H1307" s="51" t="s">
        <v>82</v>
      </c>
      <c r="I1307" s="50">
        <v>4.7</v>
      </c>
    </row>
    <row r="1308" spans="1:9" x14ac:dyDescent="0.35">
      <c r="A1308" s="52" t="s">
        <v>78</v>
      </c>
      <c r="B1308" s="51" t="s">
        <v>79</v>
      </c>
      <c r="C1308" s="61">
        <v>396629724</v>
      </c>
      <c r="D1308" s="62">
        <v>10</v>
      </c>
      <c r="E1308" s="51">
        <v>202406</v>
      </c>
      <c r="F1308" s="51" t="s">
        <v>38</v>
      </c>
      <c r="G1308" s="51" t="s">
        <v>97</v>
      </c>
      <c r="H1308" s="51" t="s">
        <v>82</v>
      </c>
      <c r="I1308" s="50">
        <v>4.7</v>
      </c>
    </row>
    <row r="1309" spans="1:9" x14ac:dyDescent="0.35">
      <c r="A1309" s="52" t="s">
        <v>78</v>
      </c>
      <c r="B1309" s="51" t="s">
        <v>79</v>
      </c>
      <c r="C1309" s="61">
        <v>399981868</v>
      </c>
      <c r="D1309" s="62">
        <v>10</v>
      </c>
      <c r="E1309" s="51">
        <v>202406</v>
      </c>
      <c r="F1309" s="51" t="s">
        <v>38</v>
      </c>
      <c r="G1309" s="51" t="s">
        <v>97</v>
      </c>
      <c r="H1309" s="51" t="s">
        <v>82</v>
      </c>
      <c r="I1309" s="50">
        <v>4.7</v>
      </c>
    </row>
    <row r="1310" spans="1:9" x14ac:dyDescent="0.35">
      <c r="A1310" s="52" t="s">
        <v>78</v>
      </c>
      <c r="B1310" s="51" t="s">
        <v>79</v>
      </c>
      <c r="C1310" s="61">
        <v>300704598</v>
      </c>
      <c r="D1310" s="62">
        <v>20</v>
      </c>
      <c r="E1310" s="51">
        <v>202406</v>
      </c>
      <c r="F1310" s="51" t="s">
        <v>38</v>
      </c>
      <c r="G1310" s="51" t="s">
        <v>97</v>
      </c>
      <c r="H1310" s="51" t="s">
        <v>82</v>
      </c>
      <c r="I1310" s="50">
        <v>4.7</v>
      </c>
    </row>
    <row r="1311" spans="1:9" x14ac:dyDescent="0.35">
      <c r="A1311" s="52" t="s">
        <v>78</v>
      </c>
      <c r="B1311" s="51" t="s">
        <v>79</v>
      </c>
      <c r="C1311" s="61">
        <v>301754363</v>
      </c>
      <c r="D1311" s="62">
        <v>20</v>
      </c>
      <c r="E1311" s="51">
        <v>202406</v>
      </c>
      <c r="F1311" s="51" t="s">
        <v>38</v>
      </c>
      <c r="G1311" s="51" t="s">
        <v>97</v>
      </c>
      <c r="H1311" s="51" t="s">
        <v>82</v>
      </c>
      <c r="I1311" s="50">
        <v>4.7</v>
      </c>
    </row>
    <row r="1312" spans="1:9" x14ac:dyDescent="0.35">
      <c r="A1312" s="52" t="s">
        <v>78</v>
      </c>
      <c r="B1312" s="51" t="s">
        <v>79</v>
      </c>
      <c r="C1312" s="61">
        <v>303103710</v>
      </c>
      <c r="D1312" s="62">
        <v>20</v>
      </c>
      <c r="E1312" s="51">
        <v>202406</v>
      </c>
      <c r="F1312" s="51" t="s">
        <v>38</v>
      </c>
      <c r="G1312" s="51" t="s">
        <v>97</v>
      </c>
      <c r="H1312" s="51" t="s">
        <v>82</v>
      </c>
      <c r="I1312" s="50">
        <v>4.7</v>
      </c>
    </row>
    <row r="1313" spans="1:9" x14ac:dyDescent="0.35">
      <c r="A1313" s="52" t="s">
        <v>78</v>
      </c>
      <c r="B1313" s="51" t="s">
        <v>79</v>
      </c>
      <c r="C1313" s="61">
        <v>304874879</v>
      </c>
      <c r="D1313" s="62">
        <v>20</v>
      </c>
      <c r="E1313" s="51">
        <v>202406</v>
      </c>
      <c r="F1313" s="51" t="s">
        <v>38</v>
      </c>
      <c r="G1313" s="51" t="s">
        <v>97</v>
      </c>
      <c r="H1313" s="51" t="s">
        <v>82</v>
      </c>
      <c r="I1313" s="50">
        <v>4.7</v>
      </c>
    </row>
    <row r="1314" spans="1:9" x14ac:dyDescent="0.35">
      <c r="A1314" s="52" t="s">
        <v>78</v>
      </c>
      <c r="B1314" s="51" t="s">
        <v>79</v>
      </c>
      <c r="C1314" s="61">
        <v>304889172</v>
      </c>
      <c r="D1314" s="62">
        <v>20</v>
      </c>
      <c r="E1314" s="51">
        <v>202406</v>
      </c>
      <c r="F1314" s="51" t="s">
        <v>38</v>
      </c>
      <c r="G1314" s="51" t="s">
        <v>97</v>
      </c>
      <c r="H1314" s="51" t="s">
        <v>82</v>
      </c>
      <c r="I1314" s="50">
        <v>4.7</v>
      </c>
    </row>
    <row r="1315" spans="1:9" x14ac:dyDescent="0.35">
      <c r="A1315" s="52" t="s">
        <v>78</v>
      </c>
      <c r="B1315" s="51" t="s">
        <v>79</v>
      </c>
      <c r="C1315" s="61">
        <v>305596096</v>
      </c>
      <c r="D1315" s="62">
        <v>20</v>
      </c>
      <c r="E1315" s="51">
        <v>202406</v>
      </c>
      <c r="F1315" s="51" t="s">
        <v>38</v>
      </c>
      <c r="G1315" s="51" t="s">
        <v>97</v>
      </c>
      <c r="H1315" s="51" t="s">
        <v>82</v>
      </c>
      <c r="I1315" s="50">
        <v>4.7</v>
      </c>
    </row>
    <row r="1316" spans="1:9" x14ac:dyDescent="0.35">
      <c r="A1316" s="52" t="s">
        <v>78</v>
      </c>
      <c r="B1316" s="51" t="s">
        <v>79</v>
      </c>
      <c r="C1316" s="61">
        <v>305882207</v>
      </c>
      <c r="D1316" s="62">
        <v>20</v>
      </c>
      <c r="E1316" s="51">
        <v>202406</v>
      </c>
      <c r="F1316" s="51" t="s">
        <v>38</v>
      </c>
      <c r="G1316" s="51" t="s">
        <v>97</v>
      </c>
      <c r="H1316" s="51" t="s">
        <v>82</v>
      </c>
      <c r="I1316" s="50">
        <v>4.7</v>
      </c>
    </row>
    <row r="1317" spans="1:9" x14ac:dyDescent="0.35">
      <c r="A1317" s="52" t="s">
        <v>78</v>
      </c>
      <c r="B1317" s="51" t="s">
        <v>79</v>
      </c>
      <c r="C1317" s="61">
        <v>306803101</v>
      </c>
      <c r="D1317" s="62">
        <v>20</v>
      </c>
      <c r="E1317" s="51">
        <v>202406</v>
      </c>
      <c r="F1317" s="51" t="s">
        <v>38</v>
      </c>
      <c r="G1317" s="51" t="s">
        <v>97</v>
      </c>
      <c r="H1317" s="51" t="s">
        <v>82</v>
      </c>
      <c r="I1317" s="50">
        <v>4.7</v>
      </c>
    </row>
    <row r="1318" spans="1:9" x14ac:dyDescent="0.35">
      <c r="A1318" s="52" t="s">
        <v>78</v>
      </c>
      <c r="B1318" s="51" t="s">
        <v>79</v>
      </c>
      <c r="C1318" s="61">
        <v>307402048</v>
      </c>
      <c r="D1318" s="62">
        <v>20</v>
      </c>
      <c r="E1318" s="51">
        <v>202406</v>
      </c>
      <c r="F1318" s="51" t="s">
        <v>38</v>
      </c>
      <c r="G1318" s="51" t="s">
        <v>97</v>
      </c>
      <c r="H1318" s="51" t="s">
        <v>82</v>
      </c>
      <c r="I1318" s="50">
        <v>4.7</v>
      </c>
    </row>
    <row r="1319" spans="1:9" x14ac:dyDescent="0.35">
      <c r="A1319" s="52" t="s">
        <v>78</v>
      </c>
      <c r="B1319" s="51" t="s">
        <v>79</v>
      </c>
      <c r="C1319" s="61">
        <v>309102743</v>
      </c>
      <c r="D1319" s="62">
        <v>20</v>
      </c>
      <c r="E1319" s="51">
        <v>202406</v>
      </c>
      <c r="F1319" s="51" t="s">
        <v>38</v>
      </c>
      <c r="G1319" s="51" t="s">
        <v>97</v>
      </c>
      <c r="H1319" s="51" t="s">
        <v>82</v>
      </c>
      <c r="I1319" s="50">
        <v>4.7</v>
      </c>
    </row>
    <row r="1320" spans="1:9" x14ac:dyDescent="0.35">
      <c r="A1320" s="52" t="s">
        <v>78</v>
      </c>
      <c r="B1320" s="51" t="s">
        <v>79</v>
      </c>
      <c r="C1320" s="61">
        <v>309408116</v>
      </c>
      <c r="D1320" s="62">
        <v>20</v>
      </c>
      <c r="E1320" s="51">
        <v>202406</v>
      </c>
      <c r="F1320" s="51" t="s">
        <v>38</v>
      </c>
      <c r="G1320" s="51" t="s">
        <v>97</v>
      </c>
      <c r="H1320" s="51" t="s">
        <v>82</v>
      </c>
      <c r="I1320" s="50">
        <v>4.7</v>
      </c>
    </row>
    <row r="1321" spans="1:9" x14ac:dyDescent="0.35">
      <c r="A1321" s="52" t="s">
        <v>78</v>
      </c>
      <c r="B1321" s="51" t="s">
        <v>79</v>
      </c>
      <c r="C1321" s="61">
        <v>309634984</v>
      </c>
      <c r="D1321" s="62">
        <v>20</v>
      </c>
      <c r="E1321" s="51">
        <v>202406</v>
      </c>
      <c r="F1321" s="51" t="s">
        <v>38</v>
      </c>
      <c r="G1321" s="51" t="s">
        <v>97</v>
      </c>
      <c r="H1321" s="51" t="s">
        <v>82</v>
      </c>
      <c r="I1321" s="50">
        <v>4.7</v>
      </c>
    </row>
    <row r="1322" spans="1:9" x14ac:dyDescent="0.35">
      <c r="A1322" s="52" t="s">
        <v>78</v>
      </c>
      <c r="B1322" s="51" t="s">
        <v>79</v>
      </c>
      <c r="C1322" s="61">
        <v>312702124</v>
      </c>
      <c r="D1322" s="62">
        <v>20</v>
      </c>
      <c r="E1322" s="51">
        <v>202406</v>
      </c>
      <c r="F1322" s="51" t="s">
        <v>38</v>
      </c>
      <c r="G1322" s="51" t="s">
        <v>97</v>
      </c>
      <c r="H1322" s="51" t="s">
        <v>82</v>
      </c>
      <c r="I1322" s="50">
        <v>4.7</v>
      </c>
    </row>
    <row r="1323" spans="1:9" x14ac:dyDescent="0.35">
      <c r="A1323" s="52" t="s">
        <v>78</v>
      </c>
      <c r="B1323" s="51" t="s">
        <v>79</v>
      </c>
      <c r="C1323" s="61">
        <v>314101503</v>
      </c>
      <c r="D1323" s="62">
        <v>20</v>
      </c>
      <c r="E1323" s="51">
        <v>202406</v>
      </c>
      <c r="F1323" s="51" t="s">
        <v>38</v>
      </c>
      <c r="G1323" s="51" t="s">
        <v>97</v>
      </c>
      <c r="H1323" s="51" t="s">
        <v>82</v>
      </c>
      <c r="I1323" s="50">
        <v>4.7</v>
      </c>
    </row>
    <row r="1324" spans="1:9" x14ac:dyDescent="0.35">
      <c r="A1324" s="52" t="s">
        <v>78</v>
      </c>
      <c r="B1324" s="51" t="s">
        <v>79</v>
      </c>
      <c r="C1324" s="61">
        <v>315047323</v>
      </c>
      <c r="D1324" s="62">
        <v>20</v>
      </c>
      <c r="E1324" s="51">
        <v>202406</v>
      </c>
      <c r="F1324" s="51" t="s">
        <v>38</v>
      </c>
      <c r="G1324" s="51" t="s">
        <v>97</v>
      </c>
      <c r="H1324" s="51" t="s">
        <v>82</v>
      </c>
      <c r="I1324" s="50">
        <v>30</v>
      </c>
    </row>
    <row r="1325" spans="1:9" x14ac:dyDescent="0.35">
      <c r="A1325" s="52" t="s">
        <v>78</v>
      </c>
      <c r="B1325" s="51" t="s">
        <v>79</v>
      </c>
      <c r="C1325" s="61">
        <v>315304865</v>
      </c>
      <c r="D1325" s="62">
        <v>20</v>
      </c>
      <c r="E1325" s="51">
        <v>202406</v>
      </c>
      <c r="F1325" s="51" t="s">
        <v>38</v>
      </c>
      <c r="G1325" s="51" t="s">
        <v>97</v>
      </c>
      <c r="H1325" s="51" t="s">
        <v>82</v>
      </c>
      <c r="I1325" s="50">
        <v>4.7</v>
      </c>
    </row>
    <row r="1326" spans="1:9" x14ac:dyDescent="0.35">
      <c r="A1326" s="52" t="s">
        <v>78</v>
      </c>
      <c r="B1326" s="51" t="s">
        <v>79</v>
      </c>
      <c r="C1326" s="61">
        <v>317802781</v>
      </c>
      <c r="D1326" s="62">
        <v>20</v>
      </c>
      <c r="E1326" s="51">
        <v>202406</v>
      </c>
      <c r="F1326" s="51" t="s">
        <v>38</v>
      </c>
      <c r="G1326" s="51" t="s">
        <v>97</v>
      </c>
      <c r="H1326" s="51" t="s">
        <v>82</v>
      </c>
      <c r="I1326" s="50">
        <v>4.7</v>
      </c>
    </row>
    <row r="1327" spans="1:9" x14ac:dyDescent="0.35">
      <c r="A1327" s="52" t="s">
        <v>78</v>
      </c>
      <c r="B1327" s="51" t="s">
        <v>79</v>
      </c>
      <c r="C1327" s="61">
        <v>318102720</v>
      </c>
      <c r="D1327" s="62">
        <v>20</v>
      </c>
      <c r="E1327" s="51">
        <v>202406</v>
      </c>
      <c r="F1327" s="51" t="s">
        <v>38</v>
      </c>
      <c r="G1327" s="51" t="s">
        <v>97</v>
      </c>
      <c r="H1327" s="51" t="s">
        <v>82</v>
      </c>
      <c r="I1327" s="50">
        <v>4.7</v>
      </c>
    </row>
    <row r="1328" spans="1:9" x14ac:dyDescent="0.35">
      <c r="A1328" s="52" t="s">
        <v>78</v>
      </c>
      <c r="B1328" s="51" t="s">
        <v>79</v>
      </c>
      <c r="C1328" s="61">
        <v>318805890</v>
      </c>
      <c r="D1328" s="62">
        <v>20</v>
      </c>
      <c r="E1328" s="51">
        <v>202406</v>
      </c>
      <c r="F1328" s="51" t="s">
        <v>38</v>
      </c>
      <c r="G1328" s="51" t="s">
        <v>97</v>
      </c>
      <c r="H1328" s="51" t="s">
        <v>82</v>
      </c>
      <c r="I1328" s="50">
        <v>4.7</v>
      </c>
    </row>
    <row r="1329" spans="1:9" x14ac:dyDescent="0.35">
      <c r="A1329" s="52" t="s">
        <v>78</v>
      </c>
      <c r="B1329" s="51" t="s">
        <v>79</v>
      </c>
      <c r="C1329" s="61">
        <v>318902946</v>
      </c>
      <c r="D1329" s="62">
        <v>20</v>
      </c>
      <c r="E1329" s="51">
        <v>202406</v>
      </c>
      <c r="F1329" s="51" t="s">
        <v>38</v>
      </c>
      <c r="G1329" s="51" t="s">
        <v>97</v>
      </c>
      <c r="H1329" s="51" t="s">
        <v>82</v>
      </c>
      <c r="I1329" s="50">
        <v>4.7</v>
      </c>
    </row>
    <row r="1330" spans="1:9" x14ac:dyDescent="0.35">
      <c r="A1330" s="52" t="s">
        <v>78</v>
      </c>
      <c r="B1330" s="51" t="s">
        <v>79</v>
      </c>
      <c r="C1330" s="61">
        <v>319125530</v>
      </c>
      <c r="D1330" s="62">
        <v>20</v>
      </c>
      <c r="E1330" s="51">
        <v>202406</v>
      </c>
      <c r="F1330" s="51" t="s">
        <v>38</v>
      </c>
      <c r="G1330" s="51" t="s">
        <v>97</v>
      </c>
      <c r="H1330" s="51" t="s">
        <v>82</v>
      </c>
      <c r="I1330" s="50">
        <v>4.7</v>
      </c>
    </row>
    <row r="1331" spans="1:9" x14ac:dyDescent="0.35">
      <c r="A1331" s="52" t="s">
        <v>78</v>
      </c>
      <c r="B1331" s="51" t="s">
        <v>79</v>
      </c>
      <c r="C1331" s="61">
        <v>319292658</v>
      </c>
      <c r="D1331" s="62">
        <v>20</v>
      </c>
      <c r="E1331" s="51">
        <v>202406</v>
      </c>
      <c r="F1331" s="51" t="s">
        <v>38</v>
      </c>
      <c r="G1331" s="51" t="s">
        <v>97</v>
      </c>
      <c r="H1331" s="51" t="s">
        <v>82</v>
      </c>
      <c r="I1331" s="50">
        <v>4.7</v>
      </c>
    </row>
    <row r="1332" spans="1:9" x14ac:dyDescent="0.35">
      <c r="A1332" s="52" t="s">
        <v>78</v>
      </c>
      <c r="B1332" s="51" t="s">
        <v>79</v>
      </c>
      <c r="C1332" s="61">
        <v>323729301</v>
      </c>
      <c r="D1332" s="62">
        <v>20</v>
      </c>
      <c r="E1332" s="51">
        <v>202406</v>
      </c>
      <c r="F1332" s="51" t="s">
        <v>38</v>
      </c>
      <c r="G1332" s="51" t="s">
        <v>97</v>
      </c>
      <c r="H1332" s="51" t="s">
        <v>82</v>
      </c>
      <c r="I1332" s="50">
        <v>30</v>
      </c>
    </row>
    <row r="1333" spans="1:9" x14ac:dyDescent="0.35">
      <c r="A1333" s="52" t="s">
        <v>78</v>
      </c>
      <c r="B1333" s="51" t="s">
        <v>79</v>
      </c>
      <c r="C1333" s="61">
        <v>325421720</v>
      </c>
      <c r="D1333" s="62">
        <v>20</v>
      </c>
      <c r="E1333" s="51">
        <v>202406</v>
      </c>
      <c r="F1333" s="51" t="s">
        <v>38</v>
      </c>
      <c r="G1333" s="51" t="s">
        <v>97</v>
      </c>
      <c r="H1333" s="51" t="s">
        <v>82</v>
      </c>
      <c r="I1333" s="50">
        <v>4.7</v>
      </c>
    </row>
    <row r="1334" spans="1:9" x14ac:dyDescent="0.35">
      <c r="A1334" s="52" t="s">
        <v>78</v>
      </c>
      <c r="B1334" s="51" t="s">
        <v>79</v>
      </c>
      <c r="C1334" s="61">
        <v>325470500</v>
      </c>
      <c r="D1334" s="62">
        <v>20</v>
      </c>
      <c r="E1334" s="51">
        <v>202406</v>
      </c>
      <c r="F1334" s="51" t="s">
        <v>38</v>
      </c>
      <c r="G1334" s="51" t="s">
        <v>97</v>
      </c>
      <c r="H1334" s="51" t="s">
        <v>82</v>
      </c>
      <c r="I1334" s="50">
        <v>4.7</v>
      </c>
    </row>
    <row r="1335" spans="1:9" x14ac:dyDescent="0.35">
      <c r="A1335" s="52" t="s">
        <v>78</v>
      </c>
      <c r="B1335" s="51" t="s">
        <v>79</v>
      </c>
      <c r="C1335" s="61">
        <v>328605862</v>
      </c>
      <c r="D1335" s="62">
        <v>20</v>
      </c>
      <c r="E1335" s="51">
        <v>202406</v>
      </c>
      <c r="F1335" s="51" t="s">
        <v>38</v>
      </c>
      <c r="G1335" s="51" t="s">
        <v>97</v>
      </c>
      <c r="H1335" s="51" t="s">
        <v>82</v>
      </c>
      <c r="I1335" s="50">
        <v>4.7</v>
      </c>
    </row>
    <row r="1336" spans="1:9" x14ac:dyDescent="0.35">
      <c r="A1336" s="52" t="s">
        <v>78</v>
      </c>
      <c r="B1336" s="51" t="s">
        <v>79</v>
      </c>
      <c r="C1336" s="61">
        <v>332303922</v>
      </c>
      <c r="D1336" s="62">
        <v>20</v>
      </c>
      <c r="E1336" s="51">
        <v>202406</v>
      </c>
      <c r="F1336" s="51" t="s">
        <v>38</v>
      </c>
      <c r="G1336" s="51" t="s">
        <v>97</v>
      </c>
      <c r="H1336" s="51" t="s">
        <v>82</v>
      </c>
      <c r="I1336" s="50">
        <v>4.7</v>
      </c>
    </row>
    <row r="1337" spans="1:9" x14ac:dyDescent="0.35">
      <c r="A1337" s="52" t="s">
        <v>78</v>
      </c>
      <c r="B1337" s="51" t="s">
        <v>79</v>
      </c>
      <c r="C1337" s="61">
        <v>333302162</v>
      </c>
      <c r="D1337" s="62">
        <v>20</v>
      </c>
      <c r="E1337" s="51">
        <v>202406</v>
      </c>
      <c r="F1337" s="51" t="s">
        <v>38</v>
      </c>
      <c r="G1337" s="51" t="s">
        <v>97</v>
      </c>
      <c r="H1337" s="51" t="s">
        <v>82</v>
      </c>
      <c r="I1337" s="50">
        <v>95</v>
      </c>
    </row>
    <row r="1338" spans="1:9" x14ac:dyDescent="0.35">
      <c r="A1338" s="52" t="s">
        <v>78</v>
      </c>
      <c r="B1338" s="51" t="s">
        <v>79</v>
      </c>
      <c r="C1338" s="61">
        <v>334033439</v>
      </c>
      <c r="D1338" s="62">
        <v>20</v>
      </c>
      <c r="E1338" s="51">
        <v>202406</v>
      </c>
      <c r="F1338" s="51" t="s">
        <v>38</v>
      </c>
      <c r="G1338" s="51" t="s">
        <v>97</v>
      </c>
      <c r="H1338" s="51" t="s">
        <v>82</v>
      </c>
      <c r="I1338" s="50">
        <v>4.7</v>
      </c>
    </row>
    <row r="1339" spans="1:9" x14ac:dyDescent="0.35">
      <c r="A1339" s="52" t="s">
        <v>78</v>
      </c>
      <c r="B1339" s="51" t="s">
        <v>79</v>
      </c>
      <c r="C1339" s="61">
        <v>334205402</v>
      </c>
      <c r="D1339" s="62">
        <v>20</v>
      </c>
      <c r="E1339" s="51">
        <v>202406</v>
      </c>
      <c r="F1339" s="51" t="s">
        <v>38</v>
      </c>
      <c r="G1339" s="51" t="s">
        <v>97</v>
      </c>
      <c r="H1339" s="51" t="s">
        <v>82</v>
      </c>
      <c r="I1339" s="50">
        <v>4.7</v>
      </c>
    </row>
    <row r="1340" spans="1:9" x14ac:dyDescent="0.35">
      <c r="A1340" s="52" t="s">
        <v>78</v>
      </c>
      <c r="B1340" s="51" t="s">
        <v>79</v>
      </c>
      <c r="C1340" s="61">
        <v>337604407</v>
      </c>
      <c r="D1340" s="62">
        <v>20</v>
      </c>
      <c r="E1340" s="51">
        <v>202406</v>
      </c>
      <c r="F1340" s="51" t="s">
        <v>38</v>
      </c>
      <c r="G1340" s="51" t="s">
        <v>97</v>
      </c>
      <c r="H1340" s="51" t="s">
        <v>82</v>
      </c>
      <c r="I1340" s="50">
        <v>4.7</v>
      </c>
    </row>
    <row r="1341" spans="1:9" x14ac:dyDescent="0.35">
      <c r="A1341" s="52" t="s">
        <v>78</v>
      </c>
      <c r="B1341" s="51" t="s">
        <v>79</v>
      </c>
      <c r="C1341" s="61">
        <v>338903884</v>
      </c>
      <c r="D1341" s="62">
        <v>20</v>
      </c>
      <c r="E1341" s="51">
        <v>202406</v>
      </c>
      <c r="F1341" s="51" t="s">
        <v>38</v>
      </c>
      <c r="G1341" s="51" t="s">
        <v>97</v>
      </c>
      <c r="H1341" s="51" t="s">
        <v>82</v>
      </c>
      <c r="I1341" s="50">
        <v>95</v>
      </c>
    </row>
    <row r="1342" spans="1:9" x14ac:dyDescent="0.35">
      <c r="A1342" s="52" t="s">
        <v>78</v>
      </c>
      <c r="B1342" s="51" t="s">
        <v>79</v>
      </c>
      <c r="C1342" s="61">
        <v>339101728</v>
      </c>
      <c r="D1342" s="62">
        <v>20</v>
      </c>
      <c r="E1342" s="51">
        <v>202406</v>
      </c>
      <c r="F1342" s="51" t="s">
        <v>38</v>
      </c>
      <c r="G1342" s="51" t="s">
        <v>97</v>
      </c>
      <c r="H1342" s="51" t="s">
        <v>82</v>
      </c>
      <c r="I1342" s="50">
        <v>4.7</v>
      </c>
    </row>
    <row r="1343" spans="1:9" x14ac:dyDescent="0.35">
      <c r="A1343" s="52" t="s">
        <v>78</v>
      </c>
      <c r="B1343" s="51" t="s">
        <v>79</v>
      </c>
      <c r="C1343" s="61">
        <v>339203733</v>
      </c>
      <c r="D1343" s="62">
        <v>20</v>
      </c>
      <c r="E1343" s="51">
        <v>202406</v>
      </c>
      <c r="F1343" s="51" t="s">
        <v>38</v>
      </c>
      <c r="G1343" s="51" t="s">
        <v>97</v>
      </c>
      <c r="H1343" s="51" t="s">
        <v>82</v>
      </c>
      <c r="I1343" s="50">
        <v>4.7</v>
      </c>
    </row>
    <row r="1344" spans="1:9" x14ac:dyDescent="0.35">
      <c r="A1344" s="52" t="s">
        <v>78</v>
      </c>
      <c r="B1344" s="51" t="s">
        <v>79</v>
      </c>
      <c r="C1344" s="61">
        <v>339535887</v>
      </c>
      <c r="D1344" s="62">
        <v>20</v>
      </c>
      <c r="E1344" s="51">
        <v>202406</v>
      </c>
      <c r="F1344" s="51" t="s">
        <v>38</v>
      </c>
      <c r="G1344" s="51" t="s">
        <v>97</v>
      </c>
      <c r="H1344" s="51" t="s">
        <v>82</v>
      </c>
      <c r="I1344" s="50">
        <v>4.7</v>
      </c>
    </row>
    <row r="1345" spans="1:9" x14ac:dyDescent="0.35">
      <c r="A1345" s="52" t="s">
        <v>78</v>
      </c>
      <c r="B1345" s="51" t="s">
        <v>79</v>
      </c>
      <c r="C1345" s="61">
        <v>339772452</v>
      </c>
      <c r="D1345" s="62">
        <v>20</v>
      </c>
      <c r="E1345" s="51">
        <v>202406</v>
      </c>
      <c r="F1345" s="51" t="s">
        <v>38</v>
      </c>
      <c r="G1345" s="51" t="s">
        <v>97</v>
      </c>
      <c r="H1345" s="51" t="s">
        <v>82</v>
      </c>
      <c r="I1345" s="50">
        <v>4.7</v>
      </c>
    </row>
    <row r="1346" spans="1:9" x14ac:dyDescent="0.35">
      <c r="A1346" s="52" t="s">
        <v>78</v>
      </c>
      <c r="B1346" s="51" t="s">
        <v>79</v>
      </c>
      <c r="C1346" s="61">
        <v>341004180</v>
      </c>
      <c r="D1346" s="62">
        <v>20</v>
      </c>
      <c r="E1346" s="51">
        <v>202406</v>
      </c>
      <c r="F1346" s="51" t="s">
        <v>38</v>
      </c>
      <c r="G1346" s="51" t="s">
        <v>97</v>
      </c>
      <c r="H1346" s="51" t="s">
        <v>82</v>
      </c>
      <c r="I1346" s="50">
        <v>4.7</v>
      </c>
    </row>
    <row r="1347" spans="1:9" x14ac:dyDescent="0.35">
      <c r="A1347" s="52" t="s">
        <v>78</v>
      </c>
      <c r="B1347" s="51" t="s">
        <v>79</v>
      </c>
      <c r="C1347" s="61">
        <v>341004181</v>
      </c>
      <c r="D1347" s="62">
        <v>20</v>
      </c>
      <c r="E1347" s="51">
        <v>202406</v>
      </c>
      <c r="F1347" s="51" t="s">
        <v>38</v>
      </c>
      <c r="G1347" s="51" t="s">
        <v>97</v>
      </c>
      <c r="H1347" s="51" t="s">
        <v>82</v>
      </c>
      <c r="I1347" s="50">
        <v>4.7</v>
      </c>
    </row>
    <row r="1348" spans="1:9" x14ac:dyDescent="0.35">
      <c r="A1348" s="52" t="s">
        <v>78</v>
      </c>
      <c r="B1348" s="51" t="s">
        <v>79</v>
      </c>
      <c r="C1348" s="61">
        <v>341202003</v>
      </c>
      <c r="D1348" s="62">
        <v>20</v>
      </c>
      <c r="E1348" s="51">
        <v>202406</v>
      </c>
      <c r="F1348" s="51" t="s">
        <v>38</v>
      </c>
      <c r="G1348" s="51" t="s">
        <v>97</v>
      </c>
      <c r="H1348" s="51" t="s">
        <v>82</v>
      </c>
      <c r="I1348" s="50">
        <v>4.7</v>
      </c>
    </row>
    <row r="1349" spans="1:9" x14ac:dyDescent="0.35">
      <c r="A1349" s="52" t="s">
        <v>78</v>
      </c>
      <c r="B1349" s="51" t="s">
        <v>79</v>
      </c>
      <c r="C1349" s="61">
        <v>342091922</v>
      </c>
      <c r="D1349" s="62">
        <v>20</v>
      </c>
      <c r="E1349" s="51">
        <v>202406</v>
      </c>
      <c r="F1349" s="51" t="s">
        <v>38</v>
      </c>
      <c r="G1349" s="51" t="s">
        <v>97</v>
      </c>
      <c r="H1349" s="51" t="s">
        <v>82</v>
      </c>
      <c r="I1349" s="50">
        <v>4.7</v>
      </c>
    </row>
    <row r="1350" spans="1:9" x14ac:dyDescent="0.35">
      <c r="A1350" s="52" t="s">
        <v>78</v>
      </c>
      <c r="B1350" s="51" t="s">
        <v>79</v>
      </c>
      <c r="C1350" s="61">
        <v>342501158</v>
      </c>
      <c r="D1350" s="62">
        <v>20</v>
      </c>
      <c r="E1350" s="51">
        <v>202406</v>
      </c>
      <c r="F1350" s="51" t="s">
        <v>38</v>
      </c>
      <c r="G1350" s="51" t="s">
        <v>97</v>
      </c>
      <c r="H1350" s="51" t="s">
        <v>82</v>
      </c>
      <c r="I1350" s="50">
        <v>4.7</v>
      </c>
    </row>
    <row r="1351" spans="1:9" x14ac:dyDescent="0.35">
      <c r="A1351" s="52" t="s">
        <v>78</v>
      </c>
      <c r="B1351" s="51" t="s">
        <v>79</v>
      </c>
      <c r="C1351" s="61">
        <v>342642885</v>
      </c>
      <c r="D1351" s="62">
        <v>20</v>
      </c>
      <c r="E1351" s="51">
        <v>202406</v>
      </c>
      <c r="F1351" s="51" t="s">
        <v>38</v>
      </c>
      <c r="G1351" s="51" t="s">
        <v>97</v>
      </c>
      <c r="H1351" s="51" t="s">
        <v>82</v>
      </c>
      <c r="I1351" s="50">
        <v>4.7</v>
      </c>
    </row>
    <row r="1352" spans="1:9" x14ac:dyDescent="0.35">
      <c r="A1352" s="52" t="s">
        <v>78</v>
      </c>
      <c r="B1352" s="51" t="s">
        <v>79</v>
      </c>
      <c r="C1352" s="61">
        <v>345402025</v>
      </c>
      <c r="D1352" s="62">
        <v>20</v>
      </c>
      <c r="E1352" s="51">
        <v>202406</v>
      </c>
      <c r="F1352" s="51" t="s">
        <v>38</v>
      </c>
      <c r="G1352" s="51" t="s">
        <v>97</v>
      </c>
      <c r="H1352" s="51" t="s">
        <v>82</v>
      </c>
      <c r="I1352" s="50">
        <v>4.7</v>
      </c>
    </row>
    <row r="1353" spans="1:9" x14ac:dyDescent="0.35">
      <c r="A1353" s="52" t="s">
        <v>78</v>
      </c>
      <c r="B1353" s="51" t="s">
        <v>79</v>
      </c>
      <c r="C1353" s="61">
        <v>347403332</v>
      </c>
      <c r="D1353" s="62">
        <v>20</v>
      </c>
      <c r="E1353" s="51">
        <v>202406</v>
      </c>
      <c r="F1353" s="51" t="s">
        <v>38</v>
      </c>
      <c r="G1353" s="51" t="s">
        <v>97</v>
      </c>
      <c r="H1353" s="51" t="s">
        <v>82</v>
      </c>
      <c r="I1353" s="50">
        <v>124</v>
      </c>
    </row>
    <row r="1354" spans="1:9" x14ac:dyDescent="0.35">
      <c r="A1354" s="52" t="s">
        <v>78</v>
      </c>
      <c r="B1354" s="51" t="s">
        <v>79</v>
      </c>
      <c r="C1354" s="61">
        <v>347699607</v>
      </c>
      <c r="D1354" s="62">
        <v>20</v>
      </c>
      <c r="E1354" s="51">
        <v>202406</v>
      </c>
      <c r="F1354" s="51" t="s">
        <v>38</v>
      </c>
      <c r="G1354" s="51" t="s">
        <v>97</v>
      </c>
      <c r="H1354" s="51" t="s">
        <v>82</v>
      </c>
      <c r="I1354" s="50">
        <v>30</v>
      </c>
    </row>
    <row r="1355" spans="1:9" x14ac:dyDescent="0.35">
      <c r="A1355" s="52" t="s">
        <v>78</v>
      </c>
      <c r="B1355" s="51" t="s">
        <v>79</v>
      </c>
      <c r="C1355" s="61">
        <v>348100915</v>
      </c>
      <c r="D1355" s="62">
        <v>20</v>
      </c>
      <c r="E1355" s="51">
        <v>202406</v>
      </c>
      <c r="F1355" s="51" t="s">
        <v>38</v>
      </c>
      <c r="G1355" s="51" t="s">
        <v>97</v>
      </c>
      <c r="H1355" s="51" t="s">
        <v>82</v>
      </c>
      <c r="I1355" s="50">
        <v>4.7</v>
      </c>
    </row>
    <row r="1356" spans="1:9" x14ac:dyDescent="0.35">
      <c r="A1356" s="52" t="s">
        <v>78</v>
      </c>
      <c r="B1356" s="51" t="s">
        <v>79</v>
      </c>
      <c r="C1356" s="61">
        <v>351680761</v>
      </c>
      <c r="D1356" s="62">
        <v>20</v>
      </c>
      <c r="E1356" s="51">
        <v>202406</v>
      </c>
      <c r="F1356" s="51" t="s">
        <v>38</v>
      </c>
      <c r="G1356" s="51" t="s">
        <v>97</v>
      </c>
      <c r="H1356" s="51" t="s">
        <v>82</v>
      </c>
      <c r="I1356" s="50">
        <v>4.7</v>
      </c>
    </row>
    <row r="1357" spans="1:9" x14ac:dyDescent="0.35">
      <c r="A1357" s="52" t="s">
        <v>78</v>
      </c>
      <c r="B1357" s="51" t="s">
        <v>79</v>
      </c>
      <c r="C1357" s="61">
        <v>354100511</v>
      </c>
      <c r="D1357" s="62">
        <v>20</v>
      </c>
      <c r="E1357" s="51">
        <v>202406</v>
      </c>
      <c r="F1357" s="51" t="s">
        <v>38</v>
      </c>
      <c r="G1357" s="51" t="s">
        <v>97</v>
      </c>
      <c r="H1357" s="51" t="s">
        <v>82</v>
      </c>
      <c r="I1357" s="50">
        <v>95</v>
      </c>
    </row>
    <row r="1358" spans="1:9" x14ac:dyDescent="0.35">
      <c r="A1358" s="52" t="s">
        <v>78</v>
      </c>
      <c r="B1358" s="51" t="s">
        <v>79</v>
      </c>
      <c r="C1358" s="61">
        <v>356202878</v>
      </c>
      <c r="D1358" s="62">
        <v>20</v>
      </c>
      <c r="E1358" s="51">
        <v>202406</v>
      </c>
      <c r="F1358" s="51" t="s">
        <v>38</v>
      </c>
      <c r="G1358" s="51" t="s">
        <v>97</v>
      </c>
      <c r="H1358" s="51" t="s">
        <v>82</v>
      </c>
      <c r="I1358" s="50">
        <v>4.7</v>
      </c>
    </row>
    <row r="1359" spans="1:9" x14ac:dyDescent="0.35">
      <c r="A1359" s="52" t="s">
        <v>78</v>
      </c>
      <c r="B1359" s="51" t="s">
        <v>79</v>
      </c>
      <c r="C1359" s="61">
        <v>358091537</v>
      </c>
      <c r="D1359" s="62">
        <v>20</v>
      </c>
      <c r="E1359" s="51">
        <v>202406</v>
      </c>
      <c r="F1359" s="51" t="s">
        <v>38</v>
      </c>
      <c r="G1359" s="51" t="s">
        <v>97</v>
      </c>
      <c r="H1359" s="51" t="s">
        <v>82</v>
      </c>
      <c r="I1359" s="50">
        <v>4.7</v>
      </c>
    </row>
    <row r="1360" spans="1:9" x14ac:dyDescent="0.35">
      <c r="A1360" s="52" t="s">
        <v>78</v>
      </c>
      <c r="B1360" s="51" t="s">
        <v>79</v>
      </c>
      <c r="C1360" s="61">
        <v>360460280</v>
      </c>
      <c r="D1360" s="62">
        <v>20</v>
      </c>
      <c r="E1360" s="51">
        <v>202406</v>
      </c>
      <c r="F1360" s="51" t="s">
        <v>38</v>
      </c>
      <c r="G1360" s="51" t="s">
        <v>97</v>
      </c>
      <c r="H1360" s="51" t="s">
        <v>82</v>
      </c>
      <c r="I1360" s="50">
        <v>4.7</v>
      </c>
    </row>
    <row r="1361" spans="1:9" x14ac:dyDescent="0.35">
      <c r="A1361" s="52" t="s">
        <v>78</v>
      </c>
      <c r="B1361" s="51" t="s">
        <v>79</v>
      </c>
      <c r="C1361" s="61">
        <v>361604550</v>
      </c>
      <c r="D1361" s="62">
        <v>20</v>
      </c>
      <c r="E1361" s="51">
        <v>202406</v>
      </c>
      <c r="F1361" s="51" t="s">
        <v>38</v>
      </c>
      <c r="G1361" s="51" t="s">
        <v>97</v>
      </c>
      <c r="H1361" s="51" t="s">
        <v>82</v>
      </c>
      <c r="I1361" s="50">
        <v>30</v>
      </c>
    </row>
    <row r="1362" spans="1:9" x14ac:dyDescent="0.35">
      <c r="A1362" s="52" t="s">
        <v>78</v>
      </c>
      <c r="B1362" s="51" t="s">
        <v>79</v>
      </c>
      <c r="C1362" s="61">
        <v>361635750</v>
      </c>
      <c r="D1362" s="62">
        <v>20</v>
      </c>
      <c r="E1362" s="51">
        <v>202406</v>
      </c>
      <c r="F1362" s="51" t="s">
        <v>38</v>
      </c>
      <c r="G1362" s="51" t="s">
        <v>97</v>
      </c>
      <c r="H1362" s="51" t="s">
        <v>82</v>
      </c>
      <c r="I1362" s="50">
        <v>4.7</v>
      </c>
    </row>
    <row r="1363" spans="1:9" x14ac:dyDescent="0.35">
      <c r="A1363" s="52" t="s">
        <v>78</v>
      </c>
      <c r="B1363" s="51" t="s">
        <v>79</v>
      </c>
      <c r="C1363" s="61">
        <v>361668943</v>
      </c>
      <c r="D1363" s="62">
        <v>20</v>
      </c>
      <c r="E1363" s="51">
        <v>202406</v>
      </c>
      <c r="F1363" s="51" t="s">
        <v>38</v>
      </c>
      <c r="G1363" s="51" t="s">
        <v>97</v>
      </c>
      <c r="H1363" s="51" t="s">
        <v>82</v>
      </c>
      <c r="I1363" s="50">
        <v>4.7</v>
      </c>
    </row>
    <row r="1364" spans="1:9" x14ac:dyDescent="0.35">
      <c r="A1364" s="52" t="s">
        <v>78</v>
      </c>
      <c r="B1364" s="51" t="s">
        <v>79</v>
      </c>
      <c r="C1364" s="61">
        <v>365100907</v>
      </c>
      <c r="D1364" s="62">
        <v>20</v>
      </c>
      <c r="E1364" s="51">
        <v>202406</v>
      </c>
      <c r="F1364" s="51" t="s">
        <v>38</v>
      </c>
      <c r="G1364" s="51" t="s">
        <v>97</v>
      </c>
      <c r="H1364" s="51" t="s">
        <v>82</v>
      </c>
      <c r="I1364" s="50">
        <v>4.7</v>
      </c>
    </row>
    <row r="1365" spans="1:9" x14ac:dyDescent="0.35">
      <c r="A1365" s="52" t="s">
        <v>78</v>
      </c>
      <c r="B1365" s="51" t="s">
        <v>79</v>
      </c>
      <c r="C1365" s="61">
        <v>365503924</v>
      </c>
      <c r="D1365" s="62">
        <v>20</v>
      </c>
      <c r="E1365" s="51">
        <v>202406</v>
      </c>
      <c r="F1365" s="51" t="s">
        <v>38</v>
      </c>
      <c r="G1365" s="51" t="s">
        <v>97</v>
      </c>
      <c r="H1365" s="51" t="s">
        <v>82</v>
      </c>
      <c r="I1365" s="50">
        <v>4.7</v>
      </c>
    </row>
    <row r="1366" spans="1:9" x14ac:dyDescent="0.35">
      <c r="A1366" s="52" t="s">
        <v>78</v>
      </c>
      <c r="B1366" s="51" t="s">
        <v>79</v>
      </c>
      <c r="C1366" s="61">
        <v>365974290</v>
      </c>
      <c r="D1366" s="62">
        <v>20</v>
      </c>
      <c r="E1366" s="51">
        <v>202406</v>
      </c>
      <c r="F1366" s="51" t="s">
        <v>38</v>
      </c>
      <c r="G1366" s="51" t="s">
        <v>97</v>
      </c>
      <c r="H1366" s="51" t="s">
        <v>82</v>
      </c>
      <c r="I1366" s="50">
        <v>4.7</v>
      </c>
    </row>
    <row r="1367" spans="1:9" x14ac:dyDescent="0.35">
      <c r="A1367" s="52" t="s">
        <v>78</v>
      </c>
      <c r="B1367" s="51" t="s">
        <v>79</v>
      </c>
      <c r="C1367" s="61">
        <v>366101385</v>
      </c>
      <c r="D1367" s="62">
        <v>20</v>
      </c>
      <c r="E1367" s="51">
        <v>202406</v>
      </c>
      <c r="F1367" s="51" t="s">
        <v>38</v>
      </c>
      <c r="G1367" s="51" t="s">
        <v>97</v>
      </c>
      <c r="H1367" s="51" t="s">
        <v>82</v>
      </c>
      <c r="I1367" s="50">
        <v>4.7</v>
      </c>
    </row>
    <row r="1368" spans="1:9" x14ac:dyDescent="0.35">
      <c r="A1368" s="52" t="s">
        <v>78</v>
      </c>
      <c r="B1368" s="51" t="s">
        <v>79</v>
      </c>
      <c r="C1368" s="61">
        <v>366774847</v>
      </c>
      <c r="D1368" s="62">
        <v>20</v>
      </c>
      <c r="E1368" s="51">
        <v>202406</v>
      </c>
      <c r="F1368" s="51" t="s">
        <v>38</v>
      </c>
      <c r="G1368" s="51" t="s">
        <v>97</v>
      </c>
      <c r="H1368" s="51" t="s">
        <v>82</v>
      </c>
      <c r="I1368" s="50">
        <v>4.7</v>
      </c>
    </row>
    <row r="1369" spans="1:9" x14ac:dyDescent="0.35">
      <c r="A1369" s="52" t="s">
        <v>78</v>
      </c>
      <c r="B1369" s="51" t="s">
        <v>79</v>
      </c>
      <c r="C1369" s="61">
        <v>368203182</v>
      </c>
      <c r="D1369" s="62">
        <v>20</v>
      </c>
      <c r="E1369" s="51">
        <v>202406</v>
      </c>
      <c r="F1369" s="51" t="s">
        <v>38</v>
      </c>
      <c r="G1369" s="51" t="s">
        <v>97</v>
      </c>
      <c r="H1369" s="51" t="s">
        <v>82</v>
      </c>
      <c r="I1369" s="50">
        <v>30</v>
      </c>
    </row>
    <row r="1370" spans="1:9" x14ac:dyDescent="0.35">
      <c r="A1370" s="52" t="s">
        <v>78</v>
      </c>
      <c r="B1370" s="51" t="s">
        <v>79</v>
      </c>
      <c r="C1370" s="61">
        <v>368402092</v>
      </c>
      <c r="D1370" s="62">
        <v>20</v>
      </c>
      <c r="E1370" s="51">
        <v>202406</v>
      </c>
      <c r="F1370" s="51" t="s">
        <v>38</v>
      </c>
      <c r="G1370" s="51" t="s">
        <v>97</v>
      </c>
      <c r="H1370" s="51" t="s">
        <v>82</v>
      </c>
      <c r="I1370" s="50">
        <v>4.7</v>
      </c>
    </row>
    <row r="1371" spans="1:9" x14ac:dyDescent="0.35">
      <c r="A1371" s="52" t="s">
        <v>78</v>
      </c>
      <c r="B1371" s="51" t="s">
        <v>79</v>
      </c>
      <c r="C1371" s="61">
        <v>370701872</v>
      </c>
      <c r="D1371" s="62">
        <v>20</v>
      </c>
      <c r="E1371" s="51">
        <v>202406</v>
      </c>
      <c r="F1371" s="51" t="s">
        <v>38</v>
      </c>
      <c r="G1371" s="51" t="s">
        <v>97</v>
      </c>
      <c r="H1371" s="51" t="s">
        <v>82</v>
      </c>
      <c r="I1371" s="50">
        <v>4.7</v>
      </c>
    </row>
    <row r="1372" spans="1:9" x14ac:dyDescent="0.35">
      <c r="A1372" s="52" t="s">
        <v>78</v>
      </c>
      <c r="B1372" s="51" t="s">
        <v>79</v>
      </c>
      <c r="C1372" s="61">
        <v>372101729</v>
      </c>
      <c r="D1372" s="62">
        <v>20</v>
      </c>
      <c r="E1372" s="51">
        <v>202406</v>
      </c>
      <c r="F1372" s="51" t="s">
        <v>38</v>
      </c>
      <c r="G1372" s="51" t="s">
        <v>97</v>
      </c>
      <c r="H1372" s="51" t="s">
        <v>82</v>
      </c>
      <c r="I1372" s="50">
        <v>4.7</v>
      </c>
    </row>
    <row r="1373" spans="1:9" x14ac:dyDescent="0.35">
      <c r="A1373" s="52" t="s">
        <v>78</v>
      </c>
      <c r="B1373" s="51" t="s">
        <v>79</v>
      </c>
      <c r="C1373" s="61">
        <v>372502619</v>
      </c>
      <c r="D1373" s="62">
        <v>20</v>
      </c>
      <c r="E1373" s="51">
        <v>202406</v>
      </c>
      <c r="F1373" s="51" t="s">
        <v>38</v>
      </c>
      <c r="G1373" s="51" t="s">
        <v>97</v>
      </c>
      <c r="H1373" s="51" t="s">
        <v>82</v>
      </c>
      <c r="I1373" s="50">
        <v>4.7</v>
      </c>
    </row>
    <row r="1374" spans="1:9" x14ac:dyDescent="0.35">
      <c r="A1374" s="52" t="s">
        <v>78</v>
      </c>
      <c r="B1374" s="51" t="s">
        <v>79</v>
      </c>
      <c r="C1374" s="61">
        <v>372787296</v>
      </c>
      <c r="D1374" s="62">
        <v>20</v>
      </c>
      <c r="E1374" s="51">
        <v>202406</v>
      </c>
      <c r="F1374" s="51" t="s">
        <v>38</v>
      </c>
      <c r="G1374" s="51" t="s">
        <v>97</v>
      </c>
      <c r="H1374" s="51" t="s">
        <v>82</v>
      </c>
      <c r="I1374" s="50">
        <v>4.7</v>
      </c>
    </row>
    <row r="1375" spans="1:9" x14ac:dyDescent="0.35">
      <c r="A1375" s="52" t="s">
        <v>78</v>
      </c>
      <c r="B1375" s="51" t="s">
        <v>79</v>
      </c>
      <c r="C1375" s="61">
        <v>372934561</v>
      </c>
      <c r="D1375" s="62">
        <v>20</v>
      </c>
      <c r="E1375" s="51">
        <v>202406</v>
      </c>
      <c r="F1375" s="51" t="s">
        <v>38</v>
      </c>
      <c r="G1375" s="51" t="s">
        <v>97</v>
      </c>
      <c r="H1375" s="51" t="s">
        <v>82</v>
      </c>
      <c r="I1375" s="50">
        <v>4.7</v>
      </c>
    </row>
    <row r="1376" spans="1:9" x14ac:dyDescent="0.35">
      <c r="A1376" s="52" t="s">
        <v>78</v>
      </c>
      <c r="B1376" s="51" t="s">
        <v>79</v>
      </c>
      <c r="C1376" s="61">
        <v>373300411</v>
      </c>
      <c r="D1376" s="62">
        <v>20</v>
      </c>
      <c r="E1376" s="51">
        <v>202406</v>
      </c>
      <c r="F1376" s="51" t="s">
        <v>38</v>
      </c>
      <c r="G1376" s="51" t="s">
        <v>97</v>
      </c>
      <c r="H1376" s="51" t="s">
        <v>82</v>
      </c>
      <c r="I1376" s="50">
        <v>4.7</v>
      </c>
    </row>
    <row r="1377" spans="1:9" x14ac:dyDescent="0.35">
      <c r="A1377" s="52" t="s">
        <v>78</v>
      </c>
      <c r="B1377" s="51" t="s">
        <v>79</v>
      </c>
      <c r="C1377" s="61">
        <v>374304438</v>
      </c>
      <c r="D1377" s="62">
        <v>20</v>
      </c>
      <c r="E1377" s="51">
        <v>202406</v>
      </c>
      <c r="F1377" s="51" t="s">
        <v>38</v>
      </c>
      <c r="G1377" s="51" t="s">
        <v>97</v>
      </c>
      <c r="H1377" s="51" t="s">
        <v>82</v>
      </c>
      <c r="I1377" s="50">
        <v>4.7</v>
      </c>
    </row>
    <row r="1378" spans="1:9" x14ac:dyDescent="0.35">
      <c r="A1378" s="52" t="s">
        <v>78</v>
      </c>
      <c r="B1378" s="51" t="s">
        <v>79</v>
      </c>
      <c r="C1378" s="61">
        <v>375304522</v>
      </c>
      <c r="D1378" s="62">
        <v>20</v>
      </c>
      <c r="E1378" s="51">
        <v>202406</v>
      </c>
      <c r="F1378" s="51" t="s">
        <v>38</v>
      </c>
      <c r="G1378" s="51" t="s">
        <v>97</v>
      </c>
      <c r="H1378" s="51" t="s">
        <v>82</v>
      </c>
      <c r="I1378" s="50">
        <v>4.7</v>
      </c>
    </row>
    <row r="1379" spans="1:9" x14ac:dyDescent="0.35">
      <c r="A1379" s="52" t="s">
        <v>78</v>
      </c>
      <c r="B1379" s="51" t="s">
        <v>79</v>
      </c>
      <c r="C1379" s="61">
        <v>376103791</v>
      </c>
      <c r="D1379" s="62">
        <v>20</v>
      </c>
      <c r="E1379" s="51">
        <v>202406</v>
      </c>
      <c r="F1379" s="51" t="s">
        <v>38</v>
      </c>
      <c r="G1379" s="51" t="s">
        <v>97</v>
      </c>
      <c r="H1379" s="51" t="s">
        <v>82</v>
      </c>
      <c r="I1379" s="50">
        <v>4.7</v>
      </c>
    </row>
    <row r="1380" spans="1:9" x14ac:dyDescent="0.35">
      <c r="A1380" s="52" t="s">
        <v>78</v>
      </c>
      <c r="B1380" s="51" t="s">
        <v>79</v>
      </c>
      <c r="C1380" s="61">
        <v>377202001</v>
      </c>
      <c r="D1380" s="62">
        <v>20</v>
      </c>
      <c r="E1380" s="51">
        <v>202406</v>
      </c>
      <c r="F1380" s="51" t="s">
        <v>38</v>
      </c>
      <c r="G1380" s="51" t="s">
        <v>97</v>
      </c>
      <c r="H1380" s="51" t="s">
        <v>82</v>
      </c>
      <c r="I1380" s="50">
        <v>4.7</v>
      </c>
    </row>
    <row r="1381" spans="1:9" x14ac:dyDescent="0.35">
      <c r="A1381" s="52" t="s">
        <v>78</v>
      </c>
      <c r="B1381" s="51" t="s">
        <v>79</v>
      </c>
      <c r="C1381" s="61">
        <v>383216888</v>
      </c>
      <c r="D1381" s="62">
        <v>20</v>
      </c>
      <c r="E1381" s="51">
        <v>202406</v>
      </c>
      <c r="F1381" s="51" t="s">
        <v>38</v>
      </c>
      <c r="G1381" s="51" t="s">
        <v>97</v>
      </c>
      <c r="H1381" s="51" t="s">
        <v>82</v>
      </c>
      <c r="I1381" s="50">
        <v>4.7</v>
      </c>
    </row>
    <row r="1382" spans="1:9" x14ac:dyDescent="0.35">
      <c r="A1382" s="52" t="s">
        <v>78</v>
      </c>
      <c r="B1382" s="51" t="s">
        <v>79</v>
      </c>
      <c r="C1382" s="61">
        <v>384444502</v>
      </c>
      <c r="D1382" s="62">
        <v>20</v>
      </c>
      <c r="E1382" s="51">
        <v>202406</v>
      </c>
      <c r="F1382" s="51" t="s">
        <v>38</v>
      </c>
      <c r="G1382" s="51" t="s">
        <v>97</v>
      </c>
      <c r="H1382" s="51" t="s">
        <v>82</v>
      </c>
      <c r="I1382" s="50">
        <v>4.7</v>
      </c>
    </row>
    <row r="1383" spans="1:9" x14ac:dyDescent="0.35">
      <c r="A1383" s="52" t="s">
        <v>78</v>
      </c>
      <c r="B1383" s="51" t="s">
        <v>79</v>
      </c>
      <c r="C1383" s="61">
        <v>385004643</v>
      </c>
      <c r="D1383" s="62">
        <v>20</v>
      </c>
      <c r="E1383" s="51">
        <v>202406</v>
      </c>
      <c r="F1383" s="51" t="s">
        <v>38</v>
      </c>
      <c r="G1383" s="51" t="s">
        <v>97</v>
      </c>
      <c r="H1383" s="51" t="s">
        <v>82</v>
      </c>
      <c r="I1383" s="50">
        <v>4.7</v>
      </c>
    </row>
    <row r="1384" spans="1:9" x14ac:dyDescent="0.35">
      <c r="A1384" s="52" t="s">
        <v>78</v>
      </c>
      <c r="B1384" s="51" t="s">
        <v>79</v>
      </c>
      <c r="C1384" s="61">
        <v>385230222</v>
      </c>
      <c r="D1384" s="62">
        <v>20</v>
      </c>
      <c r="E1384" s="51">
        <v>202406</v>
      </c>
      <c r="F1384" s="51" t="s">
        <v>38</v>
      </c>
      <c r="G1384" s="51" t="s">
        <v>97</v>
      </c>
      <c r="H1384" s="51" t="s">
        <v>82</v>
      </c>
      <c r="I1384" s="50">
        <v>4.7</v>
      </c>
    </row>
    <row r="1385" spans="1:9" x14ac:dyDescent="0.35">
      <c r="A1385" s="52" t="s">
        <v>78</v>
      </c>
      <c r="B1385" s="51" t="s">
        <v>79</v>
      </c>
      <c r="C1385" s="61">
        <v>386102411</v>
      </c>
      <c r="D1385" s="62">
        <v>20</v>
      </c>
      <c r="E1385" s="51">
        <v>202406</v>
      </c>
      <c r="F1385" s="51" t="s">
        <v>38</v>
      </c>
      <c r="G1385" s="51" t="s">
        <v>97</v>
      </c>
      <c r="H1385" s="51" t="s">
        <v>82</v>
      </c>
      <c r="I1385" s="50">
        <v>95</v>
      </c>
    </row>
    <row r="1386" spans="1:9" x14ac:dyDescent="0.35">
      <c r="A1386" s="52" t="s">
        <v>78</v>
      </c>
      <c r="B1386" s="51" t="s">
        <v>79</v>
      </c>
      <c r="C1386" s="61">
        <v>386774884</v>
      </c>
      <c r="D1386" s="62">
        <v>20</v>
      </c>
      <c r="E1386" s="51">
        <v>202406</v>
      </c>
      <c r="F1386" s="51" t="s">
        <v>38</v>
      </c>
      <c r="G1386" s="51" t="s">
        <v>97</v>
      </c>
      <c r="H1386" s="51" t="s">
        <v>82</v>
      </c>
      <c r="I1386" s="50">
        <v>4.7</v>
      </c>
    </row>
    <row r="1387" spans="1:9" x14ac:dyDescent="0.35">
      <c r="A1387" s="52" t="s">
        <v>78</v>
      </c>
      <c r="B1387" s="51" t="s">
        <v>79</v>
      </c>
      <c r="C1387" s="61">
        <v>387376550</v>
      </c>
      <c r="D1387" s="62">
        <v>20</v>
      </c>
      <c r="E1387" s="51">
        <v>202406</v>
      </c>
      <c r="F1387" s="51" t="s">
        <v>38</v>
      </c>
      <c r="G1387" s="51" t="s">
        <v>97</v>
      </c>
      <c r="H1387" s="51" t="s">
        <v>82</v>
      </c>
      <c r="I1387" s="50">
        <v>4.7</v>
      </c>
    </row>
    <row r="1388" spans="1:9" x14ac:dyDescent="0.35">
      <c r="A1388" s="52" t="s">
        <v>78</v>
      </c>
      <c r="B1388" s="51" t="s">
        <v>79</v>
      </c>
      <c r="C1388" s="61">
        <v>388266289</v>
      </c>
      <c r="D1388" s="62">
        <v>20</v>
      </c>
      <c r="E1388" s="51">
        <v>202406</v>
      </c>
      <c r="F1388" s="51" t="s">
        <v>38</v>
      </c>
      <c r="G1388" s="51" t="s">
        <v>97</v>
      </c>
      <c r="H1388" s="51" t="s">
        <v>82</v>
      </c>
      <c r="I1388" s="50">
        <v>4.7</v>
      </c>
    </row>
    <row r="1389" spans="1:9" x14ac:dyDescent="0.35">
      <c r="A1389" s="52" t="s">
        <v>78</v>
      </c>
      <c r="B1389" s="51" t="s">
        <v>79</v>
      </c>
      <c r="C1389" s="61">
        <v>389769869</v>
      </c>
      <c r="D1389" s="62">
        <v>20</v>
      </c>
      <c r="E1389" s="51">
        <v>202406</v>
      </c>
      <c r="F1389" s="51" t="s">
        <v>38</v>
      </c>
      <c r="G1389" s="51" t="s">
        <v>97</v>
      </c>
      <c r="H1389" s="51" t="s">
        <v>82</v>
      </c>
      <c r="I1389" s="50">
        <v>4.7</v>
      </c>
    </row>
    <row r="1390" spans="1:9" x14ac:dyDescent="0.35">
      <c r="A1390" s="52" t="s">
        <v>78</v>
      </c>
      <c r="B1390" s="51" t="s">
        <v>79</v>
      </c>
      <c r="C1390" s="61">
        <v>390904921</v>
      </c>
      <c r="D1390" s="62">
        <v>20</v>
      </c>
      <c r="E1390" s="51">
        <v>202406</v>
      </c>
      <c r="F1390" s="51" t="s">
        <v>38</v>
      </c>
      <c r="G1390" s="51" t="s">
        <v>97</v>
      </c>
      <c r="H1390" s="51" t="s">
        <v>82</v>
      </c>
      <c r="I1390" s="50">
        <v>4.7</v>
      </c>
    </row>
    <row r="1391" spans="1:9" x14ac:dyDescent="0.35">
      <c r="A1391" s="52" t="s">
        <v>78</v>
      </c>
      <c r="B1391" s="51" t="s">
        <v>79</v>
      </c>
      <c r="C1391" s="61">
        <v>392204074</v>
      </c>
      <c r="D1391" s="62">
        <v>20</v>
      </c>
      <c r="E1391" s="51">
        <v>202406</v>
      </c>
      <c r="F1391" s="51" t="s">
        <v>38</v>
      </c>
      <c r="G1391" s="51" t="s">
        <v>97</v>
      </c>
      <c r="H1391" s="51" t="s">
        <v>82</v>
      </c>
      <c r="I1391" s="50">
        <v>4.7</v>
      </c>
    </row>
    <row r="1392" spans="1:9" x14ac:dyDescent="0.35">
      <c r="A1392" s="52" t="s">
        <v>78</v>
      </c>
      <c r="B1392" s="51" t="s">
        <v>79</v>
      </c>
      <c r="C1392" s="61">
        <v>394239490</v>
      </c>
      <c r="D1392" s="62">
        <v>20</v>
      </c>
      <c r="E1392" s="51">
        <v>202406</v>
      </c>
      <c r="F1392" s="51" t="s">
        <v>38</v>
      </c>
      <c r="G1392" s="51" t="s">
        <v>97</v>
      </c>
      <c r="H1392" s="51" t="s">
        <v>82</v>
      </c>
      <c r="I1392" s="50">
        <v>4.7</v>
      </c>
    </row>
    <row r="1393" spans="1:9" x14ac:dyDescent="0.35">
      <c r="A1393" s="52" t="s">
        <v>78</v>
      </c>
      <c r="B1393" s="51" t="s">
        <v>79</v>
      </c>
      <c r="C1393" s="61">
        <v>394411130</v>
      </c>
      <c r="D1393" s="62">
        <v>20</v>
      </c>
      <c r="E1393" s="51">
        <v>202406</v>
      </c>
      <c r="F1393" s="51" t="s">
        <v>38</v>
      </c>
      <c r="G1393" s="51" t="s">
        <v>97</v>
      </c>
      <c r="H1393" s="51" t="s">
        <v>82</v>
      </c>
      <c r="I1393" s="50">
        <v>4.7</v>
      </c>
    </row>
    <row r="1394" spans="1:9" x14ac:dyDescent="0.35">
      <c r="A1394" s="52" t="s">
        <v>78</v>
      </c>
      <c r="B1394" s="51" t="s">
        <v>79</v>
      </c>
      <c r="C1394" s="61">
        <v>395102929</v>
      </c>
      <c r="D1394" s="62">
        <v>20</v>
      </c>
      <c r="E1394" s="51">
        <v>202406</v>
      </c>
      <c r="F1394" s="51" t="s">
        <v>38</v>
      </c>
      <c r="G1394" s="51" t="s">
        <v>97</v>
      </c>
      <c r="H1394" s="51" t="s">
        <v>82</v>
      </c>
      <c r="I1394" s="50">
        <v>4.7</v>
      </c>
    </row>
    <row r="1395" spans="1:9" x14ac:dyDescent="0.35">
      <c r="A1395" s="52" t="s">
        <v>78</v>
      </c>
      <c r="B1395" s="51" t="s">
        <v>79</v>
      </c>
      <c r="C1395" s="61">
        <v>395440471</v>
      </c>
      <c r="D1395" s="62">
        <v>20</v>
      </c>
      <c r="E1395" s="51">
        <v>202406</v>
      </c>
      <c r="F1395" s="51" t="s">
        <v>38</v>
      </c>
      <c r="G1395" s="51" t="s">
        <v>97</v>
      </c>
      <c r="H1395" s="51" t="s">
        <v>82</v>
      </c>
      <c r="I1395" s="50">
        <v>4.7</v>
      </c>
    </row>
    <row r="1396" spans="1:9" x14ac:dyDescent="0.35">
      <c r="A1396" s="52" t="s">
        <v>78</v>
      </c>
      <c r="B1396" s="51" t="s">
        <v>79</v>
      </c>
      <c r="C1396" s="61">
        <v>396402058</v>
      </c>
      <c r="D1396" s="62">
        <v>20</v>
      </c>
      <c r="E1396" s="51">
        <v>202406</v>
      </c>
      <c r="F1396" s="51" t="s">
        <v>38</v>
      </c>
      <c r="G1396" s="51" t="s">
        <v>97</v>
      </c>
      <c r="H1396" s="51" t="s">
        <v>82</v>
      </c>
      <c r="I1396" s="50">
        <v>4.7</v>
      </c>
    </row>
    <row r="1397" spans="1:9" x14ac:dyDescent="0.35">
      <c r="A1397" s="52" t="s">
        <v>78</v>
      </c>
      <c r="B1397" s="51" t="s">
        <v>79</v>
      </c>
      <c r="C1397" s="61">
        <v>397801117</v>
      </c>
      <c r="D1397" s="62">
        <v>20</v>
      </c>
      <c r="E1397" s="51">
        <v>202406</v>
      </c>
      <c r="F1397" s="51" t="s">
        <v>38</v>
      </c>
      <c r="G1397" s="51" t="s">
        <v>97</v>
      </c>
      <c r="H1397" s="51" t="s">
        <v>82</v>
      </c>
      <c r="I1397" s="50">
        <v>4.7</v>
      </c>
    </row>
    <row r="1398" spans="1:9" x14ac:dyDescent="0.35">
      <c r="A1398" s="52" t="s">
        <v>78</v>
      </c>
      <c r="B1398" s="51" t="s">
        <v>79</v>
      </c>
      <c r="C1398" s="61">
        <v>398044895</v>
      </c>
      <c r="D1398" s="62">
        <v>20</v>
      </c>
      <c r="E1398" s="51">
        <v>202406</v>
      </c>
      <c r="F1398" s="51" t="s">
        <v>38</v>
      </c>
      <c r="G1398" s="51" t="s">
        <v>97</v>
      </c>
      <c r="H1398" s="51" t="s">
        <v>82</v>
      </c>
      <c r="I1398" s="50">
        <v>4.7</v>
      </c>
    </row>
    <row r="1399" spans="1:9" x14ac:dyDescent="0.35">
      <c r="A1399" s="52" t="s">
        <v>78</v>
      </c>
      <c r="B1399" s="51" t="s">
        <v>79</v>
      </c>
      <c r="C1399" s="61">
        <v>399303692</v>
      </c>
      <c r="D1399" s="62">
        <v>20</v>
      </c>
      <c r="E1399" s="51">
        <v>202406</v>
      </c>
      <c r="F1399" s="51" t="s">
        <v>38</v>
      </c>
      <c r="G1399" s="51" t="s">
        <v>97</v>
      </c>
      <c r="H1399" s="51" t="s">
        <v>82</v>
      </c>
      <c r="I1399" s="50">
        <v>4.7</v>
      </c>
    </row>
    <row r="1400" spans="1:9" x14ac:dyDescent="0.35">
      <c r="A1400" s="52" t="s">
        <v>78</v>
      </c>
      <c r="B1400" s="51" t="s">
        <v>79</v>
      </c>
      <c r="C1400" s="61">
        <v>399455270</v>
      </c>
      <c r="D1400" s="62">
        <v>20</v>
      </c>
      <c r="E1400" s="51">
        <v>202406</v>
      </c>
      <c r="F1400" s="51" t="s">
        <v>38</v>
      </c>
      <c r="G1400" s="51" t="s">
        <v>97</v>
      </c>
      <c r="H1400" s="51" t="s">
        <v>82</v>
      </c>
      <c r="I1400" s="50">
        <v>4.7</v>
      </c>
    </row>
    <row r="1401" spans="1:9" x14ac:dyDescent="0.35">
      <c r="A1401" s="52" t="s">
        <v>78</v>
      </c>
      <c r="B1401" s="51" t="s">
        <v>79</v>
      </c>
      <c r="C1401" s="61">
        <v>399814492</v>
      </c>
      <c r="D1401" s="62">
        <v>20</v>
      </c>
      <c r="E1401" s="51">
        <v>202406</v>
      </c>
      <c r="F1401" s="51" t="s">
        <v>38</v>
      </c>
      <c r="G1401" s="51" t="s">
        <v>97</v>
      </c>
      <c r="H1401" s="51" t="s">
        <v>82</v>
      </c>
      <c r="I1401" s="50">
        <v>4.7</v>
      </c>
    </row>
    <row r="1402" spans="1:9" x14ac:dyDescent="0.35">
      <c r="A1402" s="52" t="s">
        <v>78</v>
      </c>
      <c r="B1402" s="51" t="s">
        <v>79</v>
      </c>
      <c r="C1402" s="61">
        <v>306001627</v>
      </c>
      <c r="D1402" s="62">
        <v>211</v>
      </c>
      <c r="E1402" s="51">
        <v>202406</v>
      </c>
      <c r="F1402" s="51" t="s">
        <v>38</v>
      </c>
      <c r="G1402" s="51" t="s">
        <v>97</v>
      </c>
      <c r="H1402" s="51" t="s">
        <v>82</v>
      </c>
      <c r="I1402" s="50">
        <v>4.7</v>
      </c>
    </row>
    <row r="1403" spans="1:9" x14ac:dyDescent="0.35">
      <c r="A1403" s="52" t="s">
        <v>78</v>
      </c>
      <c r="B1403" s="51" t="s">
        <v>79</v>
      </c>
      <c r="C1403" s="61">
        <v>317246623</v>
      </c>
      <c r="D1403" s="62">
        <v>211</v>
      </c>
      <c r="E1403" s="51">
        <v>202406</v>
      </c>
      <c r="F1403" s="51" t="s">
        <v>38</v>
      </c>
      <c r="G1403" s="51" t="s">
        <v>97</v>
      </c>
      <c r="H1403" s="51" t="s">
        <v>82</v>
      </c>
      <c r="I1403" s="50">
        <v>4.7</v>
      </c>
    </row>
    <row r="1404" spans="1:9" x14ac:dyDescent="0.35">
      <c r="A1404" s="52" t="s">
        <v>78</v>
      </c>
      <c r="B1404" s="51" t="s">
        <v>79</v>
      </c>
      <c r="C1404" s="61">
        <v>337619161</v>
      </c>
      <c r="D1404" s="62">
        <v>211</v>
      </c>
      <c r="E1404" s="51">
        <v>202406</v>
      </c>
      <c r="F1404" s="51" t="s">
        <v>38</v>
      </c>
      <c r="G1404" s="51" t="s">
        <v>97</v>
      </c>
      <c r="H1404" s="51" t="s">
        <v>82</v>
      </c>
      <c r="I1404" s="50">
        <v>4.7</v>
      </c>
    </row>
    <row r="1405" spans="1:9" x14ac:dyDescent="0.35">
      <c r="A1405" s="52" t="s">
        <v>78</v>
      </c>
      <c r="B1405" s="51" t="s">
        <v>79</v>
      </c>
      <c r="C1405" s="61">
        <v>346715450</v>
      </c>
      <c r="D1405" s="62">
        <v>211</v>
      </c>
      <c r="E1405" s="51">
        <v>202406</v>
      </c>
      <c r="F1405" s="51" t="s">
        <v>38</v>
      </c>
      <c r="G1405" s="51" t="s">
        <v>97</v>
      </c>
      <c r="H1405" s="51" t="s">
        <v>82</v>
      </c>
      <c r="I1405" s="50">
        <v>4.7</v>
      </c>
    </row>
    <row r="1406" spans="1:9" x14ac:dyDescent="0.35">
      <c r="A1406" s="52" t="s">
        <v>78</v>
      </c>
      <c r="B1406" s="51" t="s">
        <v>79</v>
      </c>
      <c r="C1406" s="61">
        <v>347638680</v>
      </c>
      <c r="D1406" s="62">
        <v>211</v>
      </c>
      <c r="E1406" s="51">
        <v>202406</v>
      </c>
      <c r="F1406" s="51" t="s">
        <v>38</v>
      </c>
      <c r="G1406" s="51" t="s">
        <v>97</v>
      </c>
      <c r="H1406" s="51" t="s">
        <v>82</v>
      </c>
      <c r="I1406" s="50">
        <v>30</v>
      </c>
    </row>
    <row r="1407" spans="1:9" x14ac:dyDescent="0.35">
      <c r="A1407" s="52" t="s">
        <v>78</v>
      </c>
      <c r="B1407" s="51" t="s">
        <v>79</v>
      </c>
      <c r="C1407" s="61">
        <v>351664149</v>
      </c>
      <c r="D1407" s="62">
        <v>211</v>
      </c>
      <c r="E1407" s="51">
        <v>202406</v>
      </c>
      <c r="F1407" s="51" t="s">
        <v>38</v>
      </c>
      <c r="G1407" s="51" t="s">
        <v>97</v>
      </c>
      <c r="H1407" s="51" t="s">
        <v>82</v>
      </c>
      <c r="I1407" s="50">
        <v>4.7</v>
      </c>
    </row>
    <row r="1408" spans="1:9" x14ac:dyDescent="0.35">
      <c r="A1408" s="52" t="s">
        <v>78</v>
      </c>
      <c r="B1408" s="51" t="s">
        <v>79</v>
      </c>
      <c r="C1408" s="61">
        <v>353105671</v>
      </c>
      <c r="D1408" s="62">
        <v>211</v>
      </c>
      <c r="E1408" s="51">
        <v>202406</v>
      </c>
      <c r="F1408" s="51" t="s">
        <v>38</v>
      </c>
      <c r="G1408" s="51" t="s">
        <v>97</v>
      </c>
      <c r="H1408" s="51" t="s">
        <v>82</v>
      </c>
      <c r="I1408" s="50">
        <v>4.7</v>
      </c>
    </row>
    <row r="1409" spans="1:9" x14ac:dyDescent="0.35">
      <c r="A1409" s="52" t="s">
        <v>78</v>
      </c>
      <c r="B1409" s="51" t="s">
        <v>79</v>
      </c>
      <c r="C1409" s="61">
        <v>359739900</v>
      </c>
      <c r="D1409" s="62">
        <v>211</v>
      </c>
      <c r="E1409" s="51">
        <v>202406</v>
      </c>
      <c r="F1409" s="51" t="s">
        <v>38</v>
      </c>
      <c r="G1409" s="51" t="s">
        <v>97</v>
      </c>
      <c r="H1409" s="51" t="s">
        <v>82</v>
      </c>
      <c r="I1409" s="50">
        <v>4.7</v>
      </c>
    </row>
    <row r="1410" spans="1:9" x14ac:dyDescent="0.35">
      <c r="A1410" s="52" t="s">
        <v>78</v>
      </c>
      <c r="B1410" s="51" t="s">
        <v>79</v>
      </c>
      <c r="C1410" s="61">
        <v>361701016</v>
      </c>
      <c r="D1410" s="62">
        <v>211</v>
      </c>
      <c r="E1410" s="51">
        <v>202406</v>
      </c>
      <c r="F1410" s="51" t="s">
        <v>38</v>
      </c>
      <c r="G1410" s="51" t="s">
        <v>97</v>
      </c>
      <c r="H1410" s="51" t="s">
        <v>82</v>
      </c>
      <c r="I1410" s="50">
        <v>124</v>
      </c>
    </row>
    <row r="1411" spans="1:9" x14ac:dyDescent="0.35">
      <c r="A1411" s="52" t="s">
        <v>78</v>
      </c>
      <c r="B1411" s="51" t="s">
        <v>79</v>
      </c>
      <c r="C1411" s="61">
        <v>369070260</v>
      </c>
      <c r="D1411" s="62">
        <v>211</v>
      </c>
      <c r="E1411" s="51">
        <v>202406</v>
      </c>
      <c r="F1411" s="51" t="s">
        <v>38</v>
      </c>
      <c r="G1411" s="51" t="s">
        <v>97</v>
      </c>
      <c r="H1411" s="51" t="s">
        <v>82</v>
      </c>
      <c r="I1411" s="50">
        <v>4.7</v>
      </c>
    </row>
    <row r="1412" spans="1:9" x14ac:dyDescent="0.35">
      <c r="A1412" s="52" t="s">
        <v>78</v>
      </c>
      <c r="B1412" s="51" t="s">
        <v>79</v>
      </c>
      <c r="C1412" s="61">
        <v>372192960</v>
      </c>
      <c r="D1412" s="62">
        <v>211</v>
      </c>
      <c r="E1412" s="51">
        <v>202406</v>
      </c>
      <c r="F1412" s="51" t="s">
        <v>38</v>
      </c>
      <c r="G1412" s="51" t="s">
        <v>97</v>
      </c>
      <c r="H1412" s="51" t="s">
        <v>82</v>
      </c>
      <c r="I1412" s="50">
        <v>4.7</v>
      </c>
    </row>
    <row r="1413" spans="1:9" x14ac:dyDescent="0.35">
      <c r="A1413" s="52" t="s">
        <v>78</v>
      </c>
      <c r="B1413" s="51" t="s">
        <v>79</v>
      </c>
      <c r="C1413" s="61">
        <v>381100959</v>
      </c>
      <c r="D1413" s="62">
        <v>211</v>
      </c>
      <c r="E1413" s="51">
        <v>202406</v>
      </c>
      <c r="F1413" s="51" t="s">
        <v>38</v>
      </c>
      <c r="G1413" s="51" t="s">
        <v>97</v>
      </c>
      <c r="H1413" s="51" t="s">
        <v>82</v>
      </c>
      <c r="I1413" s="50">
        <v>4.7</v>
      </c>
    </row>
    <row r="1414" spans="1:9" x14ac:dyDescent="0.35">
      <c r="A1414" s="52" t="s">
        <v>78</v>
      </c>
      <c r="B1414" s="51" t="s">
        <v>79</v>
      </c>
      <c r="C1414" s="61">
        <v>391402144</v>
      </c>
      <c r="D1414" s="62">
        <v>211</v>
      </c>
      <c r="E1414" s="51">
        <v>202406</v>
      </c>
      <c r="F1414" s="51" t="s">
        <v>38</v>
      </c>
      <c r="G1414" s="51" t="s">
        <v>97</v>
      </c>
      <c r="H1414" s="51" t="s">
        <v>82</v>
      </c>
      <c r="I1414" s="50">
        <v>4.7</v>
      </c>
    </row>
    <row r="1415" spans="1:9" x14ac:dyDescent="0.35">
      <c r="A1415" s="52" t="s">
        <v>78</v>
      </c>
      <c r="B1415" s="51" t="s">
        <v>79</v>
      </c>
      <c r="C1415" s="61">
        <v>397800749</v>
      </c>
      <c r="D1415" s="62">
        <v>211</v>
      </c>
      <c r="E1415" s="51">
        <v>202406</v>
      </c>
      <c r="F1415" s="51" t="s">
        <v>38</v>
      </c>
      <c r="G1415" s="51" t="s">
        <v>97</v>
      </c>
      <c r="H1415" s="51" t="s">
        <v>82</v>
      </c>
      <c r="I1415" s="50">
        <v>4.7</v>
      </c>
    </row>
    <row r="1416" spans="1:9" x14ac:dyDescent="0.35">
      <c r="A1416" s="52" t="s">
        <v>78</v>
      </c>
      <c r="B1416" s="51" t="s">
        <v>79</v>
      </c>
      <c r="C1416" s="61">
        <v>305100960</v>
      </c>
      <c r="D1416" s="62">
        <v>212</v>
      </c>
      <c r="E1416" s="51">
        <v>202406</v>
      </c>
      <c r="F1416" s="51" t="s">
        <v>38</v>
      </c>
      <c r="G1416" s="51" t="s">
        <v>97</v>
      </c>
      <c r="H1416" s="51" t="s">
        <v>82</v>
      </c>
      <c r="I1416" s="50">
        <v>4.7</v>
      </c>
    </row>
    <row r="1417" spans="1:9" x14ac:dyDescent="0.35">
      <c r="A1417" s="52" t="s">
        <v>78</v>
      </c>
      <c r="B1417" s="51" t="s">
        <v>79</v>
      </c>
      <c r="C1417" s="61">
        <v>375309943</v>
      </c>
      <c r="D1417" s="62">
        <v>212</v>
      </c>
      <c r="E1417" s="51">
        <v>202406</v>
      </c>
      <c r="F1417" s="51" t="s">
        <v>38</v>
      </c>
      <c r="G1417" s="51" t="s">
        <v>97</v>
      </c>
      <c r="H1417" s="51" t="s">
        <v>82</v>
      </c>
      <c r="I1417" s="50">
        <v>4.7</v>
      </c>
    </row>
    <row r="1418" spans="1:9" x14ac:dyDescent="0.35">
      <c r="A1418" s="52" t="s">
        <v>78</v>
      </c>
      <c r="B1418" s="51" t="s">
        <v>79</v>
      </c>
      <c r="C1418" s="61">
        <v>300800813</v>
      </c>
      <c r="D1418" s="62">
        <v>10</v>
      </c>
      <c r="E1418" s="51">
        <v>202407</v>
      </c>
      <c r="F1418" s="51" t="s">
        <v>38</v>
      </c>
      <c r="G1418" s="51" t="s">
        <v>97</v>
      </c>
      <c r="H1418" s="51" t="s">
        <v>82</v>
      </c>
      <c r="I1418" s="50">
        <v>4.7</v>
      </c>
    </row>
    <row r="1419" spans="1:9" x14ac:dyDescent="0.35">
      <c r="A1419" s="52" t="s">
        <v>78</v>
      </c>
      <c r="B1419" s="51" t="s">
        <v>79</v>
      </c>
      <c r="C1419" s="61">
        <v>301201112</v>
      </c>
      <c r="D1419" s="62">
        <v>10</v>
      </c>
      <c r="E1419" s="51">
        <v>202407</v>
      </c>
      <c r="F1419" s="51" t="s">
        <v>38</v>
      </c>
      <c r="G1419" s="51" t="s">
        <v>97</v>
      </c>
      <c r="H1419" s="51" t="s">
        <v>82</v>
      </c>
      <c r="I1419" s="50">
        <v>30</v>
      </c>
    </row>
    <row r="1420" spans="1:9" x14ac:dyDescent="0.35">
      <c r="A1420" s="52" t="s">
        <v>78</v>
      </c>
      <c r="B1420" s="51" t="s">
        <v>79</v>
      </c>
      <c r="C1420" s="61">
        <v>301833079</v>
      </c>
      <c r="D1420" s="62">
        <v>10</v>
      </c>
      <c r="E1420" s="51">
        <v>202407</v>
      </c>
      <c r="F1420" s="51" t="s">
        <v>38</v>
      </c>
      <c r="G1420" s="51" t="s">
        <v>97</v>
      </c>
      <c r="H1420" s="51" t="s">
        <v>82</v>
      </c>
      <c r="I1420" s="50">
        <v>4.7</v>
      </c>
    </row>
    <row r="1421" spans="1:9" x14ac:dyDescent="0.35">
      <c r="A1421" s="52" t="s">
        <v>78</v>
      </c>
      <c r="B1421" s="51" t="s">
        <v>79</v>
      </c>
      <c r="C1421" s="61">
        <v>302601015</v>
      </c>
      <c r="D1421" s="62">
        <v>10</v>
      </c>
      <c r="E1421" s="51">
        <v>202407</v>
      </c>
      <c r="F1421" s="51" t="s">
        <v>38</v>
      </c>
      <c r="G1421" s="51" t="s">
        <v>97</v>
      </c>
      <c r="H1421" s="51" t="s">
        <v>82</v>
      </c>
      <c r="I1421" s="50">
        <v>4.7</v>
      </c>
    </row>
    <row r="1422" spans="1:9" x14ac:dyDescent="0.35">
      <c r="A1422" s="52" t="s">
        <v>78</v>
      </c>
      <c r="B1422" s="51" t="s">
        <v>79</v>
      </c>
      <c r="C1422" s="61">
        <v>303554102</v>
      </c>
      <c r="D1422" s="62">
        <v>10</v>
      </c>
      <c r="E1422" s="51">
        <v>202407</v>
      </c>
      <c r="F1422" s="51" t="s">
        <v>38</v>
      </c>
      <c r="G1422" s="51" t="s">
        <v>97</v>
      </c>
      <c r="H1422" s="51" t="s">
        <v>82</v>
      </c>
      <c r="I1422" s="50">
        <v>4.7</v>
      </c>
    </row>
    <row r="1423" spans="1:9" x14ac:dyDescent="0.35">
      <c r="A1423" s="52" t="s">
        <v>78</v>
      </c>
      <c r="B1423" s="51" t="s">
        <v>79</v>
      </c>
      <c r="C1423" s="61">
        <v>304131713</v>
      </c>
      <c r="D1423" s="62">
        <v>10</v>
      </c>
      <c r="E1423" s="51">
        <v>202407</v>
      </c>
      <c r="F1423" s="51" t="s">
        <v>38</v>
      </c>
      <c r="G1423" s="51" t="s">
        <v>97</v>
      </c>
      <c r="H1423" s="51" t="s">
        <v>82</v>
      </c>
      <c r="I1423" s="50">
        <v>4.7</v>
      </c>
    </row>
    <row r="1424" spans="1:9" x14ac:dyDescent="0.35">
      <c r="A1424" s="52" t="s">
        <v>78</v>
      </c>
      <c r="B1424" s="51" t="s">
        <v>79</v>
      </c>
      <c r="C1424" s="61">
        <v>306803685</v>
      </c>
      <c r="D1424" s="62">
        <v>10</v>
      </c>
      <c r="E1424" s="51">
        <v>202407</v>
      </c>
      <c r="F1424" s="51" t="s">
        <v>38</v>
      </c>
      <c r="G1424" s="51" t="s">
        <v>97</v>
      </c>
      <c r="H1424" s="51" t="s">
        <v>82</v>
      </c>
      <c r="I1424" s="50">
        <v>4.7</v>
      </c>
    </row>
    <row r="1425" spans="1:9" x14ac:dyDescent="0.35">
      <c r="A1425" s="52" t="s">
        <v>78</v>
      </c>
      <c r="B1425" s="51" t="s">
        <v>79</v>
      </c>
      <c r="C1425" s="61">
        <v>307302610</v>
      </c>
      <c r="D1425" s="62">
        <v>10</v>
      </c>
      <c r="E1425" s="51">
        <v>202407</v>
      </c>
      <c r="F1425" s="51" t="s">
        <v>38</v>
      </c>
      <c r="G1425" s="51" t="s">
        <v>97</v>
      </c>
      <c r="H1425" s="51" t="s">
        <v>82</v>
      </c>
      <c r="I1425" s="50">
        <v>4.7</v>
      </c>
    </row>
    <row r="1426" spans="1:9" x14ac:dyDescent="0.35">
      <c r="A1426" s="52" t="s">
        <v>78</v>
      </c>
      <c r="B1426" s="51" t="s">
        <v>79</v>
      </c>
      <c r="C1426" s="61">
        <v>308400831</v>
      </c>
      <c r="D1426" s="62">
        <v>10</v>
      </c>
      <c r="E1426" s="51">
        <v>202407</v>
      </c>
      <c r="F1426" s="51" t="s">
        <v>38</v>
      </c>
      <c r="G1426" s="51" t="s">
        <v>97</v>
      </c>
      <c r="H1426" s="51" t="s">
        <v>82</v>
      </c>
      <c r="I1426" s="50">
        <v>4.7</v>
      </c>
    </row>
    <row r="1427" spans="1:9" x14ac:dyDescent="0.35">
      <c r="A1427" s="52" t="s">
        <v>78</v>
      </c>
      <c r="B1427" s="51" t="s">
        <v>79</v>
      </c>
      <c r="C1427" s="61">
        <v>308456443</v>
      </c>
      <c r="D1427" s="62">
        <v>10</v>
      </c>
      <c r="E1427" s="51">
        <v>202407</v>
      </c>
      <c r="F1427" s="51" t="s">
        <v>38</v>
      </c>
      <c r="G1427" s="51" t="s">
        <v>97</v>
      </c>
      <c r="H1427" s="51" t="s">
        <v>82</v>
      </c>
      <c r="I1427" s="50">
        <v>4.7</v>
      </c>
    </row>
    <row r="1428" spans="1:9" x14ac:dyDescent="0.35">
      <c r="A1428" s="52" t="s">
        <v>78</v>
      </c>
      <c r="B1428" s="51" t="s">
        <v>79</v>
      </c>
      <c r="C1428" s="61">
        <v>309905432</v>
      </c>
      <c r="D1428" s="62">
        <v>10</v>
      </c>
      <c r="E1428" s="51">
        <v>202407</v>
      </c>
      <c r="F1428" s="51" t="s">
        <v>38</v>
      </c>
      <c r="G1428" s="51" t="s">
        <v>97</v>
      </c>
      <c r="H1428" s="51" t="s">
        <v>82</v>
      </c>
      <c r="I1428" s="50">
        <v>4.7</v>
      </c>
    </row>
    <row r="1429" spans="1:9" x14ac:dyDescent="0.35">
      <c r="A1429" s="52" t="s">
        <v>78</v>
      </c>
      <c r="B1429" s="51" t="s">
        <v>79</v>
      </c>
      <c r="C1429" s="61">
        <v>311802720</v>
      </c>
      <c r="D1429" s="62">
        <v>10</v>
      </c>
      <c r="E1429" s="51">
        <v>202407</v>
      </c>
      <c r="F1429" s="51" t="s">
        <v>38</v>
      </c>
      <c r="G1429" s="51" t="s">
        <v>97</v>
      </c>
      <c r="H1429" s="51" t="s">
        <v>82</v>
      </c>
      <c r="I1429" s="50">
        <v>4.7</v>
      </c>
    </row>
    <row r="1430" spans="1:9" x14ac:dyDescent="0.35">
      <c r="A1430" s="52" t="s">
        <v>78</v>
      </c>
      <c r="B1430" s="51" t="s">
        <v>79</v>
      </c>
      <c r="C1430" s="61">
        <v>315200609</v>
      </c>
      <c r="D1430" s="62">
        <v>10</v>
      </c>
      <c r="E1430" s="51">
        <v>202407</v>
      </c>
      <c r="F1430" s="51" t="s">
        <v>38</v>
      </c>
      <c r="G1430" s="51" t="s">
        <v>97</v>
      </c>
      <c r="H1430" s="51" t="s">
        <v>82</v>
      </c>
      <c r="I1430" s="50">
        <v>4.7</v>
      </c>
    </row>
    <row r="1431" spans="1:9" x14ac:dyDescent="0.35">
      <c r="A1431" s="52" t="s">
        <v>78</v>
      </c>
      <c r="B1431" s="51" t="s">
        <v>79</v>
      </c>
      <c r="C1431" s="61">
        <v>317202546</v>
      </c>
      <c r="D1431" s="62">
        <v>10</v>
      </c>
      <c r="E1431" s="51">
        <v>202407</v>
      </c>
      <c r="F1431" s="51" t="s">
        <v>38</v>
      </c>
      <c r="G1431" s="51" t="s">
        <v>97</v>
      </c>
      <c r="H1431" s="51" t="s">
        <v>82</v>
      </c>
      <c r="I1431" s="50">
        <v>4.7</v>
      </c>
    </row>
    <row r="1432" spans="1:9" x14ac:dyDescent="0.35">
      <c r="A1432" s="52" t="s">
        <v>78</v>
      </c>
      <c r="B1432" s="51" t="s">
        <v>79</v>
      </c>
      <c r="C1432" s="61">
        <v>317204284</v>
      </c>
      <c r="D1432" s="62">
        <v>10</v>
      </c>
      <c r="E1432" s="51">
        <v>202407</v>
      </c>
      <c r="F1432" s="51" t="s">
        <v>38</v>
      </c>
      <c r="G1432" s="51" t="s">
        <v>97</v>
      </c>
      <c r="H1432" s="51" t="s">
        <v>82</v>
      </c>
      <c r="I1432" s="50">
        <v>4.7</v>
      </c>
    </row>
    <row r="1433" spans="1:9" x14ac:dyDescent="0.35">
      <c r="A1433" s="52" t="s">
        <v>78</v>
      </c>
      <c r="B1433" s="51" t="s">
        <v>79</v>
      </c>
      <c r="C1433" s="61">
        <v>323905604</v>
      </c>
      <c r="D1433" s="62">
        <v>10</v>
      </c>
      <c r="E1433" s="51">
        <v>202407</v>
      </c>
      <c r="F1433" s="51" t="s">
        <v>38</v>
      </c>
      <c r="G1433" s="51" t="s">
        <v>97</v>
      </c>
      <c r="H1433" s="51" t="s">
        <v>82</v>
      </c>
      <c r="I1433" s="50">
        <v>30</v>
      </c>
    </row>
    <row r="1434" spans="1:9" x14ac:dyDescent="0.35">
      <c r="A1434" s="52" t="s">
        <v>78</v>
      </c>
      <c r="B1434" s="51" t="s">
        <v>79</v>
      </c>
      <c r="C1434" s="61">
        <v>325002699</v>
      </c>
      <c r="D1434" s="62">
        <v>10</v>
      </c>
      <c r="E1434" s="51">
        <v>202407</v>
      </c>
      <c r="F1434" s="51" t="s">
        <v>38</v>
      </c>
      <c r="G1434" s="51" t="s">
        <v>97</v>
      </c>
      <c r="H1434" s="51" t="s">
        <v>82</v>
      </c>
      <c r="I1434" s="50">
        <v>4.7</v>
      </c>
    </row>
    <row r="1435" spans="1:9" x14ac:dyDescent="0.35">
      <c r="A1435" s="52" t="s">
        <v>78</v>
      </c>
      <c r="B1435" s="51" t="s">
        <v>79</v>
      </c>
      <c r="C1435" s="61">
        <v>326001215</v>
      </c>
      <c r="D1435" s="62">
        <v>10</v>
      </c>
      <c r="E1435" s="51">
        <v>202407</v>
      </c>
      <c r="F1435" s="51" t="s">
        <v>38</v>
      </c>
      <c r="G1435" s="51" t="s">
        <v>97</v>
      </c>
      <c r="H1435" s="51" t="s">
        <v>82</v>
      </c>
      <c r="I1435" s="50">
        <v>4.7</v>
      </c>
    </row>
    <row r="1436" spans="1:9" x14ac:dyDescent="0.35">
      <c r="A1436" s="52" t="s">
        <v>78</v>
      </c>
      <c r="B1436" s="51" t="s">
        <v>79</v>
      </c>
      <c r="C1436" s="61">
        <v>326062176</v>
      </c>
      <c r="D1436" s="62">
        <v>10</v>
      </c>
      <c r="E1436" s="51">
        <v>202407</v>
      </c>
      <c r="F1436" s="51" t="s">
        <v>38</v>
      </c>
      <c r="G1436" s="51" t="s">
        <v>97</v>
      </c>
      <c r="H1436" s="51" t="s">
        <v>82</v>
      </c>
      <c r="I1436" s="50">
        <v>4.7</v>
      </c>
    </row>
    <row r="1437" spans="1:9" x14ac:dyDescent="0.35">
      <c r="A1437" s="52" t="s">
        <v>78</v>
      </c>
      <c r="B1437" s="51" t="s">
        <v>79</v>
      </c>
      <c r="C1437" s="61">
        <v>327402556</v>
      </c>
      <c r="D1437" s="62">
        <v>10</v>
      </c>
      <c r="E1437" s="51">
        <v>202407</v>
      </c>
      <c r="F1437" s="51" t="s">
        <v>38</v>
      </c>
      <c r="G1437" s="51" t="s">
        <v>97</v>
      </c>
      <c r="H1437" s="51" t="s">
        <v>82</v>
      </c>
      <c r="I1437" s="50">
        <v>4.7</v>
      </c>
    </row>
    <row r="1438" spans="1:9" x14ac:dyDescent="0.35">
      <c r="A1438" s="52" t="s">
        <v>78</v>
      </c>
      <c r="B1438" s="51" t="s">
        <v>79</v>
      </c>
      <c r="C1438" s="61">
        <v>327719450</v>
      </c>
      <c r="D1438" s="62">
        <v>10</v>
      </c>
      <c r="E1438" s="51">
        <v>202407</v>
      </c>
      <c r="F1438" s="51" t="s">
        <v>38</v>
      </c>
      <c r="G1438" s="51" t="s">
        <v>97</v>
      </c>
      <c r="H1438" s="51" t="s">
        <v>82</v>
      </c>
      <c r="I1438" s="50">
        <v>4.7</v>
      </c>
    </row>
    <row r="1439" spans="1:9" x14ac:dyDescent="0.35">
      <c r="A1439" s="52" t="s">
        <v>78</v>
      </c>
      <c r="B1439" s="51" t="s">
        <v>79</v>
      </c>
      <c r="C1439" s="61">
        <v>328102891</v>
      </c>
      <c r="D1439" s="62">
        <v>10</v>
      </c>
      <c r="E1439" s="51">
        <v>202407</v>
      </c>
      <c r="F1439" s="51" t="s">
        <v>38</v>
      </c>
      <c r="G1439" s="51" t="s">
        <v>97</v>
      </c>
      <c r="H1439" s="51" t="s">
        <v>82</v>
      </c>
      <c r="I1439" s="50">
        <v>4.7</v>
      </c>
    </row>
    <row r="1440" spans="1:9" x14ac:dyDescent="0.35">
      <c r="A1440" s="52" t="s">
        <v>78</v>
      </c>
      <c r="B1440" s="51" t="s">
        <v>79</v>
      </c>
      <c r="C1440" s="61">
        <v>329401412</v>
      </c>
      <c r="D1440" s="62">
        <v>10</v>
      </c>
      <c r="E1440" s="51">
        <v>202407</v>
      </c>
      <c r="F1440" s="51" t="s">
        <v>38</v>
      </c>
      <c r="G1440" s="51" t="s">
        <v>97</v>
      </c>
      <c r="H1440" s="51" t="s">
        <v>82</v>
      </c>
      <c r="I1440" s="50">
        <v>4.7</v>
      </c>
    </row>
    <row r="1441" spans="1:9" x14ac:dyDescent="0.35">
      <c r="A1441" s="52" t="s">
        <v>78</v>
      </c>
      <c r="B1441" s="51" t="s">
        <v>79</v>
      </c>
      <c r="C1441" s="61">
        <v>329803142</v>
      </c>
      <c r="D1441" s="62">
        <v>10</v>
      </c>
      <c r="E1441" s="51">
        <v>202407</v>
      </c>
      <c r="F1441" s="51" t="s">
        <v>38</v>
      </c>
      <c r="G1441" s="51" t="s">
        <v>97</v>
      </c>
      <c r="H1441" s="51" t="s">
        <v>82</v>
      </c>
      <c r="I1441" s="50">
        <v>4.7</v>
      </c>
    </row>
    <row r="1442" spans="1:9" x14ac:dyDescent="0.35">
      <c r="A1442" s="52" t="s">
        <v>78</v>
      </c>
      <c r="B1442" s="51" t="s">
        <v>79</v>
      </c>
      <c r="C1442" s="61">
        <v>330405783</v>
      </c>
      <c r="D1442" s="62">
        <v>10</v>
      </c>
      <c r="E1442" s="51">
        <v>202407</v>
      </c>
      <c r="F1442" s="51" t="s">
        <v>38</v>
      </c>
      <c r="G1442" s="51" t="s">
        <v>97</v>
      </c>
      <c r="H1442" s="51" t="s">
        <v>82</v>
      </c>
      <c r="I1442" s="50">
        <v>30</v>
      </c>
    </row>
    <row r="1443" spans="1:9" x14ac:dyDescent="0.35">
      <c r="A1443" s="52" t="s">
        <v>78</v>
      </c>
      <c r="B1443" s="51" t="s">
        <v>79</v>
      </c>
      <c r="C1443" s="61">
        <v>330504061</v>
      </c>
      <c r="D1443" s="62">
        <v>10</v>
      </c>
      <c r="E1443" s="51">
        <v>202407</v>
      </c>
      <c r="F1443" s="51" t="s">
        <v>38</v>
      </c>
      <c r="G1443" s="51" t="s">
        <v>97</v>
      </c>
      <c r="H1443" s="51" t="s">
        <v>82</v>
      </c>
      <c r="I1443" s="50">
        <v>4.7</v>
      </c>
    </row>
    <row r="1444" spans="1:9" x14ac:dyDescent="0.35">
      <c r="A1444" s="52" t="s">
        <v>78</v>
      </c>
      <c r="B1444" s="51" t="s">
        <v>79</v>
      </c>
      <c r="C1444" s="61">
        <v>330902622</v>
      </c>
      <c r="D1444" s="62">
        <v>10</v>
      </c>
      <c r="E1444" s="51">
        <v>202407</v>
      </c>
      <c r="F1444" s="51" t="s">
        <v>38</v>
      </c>
      <c r="G1444" s="51" t="s">
        <v>97</v>
      </c>
      <c r="H1444" s="51" t="s">
        <v>82</v>
      </c>
      <c r="I1444" s="50">
        <v>4.7</v>
      </c>
    </row>
    <row r="1445" spans="1:9" x14ac:dyDescent="0.35">
      <c r="A1445" s="52" t="s">
        <v>78</v>
      </c>
      <c r="B1445" s="51" t="s">
        <v>79</v>
      </c>
      <c r="C1445" s="61">
        <v>331403122</v>
      </c>
      <c r="D1445" s="62">
        <v>10</v>
      </c>
      <c r="E1445" s="51">
        <v>202407</v>
      </c>
      <c r="F1445" s="51" t="s">
        <v>38</v>
      </c>
      <c r="G1445" s="51" t="s">
        <v>97</v>
      </c>
      <c r="H1445" s="51" t="s">
        <v>82</v>
      </c>
      <c r="I1445" s="50">
        <v>4.7</v>
      </c>
    </row>
    <row r="1446" spans="1:9" x14ac:dyDescent="0.35">
      <c r="A1446" s="52" t="s">
        <v>78</v>
      </c>
      <c r="B1446" s="51" t="s">
        <v>79</v>
      </c>
      <c r="C1446" s="61">
        <v>332188591</v>
      </c>
      <c r="D1446" s="62">
        <v>10</v>
      </c>
      <c r="E1446" s="51">
        <v>202407</v>
      </c>
      <c r="F1446" s="51" t="s">
        <v>38</v>
      </c>
      <c r="G1446" s="51" t="s">
        <v>97</v>
      </c>
      <c r="H1446" s="51" t="s">
        <v>82</v>
      </c>
      <c r="I1446" s="50">
        <v>4.7</v>
      </c>
    </row>
    <row r="1447" spans="1:9" x14ac:dyDescent="0.35">
      <c r="A1447" s="52" t="s">
        <v>78</v>
      </c>
      <c r="B1447" s="51" t="s">
        <v>79</v>
      </c>
      <c r="C1447" s="61">
        <v>332400337</v>
      </c>
      <c r="D1447" s="62">
        <v>10</v>
      </c>
      <c r="E1447" s="51">
        <v>202407</v>
      </c>
      <c r="F1447" s="51" t="s">
        <v>38</v>
      </c>
      <c r="G1447" s="51" t="s">
        <v>97</v>
      </c>
      <c r="H1447" s="51" t="s">
        <v>82</v>
      </c>
      <c r="I1447" s="50">
        <v>4.7</v>
      </c>
    </row>
    <row r="1448" spans="1:9" x14ac:dyDescent="0.35">
      <c r="A1448" s="52" t="s">
        <v>78</v>
      </c>
      <c r="B1448" s="51" t="s">
        <v>79</v>
      </c>
      <c r="C1448" s="61">
        <v>333744779</v>
      </c>
      <c r="D1448" s="62">
        <v>10</v>
      </c>
      <c r="E1448" s="51">
        <v>202407</v>
      </c>
      <c r="F1448" s="51" t="s">
        <v>38</v>
      </c>
      <c r="G1448" s="51" t="s">
        <v>97</v>
      </c>
      <c r="H1448" s="51" t="s">
        <v>82</v>
      </c>
      <c r="I1448" s="50">
        <v>4.7</v>
      </c>
    </row>
    <row r="1449" spans="1:9" x14ac:dyDescent="0.35">
      <c r="A1449" s="52" t="s">
        <v>78</v>
      </c>
      <c r="B1449" s="51" t="s">
        <v>79</v>
      </c>
      <c r="C1449" s="61">
        <v>334100283</v>
      </c>
      <c r="D1449" s="62">
        <v>10</v>
      </c>
      <c r="E1449" s="51">
        <v>202407</v>
      </c>
      <c r="F1449" s="51" t="s">
        <v>38</v>
      </c>
      <c r="G1449" s="51" t="s">
        <v>97</v>
      </c>
      <c r="H1449" s="51" t="s">
        <v>82</v>
      </c>
      <c r="I1449" s="50">
        <v>4.7</v>
      </c>
    </row>
    <row r="1450" spans="1:9" x14ac:dyDescent="0.35">
      <c r="A1450" s="52" t="s">
        <v>78</v>
      </c>
      <c r="B1450" s="51" t="s">
        <v>79</v>
      </c>
      <c r="C1450" s="61">
        <v>337574712</v>
      </c>
      <c r="D1450" s="62">
        <v>10</v>
      </c>
      <c r="E1450" s="51">
        <v>202407</v>
      </c>
      <c r="F1450" s="51" t="s">
        <v>38</v>
      </c>
      <c r="G1450" s="51" t="s">
        <v>97</v>
      </c>
      <c r="H1450" s="51" t="s">
        <v>82</v>
      </c>
      <c r="I1450" s="50">
        <v>4.7</v>
      </c>
    </row>
    <row r="1451" spans="1:9" x14ac:dyDescent="0.35">
      <c r="A1451" s="52" t="s">
        <v>78</v>
      </c>
      <c r="B1451" s="51" t="s">
        <v>79</v>
      </c>
      <c r="C1451" s="61">
        <v>338201767</v>
      </c>
      <c r="D1451" s="62">
        <v>10</v>
      </c>
      <c r="E1451" s="51">
        <v>202407</v>
      </c>
      <c r="F1451" s="51" t="s">
        <v>38</v>
      </c>
      <c r="G1451" s="51" t="s">
        <v>97</v>
      </c>
      <c r="H1451" s="51" t="s">
        <v>82</v>
      </c>
      <c r="I1451" s="50">
        <v>4.7</v>
      </c>
    </row>
    <row r="1452" spans="1:9" x14ac:dyDescent="0.35">
      <c r="A1452" s="52" t="s">
        <v>78</v>
      </c>
      <c r="B1452" s="51" t="s">
        <v>79</v>
      </c>
      <c r="C1452" s="61">
        <v>338604038</v>
      </c>
      <c r="D1452" s="62">
        <v>10</v>
      </c>
      <c r="E1452" s="51">
        <v>202407</v>
      </c>
      <c r="F1452" s="51" t="s">
        <v>38</v>
      </c>
      <c r="G1452" s="51" t="s">
        <v>97</v>
      </c>
      <c r="H1452" s="51" t="s">
        <v>82</v>
      </c>
      <c r="I1452" s="50">
        <v>4.7</v>
      </c>
    </row>
    <row r="1453" spans="1:9" x14ac:dyDescent="0.35">
      <c r="A1453" s="52" t="s">
        <v>78</v>
      </c>
      <c r="B1453" s="51" t="s">
        <v>79</v>
      </c>
      <c r="C1453" s="61">
        <v>339001444</v>
      </c>
      <c r="D1453" s="62">
        <v>10</v>
      </c>
      <c r="E1453" s="51">
        <v>202407</v>
      </c>
      <c r="F1453" s="51" t="s">
        <v>38</v>
      </c>
      <c r="G1453" s="51" t="s">
        <v>97</v>
      </c>
      <c r="H1453" s="51" t="s">
        <v>82</v>
      </c>
      <c r="I1453" s="50">
        <v>4.7</v>
      </c>
    </row>
    <row r="1454" spans="1:9" x14ac:dyDescent="0.35">
      <c r="A1454" s="52" t="s">
        <v>78</v>
      </c>
      <c r="B1454" s="51" t="s">
        <v>79</v>
      </c>
      <c r="C1454" s="61">
        <v>340901305</v>
      </c>
      <c r="D1454" s="62">
        <v>10</v>
      </c>
      <c r="E1454" s="51">
        <v>202407</v>
      </c>
      <c r="F1454" s="51" t="s">
        <v>38</v>
      </c>
      <c r="G1454" s="51" t="s">
        <v>97</v>
      </c>
      <c r="H1454" s="51" t="s">
        <v>82</v>
      </c>
      <c r="I1454" s="50">
        <v>4.7</v>
      </c>
    </row>
    <row r="1455" spans="1:9" x14ac:dyDescent="0.35">
      <c r="A1455" s="52" t="s">
        <v>78</v>
      </c>
      <c r="B1455" s="51" t="s">
        <v>79</v>
      </c>
      <c r="C1455" s="61">
        <v>341201143</v>
      </c>
      <c r="D1455" s="62">
        <v>10</v>
      </c>
      <c r="E1455" s="51">
        <v>202407</v>
      </c>
      <c r="F1455" s="51" t="s">
        <v>38</v>
      </c>
      <c r="G1455" s="51" t="s">
        <v>97</v>
      </c>
      <c r="H1455" s="51" t="s">
        <v>82</v>
      </c>
      <c r="I1455" s="50">
        <v>4.7</v>
      </c>
    </row>
    <row r="1456" spans="1:9" x14ac:dyDescent="0.35">
      <c r="A1456" s="52" t="s">
        <v>78</v>
      </c>
      <c r="B1456" s="51" t="s">
        <v>79</v>
      </c>
      <c r="C1456" s="61">
        <v>342102644</v>
      </c>
      <c r="D1456" s="62">
        <v>10</v>
      </c>
      <c r="E1456" s="51">
        <v>202407</v>
      </c>
      <c r="F1456" s="51" t="s">
        <v>38</v>
      </c>
      <c r="G1456" s="51" t="s">
        <v>97</v>
      </c>
      <c r="H1456" s="51" t="s">
        <v>82</v>
      </c>
      <c r="I1456" s="50">
        <v>30</v>
      </c>
    </row>
    <row r="1457" spans="1:9" x14ac:dyDescent="0.35">
      <c r="A1457" s="52" t="s">
        <v>78</v>
      </c>
      <c r="B1457" s="51" t="s">
        <v>79</v>
      </c>
      <c r="C1457" s="61">
        <v>344205600</v>
      </c>
      <c r="D1457" s="62">
        <v>10</v>
      </c>
      <c r="E1457" s="51">
        <v>202407</v>
      </c>
      <c r="F1457" s="51" t="s">
        <v>38</v>
      </c>
      <c r="G1457" s="51" t="s">
        <v>97</v>
      </c>
      <c r="H1457" s="51" t="s">
        <v>82</v>
      </c>
      <c r="I1457" s="50">
        <v>4.7</v>
      </c>
    </row>
    <row r="1458" spans="1:9" x14ac:dyDescent="0.35">
      <c r="A1458" s="52" t="s">
        <v>78</v>
      </c>
      <c r="B1458" s="51" t="s">
        <v>79</v>
      </c>
      <c r="C1458" s="61">
        <v>349202655</v>
      </c>
      <c r="D1458" s="62">
        <v>10</v>
      </c>
      <c r="E1458" s="51">
        <v>202407</v>
      </c>
      <c r="F1458" s="51" t="s">
        <v>38</v>
      </c>
      <c r="G1458" s="51" t="s">
        <v>97</v>
      </c>
      <c r="H1458" s="51" t="s">
        <v>82</v>
      </c>
      <c r="I1458" s="50">
        <v>95</v>
      </c>
    </row>
    <row r="1459" spans="1:9" x14ac:dyDescent="0.35">
      <c r="A1459" s="52" t="s">
        <v>78</v>
      </c>
      <c r="B1459" s="51" t="s">
        <v>79</v>
      </c>
      <c r="C1459" s="61">
        <v>350202510</v>
      </c>
      <c r="D1459" s="62">
        <v>10</v>
      </c>
      <c r="E1459" s="51">
        <v>202407</v>
      </c>
      <c r="F1459" s="51" t="s">
        <v>38</v>
      </c>
      <c r="G1459" s="51" t="s">
        <v>97</v>
      </c>
      <c r="H1459" s="51" t="s">
        <v>82</v>
      </c>
      <c r="I1459" s="50">
        <v>4.7</v>
      </c>
    </row>
    <row r="1460" spans="1:9" x14ac:dyDescent="0.35">
      <c r="A1460" s="52" t="s">
        <v>78</v>
      </c>
      <c r="B1460" s="51" t="s">
        <v>79</v>
      </c>
      <c r="C1460" s="61">
        <v>350301610</v>
      </c>
      <c r="D1460" s="62">
        <v>10</v>
      </c>
      <c r="E1460" s="51">
        <v>202407</v>
      </c>
      <c r="F1460" s="51" t="s">
        <v>38</v>
      </c>
      <c r="G1460" s="51" t="s">
        <v>97</v>
      </c>
      <c r="H1460" s="51" t="s">
        <v>82</v>
      </c>
      <c r="I1460" s="50">
        <v>4.7</v>
      </c>
    </row>
    <row r="1461" spans="1:9" x14ac:dyDescent="0.35">
      <c r="A1461" s="52" t="s">
        <v>78</v>
      </c>
      <c r="B1461" s="51" t="s">
        <v>79</v>
      </c>
      <c r="C1461" s="61">
        <v>356905225</v>
      </c>
      <c r="D1461" s="62">
        <v>10</v>
      </c>
      <c r="E1461" s="51">
        <v>202407</v>
      </c>
      <c r="F1461" s="51" t="s">
        <v>38</v>
      </c>
      <c r="G1461" s="51" t="s">
        <v>97</v>
      </c>
      <c r="H1461" s="51" t="s">
        <v>82</v>
      </c>
      <c r="I1461" s="50">
        <v>4.7</v>
      </c>
    </row>
    <row r="1462" spans="1:9" x14ac:dyDescent="0.35">
      <c r="A1462" s="52" t="s">
        <v>78</v>
      </c>
      <c r="B1462" s="51" t="s">
        <v>79</v>
      </c>
      <c r="C1462" s="61">
        <v>359865652</v>
      </c>
      <c r="D1462" s="62">
        <v>10</v>
      </c>
      <c r="E1462" s="51">
        <v>202407</v>
      </c>
      <c r="F1462" s="51" t="s">
        <v>38</v>
      </c>
      <c r="G1462" s="51" t="s">
        <v>97</v>
      </c>
      <c r="H1462" s="51" t="s">
        <v>82</v>
      </c>
      <c r="I1462" s="50">
        <v>4.7</v>
      </c>
    </row>
    <row r="1463" spans="1:9" x14ac:dyDescent="0.35">
      <c r="A1463" s="52" t="s">
        <v>78</v>
      </c>
      <c r="B1463" s="51" t="s">
        <v>79</v>
      </c>
      <c r="C1463" s="61">
        <v>360601127</v>
      </c>
      <c r="D1463" s="62">
        <v>10</v>
      </c>
      <c r="E1463" s="51">
        <v>202407</v>
      </c>
      <c r="F1463" s="51" t="s">
        <v>38</v>
      </c>
      <c r="G1463" s="51" t="s">
        <v>97</v>
      </c>
      <c r="H1463" s="51" t="s">
        <v>82</v>
      </c>
      <c r="I1463" s="50">
        <v>4.7</v>
      </c>
    </row>
    <row r="1464" spans="1:9" x14ac:dyDescent="0.35">
      <c r="A1464" s="52" t="s">
        <v>78</v>
      </c>
      <c r="B1464" s="51" t="s">
        <v>79</v>
      </c>
      <c r="C1464" s="61">
        <v>361305542</v>
      </c>
      <c r="D1464" s="62">
        <v>10</v>
      </c>
      <c r="E1464" s="51">
        <v>202407</v>
      </c>
      <c r="F1464" s="51" t="s">
        <v>38</v>
      </c>
      <c r="G1464" s="51" t="s">
        <v>97</v>
      </c>
      <c r="H1464" s="51" t="s">
        <v>82</v>
      </c>
      <c r="I1464" s="50">
        <v>4.7</v>
      </c>
    </row>
    <row r="1465" spans="1:9" x14ac:dyDescent="0.35">
      <c r="A1465" s="52" t="s">
        <v>78</v>
      </c>
      <c r="B1465" s="51" t="s">
        <v>79</v>
      </c>
      <c r="C1465" s="61">
        <v>361690631</v>
      </c>
      <c r="D1465" s="62">
        <v>10</v>
      </c>
      <c r="E1465" s="51">
        <v>202407</v>
      </c>
      <c r="F1465" s="51" t="s">
        <v>38</v>
      </c>
      <c r="G1465" s="51" t="s">
        <v>97</v>
      </c>
      <c r="H1465" s="51" t="s">
        <v>82</v>
      </c>
      <c r="I1465" s="50">
        <v>4.7</v>
      </c>
    </row>
    <row r="1466" spans="1:9" x14ac:dyDescent="0.35">
      <c r="A1466" s="52" t="s">
        <v>78</v>
      </c>
      <c r="B1466" s="51" t="s">
        <v>79</v>
      </c>
      <c r="C1466" s="61">
        <v>362603035</v>
      </c>
      <c r="D1466" s="62">
        <v>10</v>
      </c>
      <c r="E1466" s="51">
        <v>202407</v>
      </c>
      <c r="F1466" s="51" t="s">
        <v>38</v>
      </c>
      <c r="G1466" s="51" t="s">
        <v>97</v>
      </c>
      <c r="H1466" s="51" t="s">
        <v>82</v>
      </c>
      <c r="I1466" s="50">
        <v>4.7</v>
      </c>
    </row>
    <row r="1467" spans="1:9" x14ac:dyDescent="0.35">
      <c r="A1467" s="52" t="s">
        <v>78</v>
      </c>
      <c r="B1467" s="51" t="s">
        <v>79</v>
      </c>
      <c r="C1467" s="61">
        <v>364302399</v>
      </c>
      <c r="D1467" s="62">
        <v>10</v>
      </c>
      <c r="E1467" s="51">
        <v>202407</v>
      </c>
      <c r="F1467" s="51" t="s">
        <v>38</v>
      </c>
      <c r="G1467" s="51" t="s">
        <v>97</v>
      </c>
      <c r="H1467" s="51" t="s">
        <v>82</v>
      </c>
      <c r="I1467" s="50">
        <v>4.7</v>
      </c>
    </row>
    <row r="1468" spans="1:9" x14ac:dyDescent="0.35">
      <c r="A1468" s="52" t="s">
        <v>78</v>
      </c>
      <c r="B1468" s="51" t="s">
        <v>79</v>
      </c>
      <c r="C1468" s="61">
        <v>365704286</v>
      </c>
      <c r="D1468" s="62">
        <v>10</v>
      </c>
      <c r="E1468" s="51">
        <v>202407</v>
      </c>
      <c r="F1468" s="51" t="s">
        <v>38</v>
      </c>
      <c r="G1468" s="51" t="s">
        <v>97</v>
      </c>
      <c r="H1468" s="51" t="s">
        <v>82</v>
      </c>
      <c r="I1468" s="50">
        <v>4.7</v>
      </c>
    </row>
    <row r="1469" spans="1:9" x14ac:dyDescent="0.35">
      <c r="A1469" s="52" t="s">
        <v>78</v>
      </c>
      <c r="B1469" s="51" t="s">
        <v>79</v>
      </c>
      <c r="C1469" s="61">
        <v>367102664</v>
      </c>
      <c r="D1469" s="62">
        <v>10</v>
      </c>
      <c r="E1469" s="51">
        <v>202407</v>
      </c>
      <c r="F1469" s="51" t="s">
        <v>38</v>
      </c>
      <c r="G1469" s="51" t="s">
        <v>97</v>
      </c>
      <c r="H1469" s="51" t="s">
        <v>82</v>
      </c>
      <c r="I1469" s="50">
        <v>4.7</v>
      </c>
    </row>
    <row r="1470" spans="1:9" x14ac:dyDescent="0.35">
      <c r="A1470" s="52" t="s">
        <v>78</v>
      </c>
      <c r="B1470" s="51" t="s">
        <v>79</v>
      </c>
      <c r="C1470" s="61">
        <v>367600544</v>
      </c>
      <c r="D1470" s="62">
        <v>10</v>
      </c>
      <c r="E1470" s="51">
        <v>202407</v>
      </c>
      <c r="F1470" s="51" t="s">
        <v>38</v>
      </c>
      <c r="G1470" s="51" t="s">
        <v>97</v>
      </c>
      <c r="H1470" s="51" t="s">
        <v>82</v>
      </c>
      <c r="I1470" s="50">
        <v>95</v>
      </c>
    </row>
    <row r="1471" spans="1:9" x14ac:dyDescent="0.35">
      <c r="A1471" s="52" t="s">
        <v>78</v>
      </c>
      <c r="B1471" s="51" t="s">
        <v>79</v>
      </c>
      <c r="C1471" s="61">
        <v>369554855</v>
      </c>
      <c r="D1471" s="62">
        <v>10</v>
      </c>
      <c r="E1471" s="51">
        <v>202407</v>
      </c>
      <c r="F1471" s="51" t="s">
        <v>38</v>
      </c>
      <c r="G1471" s="51" t="s">
        <v>97</v>
      </c>
      <c r="H1471" s="51" t="s">
        <v>82</v>
      </c>
      <c r="I1471" s="50">
        <v>4.7</v>
      </c>
    </row>
    <row r="1472" spans="1:9" x14ac:dyDescent="0.35">
      <c r="A1472" s="52" t="s">
        <v>78</v>
      </c>
      <c r="B1472" s="51" t="s">
        <v>79</v>
      </c>
      <c r="C1472" s="61">
        <v>370700327</v>
      </c>
      <c r="D1472" s="62">
        <v>10</v>
      </c>
      <c r="E1472" s="51">
        <v>202407</v>
      </c>
      <c r="F1472" s="51" t="s">
        <v>38</v>
      </c>
      <c r="G1472" s="51" t="s">
        <v>97</v>
      </c>
      <c r="H1472" s="51" t="s">
        <v>82</v>
      </c>
      <c r="I1472" s="50">
        <v>30</v>
      </c>
    </row>
    <row r="1473" spans="1:9" x14ac:dyDescent="0.35">
      <c r="A1473" s="52" t="s">
        <v>78</v>
      </c>
      <c r="B1473" s="51" t="s">
        <v>79</v>
      </c>
      <c r="C1473" s="61">
        <v>371201737</v>
      </c>
      <c r="D1473" s="62">
        <v>10</v>
      </c>
      <c r="E1473" s="51">
        <v>202407</v>
      </c>
      <c r="F1473" s="51" t="s">
        <v>38</v>
      </c>
      <c r="G1473" s="51" t="s">
        <v>97</v>
      </c>
      <c r="H1473" s="51" t="s">
        <v>82</v>
      </c>
      <c r="I1473" s="50">
        <v>4.7</v>
      </c>
    </row>
    <row r="1474" spans="1:9" x14ac:dyDescent="0.35">
      <c r="A1474" s="52" t="s">
        <v>78</v>
      </c>
      <c r="B1474" s="51" t="s">
        <v>79</v>
      </c>
      <c r="C1474" s="61">
        <v>372102540</v>
      </c>
      <c r="D1474" s="62">
        <v>10</v>
      </c>
      <c r="E1474" s="51">
        <v>202407</v>
      </c>
      <c r="F1474" s="51" t="s">
        <v>38</v>
      </c>
      <c r="G1474" s="51" t="s">
        <v>97</v>
      </c>
      <c r="H1474" s="51" t="s">
        <v>82</v>
      </c>
      <c r="I1474" s="50">
        <v>4.7</v>
      </c>
    </row>
    <row r="1475" spans="1:9" x14ac:dyDescent="0.35">
      <c r="A1475" s="52" t="s">
        <v>78</v>
      </c>
      <c r="B1475" s="51" t="s">
        <v>79</v>
      </c>
      <c r="C1475" s="61">
        <v>373902724</v>
      </c>
      <c r="D1475" s="62">
        <v>10</v>
      </c>
      <c r="E1475" s="51">
        <v>202407</v>
      </c>
      <c r="F1475" s="51" t="s">
        <v>38</v>
      </c>
      <c r="G1475" s="51" t="s">
        <v>97</v>
      </c>
      <c r="H1475" s="51" t="s">
        <v>82</v>
      </c>
      <c r="I1475" s="50">
        <v>4.7</v>
      </c>
    </row>
    <row r="1476" spans="1:9" x14ac:dyDescent="0.35">
      <c r="A1476" s="52" t="s">
        <v>78</v>
      </c>
      <c r="B1476" s="51" t="s">
        <v>79</v>
      </c>
      <c r="C1476" s="61">
        <v>375402867</v>
      </c>
      <c r="D1476" s="62">
        <v>10</v>
      </c>
      <c r="E1476" s="51">
        <v>202407</v>
      </c>
      <c r="F1476" s="51" t="s">
        <v>38</v>
      </c>
      <c r="G1476" s="51" t="s">
        <v>97</v>
      </c>
      <c r="H1476" s="51" t="s">
        <v>82</v>
      </c>
      <c r="I1476" s="50">
        <v>4.7</v>
      </c>
    </row>
    <row r="1477" spans="1:9" x14ac:dyDescent="0.35">
      <c r="A1477" s="52" t="s">
        <v>78</v>
      </c>
      <c r="B1477" s="51" t="s">
        <v>79</v>
      </c>
      <c r="C1477" s="61">
        <v>375557170</v>
      </c>
      <c r="D1477" s="62">
        <v>10</v>
      </c>
      <c r="E1477" s="51">
        <v>202407</v>
      </c>
      <c r="F1477" s="51" t="s">
        <v>38</v>
      </c>
      <c r="G1477" s="51" t="s">
        <v>97</v>
      </c>
      <c r="H1477" s="51" t="s">
        <v>82</v>
      </c>
      <c r="I1477" s="50">
        <v>4.7</v>
      </c>
    </row>
    <row r="1478" spans="1:9" x14ac:dyDescent="0.35">
      <c r="A1478" s="52" t="s">
        <v>78</v>
      </c>
      <c r="B1478" s="51" t="s">
        <v>79</v>
      </c>
      <c r="C1478" s="61">
        <v>376529300</v>
      </c>
      <c r="D1478" s="62">
        <v>10</v>
      </c>
      <c r="E1478" s="51">
        <v>202407</v>
      </c>
      <c r="F1478" s="51" t="s">
        <v>38</v>
      </c>
      <c r="G1478" s="51" t="s">
        <v>97</v>
      </c>
      <c r="H1478" s="51" t="s">
        <v>82</v>
      </c>
      <c r="I1478" s="50">
        <v>4.7</v>
      </c>
    </row>
    <row r="1479" spans="1:9" x14ac:dyDescent="0.35">
      <c r="A1479" s="52" t="s">
        <v>78</v>
      </c>
      <c r="B1479" s="51" t="s">
        <v>79</v>
      </c>
      <c r="C1479" s="61">
        <v>379704333</v>
      </c>
      <c r="D1479" s="62">
        <v>10</v>
      </c>
      <c r="E1479" s="51">
        <v>202407</v>
      </c>
      <c r="F1479" s="51" t="s">
        <v>38</v>
      </c>
      <c r="G1479" s="51" t="s">
        <v>97</v>
      </c>
      <c r="H1479" s="51" t="s">
        <v>82</v>
      </c>
      <c r="I1479" s="50">
        <v>4.7</v>
      </c>
    </row>
    <row r="1480" spans="1:9" x14ac:dyDescent="0.35">
      <c r="A1480" s="52" t="s">
        <v>78</v>
      </c>
      <c r="B1480" s="51" t="s">
        <v>79</v>
      </c>
      <c r="C1480" s="61">
        <v>380000361</v>
      </c>
      <c r="D1480" s="62">
        <v>10</v>
      </c>
      <c r="E1480" s="51">
        <v>202407</v>
      </c>
      <c r="F1480" s="51" t="s">
        <v>38</v>
      </c>
      <c r="G1480" s="51" t="s">
        <v>97</v>
      </c>
      <c r="H1480" s="51" t="s">
        <v>82</v>
      </c>
      <c r="I1480" s="50">
        <v>4.7</v>
      </c>
    </row>
    <row r="1481" spans="1:9" x14ac:dyDescent="0.35">
      <c r="A1481" s="52" t="s">
        <v>78</v>
      </c>
      <c r="B1481" s="51" t="s">
        <v>79</v>
      </c>
      <c r="C1481" s="61">
        <v>380402854</v>
      </c>
      <c r="D1481" s="62">
        <v>10</v>
      </c>
      <c r="E1481" s="51">
        <v>202407</v>
      </c>
      <c r="F1481" s="51" t="s">
        <v>38</v>
      </c>
      <c r="G1481" s="51" t="s">
        <v>97</v>
      </c>
      <c r="H1481" s="51" t="s">
        <v>82</v>
      </c>
      <c r="I1481" s="50">
        <v>95</v>
      </c>
    </row>
    <row r="1482" spans="1:9" x14ac:dyDescent="0.35">
      <c r="A1482" s="52" t="s">
        <v>78</v>
      </c>
      <c r="B1482" s="51" t="s">
        <v>79</v>
      </c>
      <c r="C1482" s="61">
        <v>380701148</v>
      </c>
      <c r="D1482" s="62">
        <v>10</v>
      </c>
      <c r="E1482" s="51">
        <v>202407</v>
      </c>
      <c r="F1482" s="51" t="s">
        <v>38</v>
      </c>
      <c r="G1482" s="51" t="s">
        <v>97</v>
      </c>
      <c r="H1482" s="51" t="s">
        <v>82</v>
      </c>
      <c r="I1482" s="50">
        <v>4.7</v>
      </c>
    </row>
    <row r="1483" spans="1:9" x14ac:dyDescent="0.35">
      <c r="A1483" s="52" t="s">
        <v>78</v>
      </c>
      <c r="B1483" s="51" t="s">
        <v>79</v>
      </c>
      <c r="C1483" s="61">
        <v>380802755</v>
      </c>
      <c r="D1483" s="62">
        <v>10</v>
      </c>
      <c r="E1483" s="51">
        <v>202407</v>
      </c>
      <c r="F1483" s="51" t="s">
        <v>38</v>
      </c>
      <c r="G1483" s="51" t="s">
        <v>97</v>
      </c>
      <c r="H1483" s="51" t="s">
        <v>82</v>
      </c>
      <c r="I1483" s="50">
        <v>4.7</v>
      </c>
    </row>
    <row r="1484" spans="1:9" x14ac:dyDescent="0.35">
      <c r="A1484" s="52" t="s">
        <v>78</v>
      </c>
      <c r="B1484" s="51" t="s">
        <v>79</v>
      </c>
      <c r="C1484" s="61">
        <v>381202635</v>
      </c>
      <c r="D1484" s="62">
        <v>10</v>
      </c>
      <c r="E1484" s="51">
        <v>202407</v>
      </c>
      <c r="F1484" s="51" t="s">
        <v>38</v>
      </c>
      <c r="G1484" s="51" t="s">
        <v>97</v>
      </c>
      <c r="H1484" s="51" t="s">
        <v>82</v>
      </c>
      <c r="I1484" s="50">
        <v>4.7</v>
      </c>
    </row>
    <row r="1485" spans="1:9" x14ac:dyDescent="0.35">
      <c r="A1485" s="52" t="s">
        <v>78</v>
      </c>
      <c r="B1485" s="51" t="s">
        <v>79</v>
      </c>
      <c r="C1485" s="61">
        <v>383002831</v>
      </c>
      <c r="D1485" s="62">
        <v>10</v>
      </c>
      <c r="E1485" s="51">
        <v>202407</v>
      </c>
      <c r="F1485" s="51" t="s">
        <v>38</v>
      </c>
      <c r="G1485" s="51" t="s">
        <v>97</v>
      </c>
      <c r="H1485" s="51" t="s">
        <v>82</v>
      </c>
      <c r="I1485" s="50">
        <v>4.7</v>
      </c>
    </row>
    <row r="1486" spans="1:9" x14ac:dyDescent="0.35">
      <c r="A1486" s="52" t="s">
        <v>78</v>
      </c>
      <c r="B1486" s="51" t="s">
        <v>79</v>
      </c>
      <c r="C1486" s="61">
        <v>383201072</v>
      </c>
      <c r="D1486" s="62">
        <v>10</v>
      </c>
      <c r="E1486" s="51">
        <v>202407</v>
      </c>
      <c r="F1486" s="51" t="s">
        <v>38</v>
      </c>
      <c r="G1486" s="51" t="s">
        <v>97</v>
      </c>
      <c r="H1486" s="51" t="s">
        <v>82</v>
      </c>
      <c r="I1486" s="50">
        <v>4.7</v>
      </c>
    </row>
    <row r="1487" spans="1:9" x14ac:dyDescent="0.35">
      <c r="A1487" s="52" t="s">
        <v>78</v>
      </c>
      <c r="B1487" s="51" t="s">
        <v>79</v>
      </c>
      <c r="C1487" s="61">
        <v>385002514</v>
      </c>
      <c r="D1487" s="62">
        <v>10</v>
      </c>
      <c r="E1487" s="51">
        <v>202407</v>
      </c>
      <c r="F1487" s="51" t="s">
        <v>38</v>
      </c>
      <c r="G1487" s="51" t="s">
        <v>97</v>
      </c>
      <c r="H1487" s="51" t="s">
        <v>82</v>
      </c>
      <c r="I1487" s="50">
        <v>30</v>
      </c>
    </row>
    <row r="1488" spans="1:9" x14ac:dyDescent="0.35">
      <c r="A1488" s="52" t="s">
        <v>78</v>
      </c>
      <c r="B1488" s="51" t="s">
        <v>79</v>
      </c>
      <c r="C1488" s="61">
        <v>385867250</v>
      </c>
      <c r="D1488" s="62">
        <v>10</v>
      </c>
      <c r="E1488" s="51">
        <v>202407</v>
      </c>
      <c r="F1488" s="51" t="s">
        <v>38</v>
      </c>
      <c r="G1488" s="51" t="s">
        <v>97</v>
      </c>
      <c r="H1488" s="51" t="s">
        <v>82</v>
      </c>
      <c r="I1488" s="50">
        <v>4.7</v>
      </c>
    </row>
    <row r="1489" spans="1:9" x14ac:dyDescent="0.35">
      <c r="A1489" s="52" t="s">
        <v>78</v>
      </c>
      <c r="B1489" s="51" t="s">
        <v>79</v>
      </c>
      <c r="C1489" s="61">
        <v>386101595</v>
      </c>
      <c r="D1489" s="62">
        <v>10</v>
      </c>
      <c r="E1489" s="51">
        <v>202407</v>
      </c>
      <c r="F1489" s="51" t="s">
        <v>38</v>
      </c>
      <c r="G1489" s="51" t="s">
        <v>97</v>
      </c>
      <c r="H1489" s="51" t="s">
        <v>82</v>
      </c>
      <c r="I1489" s="50">
        <v>4.7</v>
      </c>
    </row>
    <row r="1490" spans="1:9" x14ac:dyDescent="0.35">
      <c r="A1490" s="52" t="s">
        <v>78</v>
      </c>
      <c r="B1490" s="51" t="s">
        <v>79</v>
      </c>
      <c r="C1490" s="61">
        <v>387802749</v>
      </c>
      <c r="D1490" s="62">
        <v>10</v>
      </c>
      <c r="E1490" s="51">
        <v>202407</v>
      </c>
      <c r="F1490" s="51" t="s">
        <v>38</v>
      </c>
      <c r="G1490" s="51" t="s">
        <v>97</v>
      </c>
      <c r="H1490" s="51" t="s">
        <v>82</v>
      </c>
      <c r="I1490" s="50">
        <v>4.7</v>
      </c>
    </row>
    <row r="1491" spans="1:9" x14ac:dyDescent="0.35">
      <c r="A1491" s="52" t="s">
        <v>78</v>
      </c>
      <c r="B1491" s="51" t="s">
        <v>79</v>
      </c>
      <c r="C1491" s="61">
        <v>391200806</v>
      </c>
      <c r="D1491" s="62">
        <v>10</v>
      </c>
      <c r="E1491" s="51">
        <v>202407</v>
      </c>
      <c r="F1491" s="51" t="s">
        <v>38</v>
      </c>
      <c r="G1491" s="51" t="s">
        <v>97</v>
      </c>
      <c r="H1491" s="51" t="s">
        <v>82</v>
      </c>
      <c r="I1491" s="50">
        <v>30</v>
      </c>
    </row>
    <row r="1492" spans="1:9" x14ac:dyDescent="0.35">
      <c r="A1492" s="52" t="s">
        <v>78</v>
      </c>
      <c r="B1492" s="51" t="s">
        <v>79</v>
      </c>
      <c r="C1492" s="61">
        <v>391403054</v>
      </c>
      <c r="D1492" s="62">
        <v>10</v>
      </c>
      <c r="E1492" s="51">
        <v>202407</v>
      </c>
      <c r="F1492" s="51" t="s">
        <v>38</v>
      </c>
      <c r="G1492" s="51" t="s">
        <v>97</v>
      </c>
      <c r="H1492" s="51" t="s">
        <v>82</v>
      </c>
      <c r="I1492" s="50">
        <v>4.7</v>
      </c>
    </row>
    <row r="1493" spans="1:9" x14ac:dyDescent="0.35">
      <c r="A1493" s="52" t="s">
        <v>78</v>
      </c>
      <c r="B1493" s="51" t="s">
        <v>79</v>
      </c>
      <c r="C1493" s="61">
        <v>395701356</v>
      </c>
      <c r="D1493" s="62">
        <v>10</v>
      </c>
      <c r="E1493" s="51">
        <v>202407</v>
      </c>
      <c r="F1493" s="51" t="s">
        <v>38</v>
      </c>
      <c r="G1493" s="51" t="s">
        <v>97</v>
      </c>
      <c r="H1493" s="51" t="s">
        <v>82</v>
      </c>
      <c r="I1493" s="50">
        <v>4.7</v>
      </c>
    </row>
    <row r="1494" spans="1:9" x14ac:dyDescent="0.35">
      <c r="A1494" s="52" t="s">
        <v>78</v>
      </c>
      <c r="B1494" s="51" t="s">
        <v>79</v>
      </c>
      <c r="C1494" s="61">
        <v>397004287</v>
      </c>
      <c r="D1494" s="62">
        <v>10</v>
      </c>
      <c r="E1494" s="51">
        <v>202407</v>
      </c>
      <c r="F1494" s="51" t="s">
        <v>38</v>
      </c>
      <c r="G1494" s="51" t="s">
        <v>97</v>
      </c>
      <c r="H1494" s="51" t="s">
        <v>82</v>
      </c>
      <c r="I1494" s="50">
        <v>95</v>
      </c>
    </row>
    <row r="1495" spans="1:9" x14ac:dyDescent="0.35">
      <c r="A1495" s="52" t="s">
        <v>78</v>
      </c>
      <c r="B1495" s="51" t="s">
        <v>79</v>
      </c>
      <c r="C1495" s="61">
        <v>398398862</v>
      </c>
      <c r="D1495" s="62">
        <v>10</v>
      </c>
      <c r="E1495" s="51">
        <v>202407</v>
      </c>
      <c r="F1495" s="51" t="s">
        <v>38</v>
      </c>
      <c r="G1495" s="51" t="s">
        <v>97</v>
      </c>
      <c r="H1495" s="51" t="s">
        <v>82</v>
      </c>
      <c r="I1495" s="50">
        <v>30</v>
      </c>
    </row>
    <row r="1496" spans="1:9" x14ac:dyDescent="0.35">
      <c r="A1496" s="52" t="s">
        <v>78</v>
      </c>
      <c r="B1496" s="51" t="s">
        <v>79</v>
      </c>
      <c r="C1496" s="61">
        <v>398597751</v>
      </c>
      <c r="D1496" s="62">
        <v>10</v>
      </c>
      <c r="E1496" s="51">
        <v>202407</v>
      </c>
      <c r="F1496" s="51" t="s">
        <v>38</v>
      </c>
      <c r="G1496" s="51" t="s">
        <v>97</v>
      </c>
      <c r="H1496" s="51" t="s">
        <v>82</v>
      </c>
      <c r="I1496" s="50">
        <v>4.7</v>
      </c>
    </row>
    <row r="1497" spans="1:9" x14ac:dyDescent="0.35">
      <c r="A1497" s="52" t="s">
        <v>78</v>
      </c>
      <c r="B1497" s="51" t="s">
        <v>79</v>
      </c>
      <c r="C1497" s="61">
        <v>398601017</v>
      </c>
      <c r="D1497" s="62">
        <v>10</v>
      </c>
      <c r="E1497" s="51">
        <v>202407</v>
      </c>
      <c r="F1497" s="51" t="s">
        <v>38</v>
      </c>
      <c r="G1497" s="51" t="s">
        <v>97</v>
      </c>
      <c r="H1497" s="51" t="s">
        <v>82</v>
      </c>
      <c r="I1497" s="50">
        <v>4.7</v>
      </c>
    </row>
    <row r="1498" spans="1:9" x14ac:dyDescent="0.35">
      <c r="A1498" s="52" t="s">
        <v>78</v>
      </c>
      <c r="B1498" s="51" t="s">
        <v>79</v>
      </c>
      <c r="C1498" s="61">
        <v>398601018</v>
      </c>
      <c r="D1498" s="62">
        <v>10</v>
      </c>
      <c r="E1498" s="51">
        <v>202407</v>
      </c>
      <c r="F1498" s="51" t="s">
        <v>38</v>
      </c>
      <c r="G1498" s="51" t="s">
        <v>97</v>
      </c>
      <c r="H1498" s="51" t="s">
        <v>82</v>
      </c>
      <c r="I1498" s="50">
        <v>4.7</v>
      </c>
    </row>
    <row r="1499" spans="1:9" x14ac:dyDescent="0.35">
      <c r="A1499" s="52" t="s">
        <v>78</v>
      </c>
      <c r="B1499" s="51" t="s">
        <v>79</v>
      </c>
      <c r="C1499" s="61">
        <v>398605385</v>
      </c>
      <c r="D1499" s="62">
        <v>10</v>
      </c>
      <c r="E1499" s="51">
        <v>202407</v>
      </c>
      <c r="F1499" s="51" t="s">
        <v>38</v>
      </c>
      <c r="G1499" s="51" t="s">
        <v>97</v>
      </c>
      <c r="H1499" s="51" t="s">
        <v>82</v>
      </c>
      <c r="I1499" s="50">
        <v>4.7</v>
      </c>
    </row>
    <row r="1500" spans="1:9" x14ac:dyDescent="0.35">
      <c r="A1500" s="52" t="s">
        <v>78</v>
      </c>
      <c r="B1500" s="51" t="s">
        <v>79</v>
      </c>
      <c r="C1500" s="61">
        <v>398702280</v>
      </c>
      <c r="D1500" s="62">
        <v>10</v>
      </c>
      <c r="E1500" s="51">
        <v>202407</v>
      </c>
      <c r="F1500" s="51" t="s">
        <v>38</v>
      </c>
      <c r="G1500" s="51" t="s">
        <v>97</v>
      </c>
      <c r="H1500" s="51" t="s">
        <v>82</v>
      </c>
      <c r="I1500" s="50">
        <v>4.7</v>
      </c>
    </row>
    <row r="1501" spans="1:9" x14ac:dyDescent="0.35">
      <c r="A1501" s="52" t="s">
        <v>78</v>
      </c>
      <c r="B1501" s="51" t="s">
        <v>79</v>
      </c>
      <c r="C1501" s="61">
        <v>399571250</v>
      </c>
      <c r="D1501" s="62">
        <v>10</v>
      </c>
      <c r="E1501" s="51">
        <v>202407</v>
      </c>
      <c r="F1501" s="51" t="s">
        <v>38</v>
      </c>
      <c r="G1501" s="51" t="s">
        <v>97</v>
      </c>
      <c r="H1501" s="51" t="s">
        <v>82</v>
      </c>
      <c r="I1501" s="50">
        <v>30</v>
      </c>
    </row>
    <row r="1502" spans="1:9" x14ac:dyDescent="0.35">
      <c r="A1502" s="52" t="s">
        <v>78</v>
      </c>
      <c r="B1502" s="51" t="s">
        <v>79</v>
      </c>
      <c r="C1502" s="61">
        <v>302200913</v>
      </c>
      <c r="D1502" s="62">
        <v>20</v>
      </c>
      <c r="E1502" s="51">
        <v>202407</v>
      </c>
      <c r="F1502" s="51" t="s">
        <v>38</v>
      </c>
      <c r="G1502" s="51" t="s">
        <v>97</v>
      </c>
      <c r="H1502" s="51" t="s">
        <v>82</v>
      </c>
      <c r="I1502" s="50">
        <v>4.7</v>
      </c>
    </row>
    <row r="1503" spans="1:9" x14ac:dyDescent="0.35">
      <c r="A1503" s="52" t="s">
        <v>78</v>
      </c>
      <c r="B1503" s="51" t="s">
        <v>79</v>
      </c>
      <c r="C1503" s="61">
        <v>302404413</v>
      </c>
      <c r="D1503" s="62">
        <v>20</v>
      </c>
      <c r="E1503" s="51">
        <v>202407</v>
      </c>
      <c r="F1503" s="51" t="s">
        <v>38</v>
      </c>
      <c r="G1503" s="51" t="s">
        <v>97</v>
      </c>
      <c r="H1503" s="51" t="s">
        <v>82</v>
      </c>
      <c r="I1503" s="50">
        <v>4.7</v>
      </c>
    </row>
    <row r="1504" spans="1:9" x14ac:dyDescent="0.35">
      <c r="A1504" s="52" t="s">
        <v>78</v>
      </c>
      <c r="B1504" s="51" t="s">
        <v>79</v>
      </c>
      <c r="C1504" s="61">
        <v>302700974</v>
      </c>
      <c r="D1504" s="62">
        <v>20</v>
      </c>
      <c r="E1504" s="51">
        <v>202407</v>
      </c>
      <c r="F1504" s="51" t="s">
        <v>38</v>
      </c>
      <c r="G1504" s="51" t="s">
        <v>97</v>
      </c>
      <c r="H1504" s="51" t="s">
        <v>82</v>
      </c>
      <c r="I1504" s="50">
        <v>4.7</v>
      </c>
    </row>
    <row r="1505" spans="1:9" x14ac:dyDescent="0.35">
      <c r="A1505" s="52" t="s">
        <v>78</v>
      </c>
      <c r="B1505" s="51" t="s">
        <v>79</v>
      </c>
      <c r="C1505" s="61">
        <v>304400761</v>
      </c>
      <c r="D1505" s="62">
        <v>20</v>
      </c>
      <c r="E1505" s="51">
        <v>202407</v>
      </c>
      <c r="F1505" s="51" t="s">
        <v>38</v>
      </c>
      <c r="G1505" s="51" t="s">
        <v>97</v>
      </c>
      <c r="H1505" s="51" t="s">
        <v>82</v>
      </c>
      <c r="I1505" s="50">
        <v>4.7</v>
      </c>
    </row>
    <row r="1506" spans="1:9" x14ac:dyDescent="0.35">
      <c r="A1506" s="52" t="s">
        <v>78</v>
      </c>
      <c r="B1506" s="51" t="s">
        <v>79</v>
      </c>
      <c r="C1506" s="61">
        <v>304502403</v>
      </c>
      <c r="D1506" s="62">
        <v>20</v>
      </c>
      <c r="E1506" s="51">
        <v>202407</v>
      </c>
      <c r="F1506" s="51" t="s">
        <v>38</v>
      </c>
      <c r="G1506" s="51" t="s">
        <v>97</v>
      </c>
      <c r="H1506" s="51" t="s">
        <v>82</v>
      </c>
      <c r="I1506" s="50">
        <v>4.7</v>
      </c>
    </row>
    <row r="1507" spans="1:9" x14ac:dyDescent="0.35">
      <c r="A1507" s="52" t="s">
        <v>78</v>
      </c>
      <c r="B1507" s="51" t="s">
        <v>79</v>
      </c>
      <c r="C1507" s="61">
        <v>305104233</v>
      </c>
      <c r="D1507" s="62">
        <v>20</v>
      </c>
      <c r="E1507" s="51">
        <v>202407</v>
      </c>
      <c r="F1507" s="51" t="s">
        <v>38</v>
      </c>
      <c r="G1507" s="51" t="s">
        <v>97</v>
      </c>
      <c r="H1507" s="51" t="s">
        <v>82</v>
      </c>
      <c r="I1507" s="50">
        <v>4.7</v>
      </c>
    </row>
    <row r="1508" spans="1:9" x14ac:dyDescent="0.35">
      <c r="A1508" s="52" t="s">
        <v>78</v>
      </c>
      <c r="B1508" s="51" t="s">
        <v>79</v>
      </c>
      <c r="C1508" s="61">
        <v>305194083</v>
      </c>
      <c r="D1508" s="62">
        <v>20</v>
      </c>
      <c r="E1508" s="51">
        <v>202407</v>
      </c>
      <c r="F1508" s="51" t="s">
        <v>38</v>
      </c>
      <c r="G1508" s="51" t="s">
        <v>97</v>
      </c>
      <c r="H1508" s="51" t="s">
        <v>82</v>
      </c>
      <c r="I1508" s="50">
        <v>4.7</v>
      </c>
    </row>
    <row r="1509" spans="1:9" x14ac:dyDescent="0.35">
      <c r="A1509" s="52" t="s">
        <v>78</v>
      </c>
      <c r="B1509" s="51" t="s">
        <v>79</v>
      </c>
      <c r="C1509" s="61">
        <v>306101212</v>
      </c>
      <c r="D1509" s="62">
        <v>20</v>
      </c>
      <c r="E1509" s="51">
        <v>202407</v>
      </c>
      <c r="F1509" s="51" t="s">
        <v>38</v>
      </c>
      <c r="G1509" s="51" t="s">
        <v>97</v>
      </c>
      <c r="H1509" s="51" t="s">
        <v>82</v>
      </c>
      <c r="I1509" s="50">
        <v>4.7</v>
      </c>
    </row>
    <row r="1510" spans="1:9" x14ac:dyDescent="0.35">
      <c r="A1510" s="52" t="s">
        <v>78</v>
      </c>
      <c r="B1510" s="51" t="s">
        <v>79</v>
      </c>
      <c r="C1510" s="61">
        <v>306603041</v>
      </c>
      <c r="D1510" s="62">
        <v>20</v>
      </c>
      <c r="E1510" s="51">
        <v>202407</v>
      </c>
      <c r="F1510" s="51" t="s">
        <v>38</v>
      </c>
      <c r="G1510" s="51" t="s">
        <v>97</v>
      </c>
      <c r="H1510" s="51" t="s">
        <v>82</v>
      </c>
      <c r="I1510" s="50">
        <v>4.7</v>
      </c>
    </row>
    <row r="1511" spans="1:9" x14ac:dyDescent="0.35">
      <c r="A1511" s="52" t="s">
        <v>78</v>
      </c>
      <c r="B1511" s="51" t="s">
        <v>79</v>
      </c>
      <c r="C1511" s="61">
        <v>308781081</v>
      </c>
      <c r="D1511" s="62">
        <v>20</v>
      </c>
      <c r="E1511" s="51">
        <v>202407</v>
      </c>
      <c r="F1511" s="51" t="s">
        <v>38</v>
      </c>
      <c r="G1511" s="51" t="s">
        <v>97</v>
      </c>
      <c r="H1511" s="51" t="s">
        <v>82</v>
      </c>
      <c r="I1511" s="50">
        <v>4.7</v>
      </c>
    </row>
    <row r="1512" spans="1:9" x14ac:dyDescent="0.35">
      <c r="A1512" s="52" t="s">
        <v>78</v>
      </c>
      <c r="B1512" s="51" t="s">
        <v>79</v>
      </c>
      <c r="C1512" s="61">
        <v>310402071</v>
      </c>
      <c r="D1512" s="62">
        <v>20</v>
      </c>
      <c r="E1512" s="51">
        <v>202407</v>
      </c>
      <c r="F1512" s="51" t="s">
        <v>38</v>
      </c>
      <c r="G1512" s="51" t="s">
        <v>97</v>
      </c>
      <c r="H1512" s="51" t="s">
        <v>82</v>
      </c>
      <c r="I1512" s="50">
        <v>4.7</v>
      </c>
    </row>
    <row r="1513" spans="1:9" x14ac:dyDescent="0.35">
      <c r="A1513" s="52" t="s">
        <v>78</v>
      </c>
      <c r="B1513" s="51" t="s">
        <v>79</v>
      </c>
      <c r="C1513" s="61">
        <v>311063314</v>
      </c>
      <c r="D1513" s="62">
        <v>20</v>
      </c>
      <c r="E1513" s="51">
        <v>202407</v>
      </c>
      <c r="F1513" s="51" t="s">
        <v>38</v>
      </c>
      <c r="G1513" s="51" t="s">
        <v>97</v>
      </c>
      <c r="H1513" s="51" t="s">
        <v>82</v>
      </c>
      <c r="I1513" s="50">
        <v>4.7</v>
      </c>
    </row>
    <row r="1514" spans="1:9" x14ac:dyDescent="0.35">
      <c r="A1514" s="52" t="s">
        <v>78</v>
      </c>
      <c r="B1514" s="51" t="s">
        <v>79</v>
      </c>
      <c r="C1514" s="61">
        <v>311201791</v>
      </c>
      <c r="D1514" s="62">
        <v>20</v>
      </c>
      <c r="E1514" s="51">
        <v>202407</v>
      </c>
      <c r="F1514" s="51" t="s">
        <v>38</v>
      </c>
      <c r="G1514" s="51" t="s">
        <v>97</v>
      </c>
      <c r="H1514" s="51" t="s">
        <v>82</v>
      </c>
      <c r="I1514" s="50">
        <v>4.7</v>
      </c>
    </row>
    <row r="1515" spans="1:9" x14ac:dyDescent="0.35">
      <c r="A1515" s="52" t="s">
        <v>78</v>
      </c>
      <c r="B1515" s="51" t="s">
        <v>79</v>
      </c>
      <c r="C1515" s="61">
        <v>311907965</v>
      </c>
      <c r="D1515" s="62">
        <v>20</v>
      </c>
      <c r="E1515" s="51">
        <v>202407</v>
      </c>
      <c r="F1515" s="51" t="s">
        <v>38</v>
      </c>
      <c r="G1515" s="51" t="s">
        <v>97</v>
      </c>
      <c r="H1515" s="51" t="s">
        <v>82</v>
      </c>
      <c r="I1515" s="50">
        <v>4.7</v>
      </c>
    </row>
    <row r="1516" spans="1:9" x14ac:dyDescent="0.35">
      <c r="A1516" s="52" t="s">
        <v>78</v>
      </c>
      <c r="B1516" s="51" t="s">
        <v>79</v>
      </c>
      <c r="C1516" s="61">
        <v>312604684</v>
      </c>
      <c r="D1516" s="62">
        <v>20</v>
      </c>
      <c r="E1516" s="51">
        <v>202407</v>
      </c>
      <c r="F1516" s="51" t="s">
        <v>38</v>
      </c>
      <c r="G1516" s="51" t="s">
        <v>97</v>
      </c>
      <c r="H1516" s="51" t="s">
        <v>82</v>
      </c>
      <c r="I1516" s="50">
        <v>4.7</v>
      </c>
    </row>
    <row r="1517" spans="1:9" x14ac:dyDescent="0.35">
      <c r="A1517" s="52" t="s">
        <v>78</v>
      </c>
      <c r="B1517" s="51" t="s">
        <v>79</v>
      </c>
      <c r="C1517" s="61">
        <v>312795156</v>
      </c>
      <c r="D1517" s="62">
        <v>20</v>
      </c>
      <c r="E1517" s="51">
        <v>202407</v>
      </c>
      <c r="F1517" s="51" t="s">
        <v>38</v>
      </c>
      <c r="G1517" s="51" t="s">
        <v>97</v>
      </c>
      <c r="H1517" s="51" t="s">
        <v>82</v>
      </c>
      <c r="I1517" s="50">
        <v>4.7</v>
      </c>
    </row>
    <row r="1518" spans="1:9" x14ac:dyDescent="0.35">
      <c r="A1518" s="52" t="s">
        <v>78</v>
      </c>
      <c r="B1518" s="51" t="s">
        <v>79</v>
      </c>
      <c r="C1518" s="61">
        <v>314001391</v>
      </c>
      <c r="D1518" s="62">
        <v>20</v>
      </c>
      <c r="E1518" s="51">
        <v>202407</v>
      </c>
      <c r="F1518" s="51" t="s">
        <v>38</v>
      </c>
      <c r="G1518" s="51" t="s">
        <v>97</v>
      </c>
      <c r="H1518" s="51" t="s">
        <v>82</v>
      </c>
      <c r="I1518" s="50">
        <v>4.7</v>
      </c>
    </row>
    <row r="1519" spans="1:9" x14ac:dyDescent="0.35">
      <c r="A1519" s="52" t="s">
        <v>78</v>
      </c>
      <c r="B1519" s="51" t="s">
        <v>79</v>
      </c>
      <c r="C1519" s="61">
        <v>314201221</v>
      </c>
      <c r="D1519" s="62">
        <v>20</v>
      </c>
      <c r="E1519" s="51">
        <v>202407</v>
      </c>
      <c r="F1519" s="51" t="s">
        <v>38</v>
      </c>
      <c r="G1519" s="51" t="s">
        <v>97</v>
      </c>
      <c r="H1519" s="51" t="s">
        <v>82</v>
      </c>
      <c r="I1519" s="50">
        <v>4.7</v>
      </c>
    </row>
    <row r="1520" spans="1:9" x14ac:dyDescent="0.35">
      <c r="A1520" s="52" t="s">
        <v>78</v>
      </c>
      <c r="B1520" s="51" t="s">
        <v>79</v>
      </c>
      <c r="C1520" s="61">
        <v>315602673</v>
      </c>
      <c r="D1520" s="62">
        <v>20</v>
      </c>
      <c r="E1520" s="51">
        <v>202407</v>
      </c>
      <c r="F1520" s="51" t="s">
        <v>38</v>
      </c>
      <c r="G1520" s="51" t="s">
        <v>97</v>
      </c>
      <c r="H1520" s="51" t="s">
        <v>82</v>
      </c>
      <c r="I1520" s="50">
        <v>4.7</v>
      </c>
    </row>
    <row r="1521" spans="1:9" x14ac:dyDescent="0.35">
      <c r="A1521" s="52" t="s">
        <v>78</v>
      </c>
      <c r="B1521" s="51" t="s">
        <v>79</v>
      </c>
      <c r="C1521" s="61">
        <v>317599171</v>
      </c>
      <c r="D1521" s="62">
        <v>20</v>
      </c>
      <c r="E1521" s="51">
        <v>202407</v>
      </c>
      <c r="F1521" s="51" t="s">
        <v>38</v>
      </c>
      <c r="G1521" s="51" t="s">
        <v>97</v>
      </c>
      <c r="H1521" s="51" t="s">
        <v>82</v>
      </c>
      <c r="I1521" s="50">
        <v>4.7</v>
      </c>
    </row>
    <row r="1522" spans="1:9" x14ac:dyDescent="0.35">
      <c r="A1522" s="52" t="s">
        <v>78</v>
      </c>
      <c r="B1522" s="51" t="s">
        <v>79</v>
      </c>
      <c r="C1522" s="61">
        <v>318402029</v>
      </c>
      <c r="D1522" s="62">
        <v>20</v>
      </c>
      <c r="E1522" s="51">
        <v>202407</v>
      </c>
      <c r="F1522" s="51" t="s">
        <v>38</v>
      </c>
      <c r="G1522" s="51" t="s">
        <v>97</v>
      </c>
      <c r="H1522" s="51" t="s">
        <v>82</v>
      </c>
      <c r="I1522" s="50">
        <v>4.7</v>
      </c>
    </row>
    <row r="1523" spans="1:9" x14ac:dyDescent="0.35">
      <c r="A1523" s="52" t="s">
        <v>78</v>
      </c>
      <c r="B1523" s="51" t="s">
        <v>79</v>
      </c>
      <c r="C1523" s="61">
        <v>319302112</v>
      </c>
      <c r="D1523" s="62">
        <v>20</v>
      </c>
      <c r="E1523" s="51">
        <v>202407</v>
      </c>
      <c r="F1523" s="51" t="s">
        <v>38</v>
      </c>
      <c r="G1523" s="51" t="s">
        <v>97</v>
      </c>
      <c r="H1523" s="51" t="s">
        <v>82</v>
      </c>
      <c r="I1523" s="50">
        <v>4.7</v>
      </c>
    </row>
    <row r="1524" spans="1:9" x14ac:dyDescent="0.35">
      <c r="A1524" s="52" t="s">
        <v>78</v>
      </c>
      <c r="B1524" s="51" t="s">
        <v>79</v>
      </c>
      <c r="C1524" s="61">
        <v>321701232</v>
      </c>
      <c r="D1524" s="62">
        <v>20</v>
      </c>
      <c r="E1524" s="51">
        <v>202407</v>
      </c>
      <c r="F1524" s="51" t="s">
        <v>38</v>
      </c>
      <c r="G1524" s="51" t="s">
        <v>97</v>
      </c>
      <c r="H1524" s="51" t="s">
        <v>82</v>
      </c>
      <c r="I1524" s="50">
        <v>4.7</v>
      </c>
    </row>
    <row r="1525" spans="1:9" x14ac:dyDescent="0.35">
      <c r="A1525" s="52" t="s">
        <v>78</v>
      </c>
      <c r="B1525" s="51" t="s">
        <v>79</v>
      </c>
      <c r="C1525" s="61">
        <v>321800164</v>
      </c>
      <c r="D1525" s="62">
        <v>20</v>
      </c>
      <c r="E1525" s="51">
        <v>202407</v>
      </c>
      <c r="F1525" s="51" t="s">
        <v>38</v>
      </c>
      <c r="G1525" s="51" t="s">
        <v>97</v>
      </c>
      <c r="H1525" s="51" t="s">
        <v>82</v>
      </c>
      <c r="I1525" s="50">
        <v>4.7</v>
      </c>
    </row>
    <row r="1526" spans="1:9" x14ac:dyDescent="0.35">
      <c r="A1526" s="52" t="s">
        <v>78</v>
      </c>
      <c r="B1526" s="51" t="s">
        <v>79</v>
      </c>
      <c r="C1526" s="61">
        <v>322370051</v>
      </c>
      <c r="D1526" s="62">
        <v>20</v>
      </c>
      <c r="E1526" s="51">
        <v>202407</v>
      </c>
      <c r="F1526" s="51" t="s">
        <v>38</v>
      </c>
      <c r="G1526" s="51" t="s">
        <v>97</v>
      </c>
      <c r="H1526" s="51" t="s">
        <v>82</v>
      </c>
      <c r="I1526" s="50">
        <v>4.7</v>
      </c>
    </row>
    <row r="1527" spans="1:9" x14ac:dyDescent="0.35">
      <c r="A1527" s="52" t="s">
        <v>78</v>
      </c>
      <c r="B1527" s="51" t="s">
        <v>79</v>
      </c>
      <c r="C1527" s="61">
        <v>322902937</v>
      </c>
      <c r="D1527" s="62">
        <v>20</v>
      </c>
      <c r="E1527" s="51">
        <v>202407</v>
      </c>
      <c r="F1527" s="51" t="s">
        <v>38</v>
      </c>
      <c r="G1527" s="51" t="s">
        <v>97</v>
      </c>
      <c r="H1527" s="51" t="s">
        <v>82</v>
      </c>
      <c r="I1527" s="50">
        <v>4.7</v>
      </c>
    </row>
    <row r="1528" spans="1:9" x14ac:dyDescent="0.35">
      <c r="A1528" s="52" t="s">
        <v>78</v>
      </c>
      <c r="B1528" s="51" t="s">
        <v>79</v>
      </c>
      <c r="C1528" s="61">
        <v>323101511</v>
      </c>
      <c r="D1528" s="62">
        <v>20</v>
      </c>
      <c r="E1528" s="51">
        <v>202407</v>
      </c>
      <c r="F1528" s="51" t="s">
        <v>38</v>
      </c>
      <c r="G1528" s="51" t="s">
        <v>97</v>
      </c>
      <c r="H1528" s="51" t="s">
        <v>82</v>
      </c>
      <c r="I1528" s="50">
        <v>4.7</v>
      </c>
    </row>
    <row r="1529" spans="1:9" x14ac:dyDescent="0.35">
      <c r="A1529" s="52" t="s">
        <v>78</v>
      </c>
      <c r="B1529" s="51" t="s">
        <v>79</v>
      </c>
      <c r="C1529" s="61">
        <v>323800111</v>
      </c>
      <c r="D1529" s="62">
        <v>20</v>
      </c>
      <c r="E1529" s="51">
        <v>202407</v>
      </c>
      <c r="F1529" s="51" t="s">
        <v>38</v>
      </c>
      <c r="G1529" s="51" t="s">
        <v>97</v>
      </c>
      <c r="H1529" s="51" t="s">
        <v>82</v>
      </c>
      <c r="I1529" s="50">
        <v>4.7</v>
      </c>
    </row>
    <row r="1530" spans="1:9" x14ac:dyDescent="0.35">
      <c r="A1530" s="52" t="s">
        <v>78</v>
      </c>
      <c r="B1530" s="51" t="s">
        <v>79</v>
      </c>
      <c r="C1530" s="61">
        <v>324693116</v>
      </c>
      <c r="D1530" s="62">
        <v>20</v>
      </c>
      <c r="E1530" s="51">
        <v>202407</v>
      </c>
      <c r="F1530" s="51" t="s">
        <v>38</v>
      </c>
      <c r="G1530" s="51" t="s">
        <v>97</v>
      </c>
      <c r="H1530" s="51" t="s">
        <v>82</v>
      </c>
      <c r="I1530" s="50">
        <v>4.7</v>
      </c>
    </row>
    <row r="1531" spans="1:9" x14ac:dyDescent="0.35">
      <c r="A1531" s="52" t="s">
        <v>78</v>
      </c>
      <c r="B1531" s="51" t="s">
        <v>79</v>
      </c>
      <c r="C1531" s="61">
        <v>325001492</v>
      </c>
      <c r="D1531" s="62">
        <v>20</v>
      </c>
      <c r="E1531" s="51">
        <v>202407</v>
      </c>
      <c r="F1531" s="51" t="s">
        <v>38</v>
      </c>
      <c r="G1531" s="51" t="s">
        <v>97</v>
      </c>
      <c r="H1531" s="51" t="s">
        <v>82</v>
      </c>
      <c r="I1531" s="50">
        <v>30</v>
      </c>
    </row>
    <row r="1532" spans="1:9" x14ac:dyDescent="0.35">
      <c r="A1532" s="52" t="s">
        <v>78</v>
      </c>
      <c r="B1532" s="51" t="s">
        <v>79</v>
      </c>
      <c r="C1532" s="61">
        <v>325500573</v>
      </c>
      <c r="D1532" s="62">
        <v>20</v>
      </c>
      <c r="E1532" s="51">
        <v>202407</v>
      </c>
      <c r="F1532" s="51" t="s">
        <v>38</v>
      </c>
      <c r="G1532" s="51" t="s">
        <v>97</v>
      </c>
      <c r="H1532" s="51" t="s">
        <v>82</v>
      </c>
      <c r="I1532" s="50">
        <v>4.7</v>
      </c>
    </row>
    <row r="1533" spans="1:9" x14ac:dyDescent="0.35">
      <c r="A1533" s="52" t="s">
        <v>78</v>
      </c>
      <c r="B1533" s="51" t="s">
        <v>79</v>
      </c>
      <c r="C1533" s="61">
        <v>325637020</v>
      </c>
      <c r="D1533" s="62">
        <v>20</v>
      </c>
      <c r="E1533" s="51">
        <v>202407</v>
      </c>
      <c r="F1533" s="51" t="s">
        <v>38</v>
      </c>
      <c r="G1533" s="51" t="s">
        <v>97</v>
      </c>
      <c r="H1533" s="51" t="s">
        <v>82</v>
      </c>
      <c r="I1533" s="50">
        <v>4.7</v>
      </c>
    </row>
    <row r="1534" spans="1:9" x14ac:dyDescent="0.35">
      <c r="A1534" s="52" t="s">
        <v>78</v>
      </c>
      <c r="B1534" s="51" t="s">
        <v>79</v>
      </c>
      <c r="C1534" s="61">
        <v>326304420</v>
      </c>
      <c r="D1534" s="62">
        <v>20</v>
      </c>
      <c r="E1534" s="51">
        <v>202407</v>
      </c>
      <c r="F1534" s="51" t="s">
        <v>38</v>
      </c>
      <c r="G1534" s="51" t="s">
        <v>97</v>
      </c>
      <c r="H1534" s="51" t="s">
        <v>82</v>
      </c>
      <c r="I1534" s="50">
        <v>4.7</v>
      </c>
    </row>
    <row r="1535" spans="1:9" x14ac:dyDescent="0.35">
      <c r="A1535" s="52" t="s">
        <v>78</v>
      </c>
      <c r="B1535" s="51" t="s">
        <v>79</v>
      </c>
      <c r="C1535" s="61">
        <v>326603552</v>
      </c>
      <c r="D1535" s="62">
        <v>20</v>
      </c>
      <c r="E1535" s="51">
        <v>202407</v>
      </c>
      <c r="F1535" s="51" t="s">
        <v>38</v>
      </c>
      <c r="G1535" s="51" t="s">
        <v>97</v>
      </c>
      <c r="H1535" s="51" t="s">
        <v>82</v>
      </c>
      <c r="I1535" s="50">
        <v>4.7</v>
      </c>
    </row>
    <row r="1536" spans="1:9" x14ac:dyDescent="0.35">
      <c r="A1536" s="52" t="s">
        <v>78</v>
      </c>
      <c r="B1536" s="51" t="s">
        <v>79</v>
      </c>
      <c r="C1536" s="61">
        <v>326850990</v>
      </c>
      <c r="D1536" s="62">
        <v>20</v>
      </c>
      <c r="E1536" s="51">
        <v>202407</v>
      </c>
      <c r="F1536" s="51" t="s">
        <v>38</v>
      </c>
      <c r="G1536" s="51" t="s">
        <v>97</v>
      </c>
      <c r="H1536" s="51" t="s">
        <v>82</v>
      </c>
      <c r="I1536" s="50">
        <v>4.7</v>
      </c>
    </row>
    <row r="1537" spans="1:9" x14ac:dyDescent="0.35">
      <c r="A1537" s="52" t="s">
        <v>78</v>
      </c>
      <c r="B1537" s="51" t="s">
        <v>79</v>
      </c>
      <c r="C1537" s="61">
        <v>327091671</v>
      </c>
      <c r="D1537" s="62">
        <v>20</v>
      </c>
      <c r="E1537" s="51">
        <v>202407</v>
      </c>
      <c r="F1537" s="51" t="s">
        <v>38</v>
      </c>
      <c r="G1537" s="51" t="s">
        <v>97</v>
      </c>
      <c r="H1537" s="51" t="s">
        <v>82</v>
      </c>
      <c r="I1537" s="50">
        <v>4.7</v>
      </c>
    </row>
    <row r="1538" spans="1:9" x14ac:dyDescent="0.35">
      <c r="A1538" s="52" t="s">
        <v>78</v>
      </c>
      <c r="B1538" s="51" t="s">
        <v>79</v>
      </c>
      <c r="C1538" s="61">
        <v>327645878</v>
      </c>
      <c r="D1538" s="62">
        <v>20</v>
      </c>
      <c r="E1538" s="51">
        <v>202407</v>
      </c>
      <c r="F1538" s="51" t="s">
        <v>38</v>
      </c>
      <c r="G1538" s="51" t="s">
        <v>97</v>
      </c>
      <c r="H1538" s="51" t="s">
        <v>82</v>
      </c>
      <c r="I1538" s="50">
        <v>4.7</v>
      </c>
    </row>
    <row r="1539" spans="1:9" x14ac:dyDescent="0.35">
      <c r="A1539" s="52" t="s">
        <v>78</v>
      </c>
      <c r="B1539" s="51" t="s">
        <v>79</v>
      </c>
      <c r="C1539" s="61">
        <v>328002816</v>
      </c>
      <c r="D1539" s="62">
        <v>20</v>
      </c>
      <c r="E1539" s="51">
        <v>202407</v>
      </c>
      <c r="F1539" s="51" t="s">
        <v>38</v>
      </c>
      <c r="G1539" s="51" t="s">
        <v>97</v>
      </c>
      <c r="H1539" s="51" t="s">
        <v>82</v>
      </c>
      <c r="I1539" s="50">
        <v>4.7</v>
      </c>
    </row>
    <row r="1540" spans="1:9" x14ac:dyDescent="0.35">
      <c r="A1540" s="52" t="s">
        <v>78</v>
      </c>
      <c r="B1540" s="51" t="s">
        <v>79</v>
      </c>
      <c r="C1540" s="61">
        <v>328293660</v>
      </c>
      <c r="D1540" s="62">
        <v>20</v>
      </c>
      <c r="E1540" s="51">
        <v>202407</v>
      </c>
      <c r="F1540" s="51" t="s">
        <v>38</v>
      </c>
      <c r="G1540" s="51" t="s">
        <v>97</v>
      </c>
      <c r="H1540" s="51" t="s">
        <v>82</v>
      </c>
      <c r="I1540" s="50">
        <v>4.7</v>
      </c>
    </row>
    <row r="1541" spans="1:9" x14ac:dyDescent="0.35">
      <c r="A1541" s="52" t="s">
        <v>78</v>
      </c>
      <c r="B1541" s="51" t="s">
        <v>79</v>
      </c>
      <c r="C1541" s="61">
        <v>328351035</v>
      </c>
      <c r="D1541" s="62">
        <v>20</v>
      </c>
      <c r="E1541" s="51">
        <v>202407</v>
      </c>
      <c r="F1541" s="51" t="s">
        <v>38</v>
      </c>
      <c r="G1541" s="51" t="s">
        <v>97</v>
      </c>
      <c r="H1541" s="51" t="s">
        <v>82</v>
      </c>
      <c r="I1541" s="50">
        <v>95</v>
      </c>
    </row>
    <row r="1542" spans="1:9" x14ac:dyDescent="0.35">
      <c r="A1542" s="52" t="s">
        <v>78</v>
      </c>
      <c r="B1542" s="51" t="s">
        <v>79</v>
      </c>
      <c r="C1542" s="61">
        <v>328777183</v>
      </c>
      <c r="D1542" s="62">
        <v>20</v>
      </c>
      <c r="E1542" s="51">
        <v>202407</v>
      </c>
      <c r="F1542" s="51" t="s">
        <v>38</v>
      </c>
      <c r="G1542" s="51" t="s">
        <v>97</v>
      </c>
      <c r="H1542" s="51" t="s">
        <v>82</v>
      </c>
      <c r="I1542" s="50">
        <v>4.7</v>
      </c>
    </row>
    <row r="1543" spans="1:9" x14ac:dyDescent="0.35">
      <c r="A1543" s="52" t="s">
        <v>78</v>
      </c>
      <c r="B1543" s="51" t="s">
        <v>79</v>
      </c>
      <c r="C1543" s="61">
        <v>329100151</v>
      </c>
      <c r="D1543" s="62">
        <v>20</v>
      </c>
      <c r="E1543" s="51">
        <v>202407</v>
      </c>
      <c r="F1543" s="51" t="s">
        <v>38</v>
      </c>
      <c r="G1543" s="51" t="s">
        <v>97</v>
      </c>
      <c r="H1543" s="51" t="s">
        <v>82</v>
      </c>
      <c r="I1543" s="50">
        <v>4.7</v>
      </c>
    </row>
    <row r="1544" spans="1:9" x14ac:dyDescent="0.35">
      <c r="A1544" s="52" t="s">
        <v>78</v>
      </c>
      <c r="B1544" s="51" t="s">
        <v>79</v>
      </c>
      <c r="C1544" s="61">
        <v>329405690</v>
      </c>
      <c r="D1544" s="62">
        <v>20</v>
      </c>
      <c r="E1544" s="51">
        <v>202407</v>
      </c>
      <c r="F1544" s="51" t="s">
        <v>38</v>
      </c>
      <c r="G1544" s="51" t="s">
        <v>97</v>
      </c>
      <c r="H1544" s="51" t="s">
        <v>82</v>
      </c>
      <c r="I1544" s="50">
        <v>4.7</v>
      </c>
    </row>
    <row r="1545" spans="1:9" x14ac:dyDescent="0.35">
      <c r="A1545" s="52" t="s">
        <v>78</v>
      </c>
      <c r="B1545" s="51" t="s">
        <v>79</v>
      </c>
      <c r="C1545" s="61">
        <v>330978222</v>
      </c>
      <c r="D1545" s="62">
        <v>20</v>
      </c>
      <c r="E1545" s="51">
        <v>202407</v>
      </c>
      <c r="F1545" s="51" t="s">
        <v>38</v>
      </c>
      <c r="G1545" s="51" t="s">
        <v>97</v>
      </c>
      <c r="H1545" s="51" t="s">
        <v>82</v>
      </c>
      <c r="I1545" s="50">
        <v>4.7</v>
      </c>
    </row>
    <row r="1546" spans="1:9" x14ac:dyDescent="0.35">
      <c r="A1546" s="52" t="s">
        <v>78</v>
      </c>
      <c r="B1546" s="51" t="s">
        <v>79</v>
      </c>
      <c r="C1546" s="61">
        <v>331027874</v>
      </c>
      <c r="D1546" s="62">
        <v>20</v>
      </c>
      <c r="E1546" s="51">
        <v>202407</v>
      </c>
      <c r="F1546" s="51" t="s">
        <v>38</v>
      </c>
      <c r="G1546" s="51" t="s">
        <v>97</v>
      </c>
      <c r="H1546" s="51" t="s">
        <v>82</v>
      </c>
      <c r="I1546" s="50">
        <v>4.7</v>
      </c>
    </row>
    <row r="1547" spans="1:9" x14ac:dyDescent="0.35">
      <c r="A1547" s="52" t="s">
        <v>78</v>
      </c>
      <c r="B1547" s="51" t="s">
        <v>79</v>
      </c>
      <c r="C1547" s="61">
        <v>331558272</v>
      </c>
      <c r="D1547" s="62">
        <v>20</v>
      </c>
      <c r="E1547" s="51">
        <v>202407</v>
      </c>
      <c r="F1547" s="51" t="s">
        <v>38</v>
      </c>
      <c r="G1547" s="51" t="s">
        <v>97</v>
      </c>
      <c r="H1547" s="51" t="s">
        <v>82</v>
      </c>
      <c r="I1547" s="50">
        <v>4.7</v>
      </c>
    </row>
    <row r="1548" spans="1:9" x14ac:dyDescent="0.35">
      <c r="A1548" s="52" t="s">
        <v>78</v>
      </c>
      <c r="B1548" s="51" t="s">
        <v>79</v>
      </c>
      <c r="C1548" s="61">
        <v>331602395</v>
      </c>
      <c r="D1548" s="62">
        <v>20</v>
      </c>
      <c r="E1548" s="51">
        <v>202407</v>
      </c>
      <c r="F1548" s="51" t="s">
        <v>38</v>
      </c>
      <c r="G1548" s="51" t="s">
        <v>97</v>
      </c>
      <c r="H1548" s="51" t="s">
        <v>82</v>
      </c>
      <c r="I1548" s="50">
        <v>4.7</v>
      </c>
    </row>
    <row r="1549" spans="1:9" x14ac:dyDescent="0.35">
      <c r="A1549" s="52" t="s">
        <v>78</v>
      </c>
      <c r="B1549" s="51" t="s">
        <v>79</v>
      </c>
      <c r="C1549" s="61">
        <v>332173591</v>
      </c>
      <c r="D1549" s="62">
        <v>20</v>
      </c>
      <c r="E1549" s="51">
        <v>202407</v>
      </c>
      <c r="F1549" s="51" t="s">
        <v>38</v>
      </c>
      <c r="G1549" s="51" t="s">
        <v>97</v>
      </c>
      <c r="H1549" s="51" t="s">
        <v>82</v>
      </c>
      <c r="I1549" s="50">
        <v>4.7</v>
      </c>
    </row>
    <row r="1550" spans="1:9" x14ac:dyDescent="0.35">
      <c r="A1550" s="52" t="s">
        <v>78</v>
      </c>
      <c r="B1550" s="51" t="s">
        <v>79</v>
      </c>
      <c r="C1550" s="61">
        <v>332200450</v>
      </c>
      <c r="D1550" s="62">
        <v>20</v>
      </c>
      <c r="E1550" s="51">
        <v>202407</v>
      </c>
      <c r="F1550" s="51" t="s">
        <v>38</v>
      </c>
      <c r="G1550" s="51" t="s">
        <v>97</v>
      </c>
      <c r="H1550" s="51" t="s">
        <v>82</v>
      </c>
      <c r="I1550" s="50">
        <v>4.7</v>
      </c>
    </row>
    <row r="1551" spans="1:9" x14ac:dyDescent="0.35">
      <c r="A1551" s="52" t="s">
        <v>78</v>
      </c>
      <c r="B1551" s="51" t="s">
        <v>79</v>
      </c>
      <c r="C1551" s="61">
        <v>332800573</v>
      </c>
      <c r="D1551" s="62">
        <v>20</v>
      </c>
      <c r="E1551" s="51">
        <v>202407</v>
      </c>
      <c r="F1551" s="51" t="s">
        <v>38</v>
      </c>
      <c r="G1551" s="51" t="s">
        <v>97</v>
      </c>
      <c r="H1551" s="51" t="s">
        <v>82</v>
      </c>
      <c r="I1551" s="50">
        <v>4.7</v>
      </c>
    </row>
    <row r="1552" spans="1:9" x14ac:dyDescent="0.35">
      <c r="A1552" s="52" t="s">
        <v>78</v>
      </c>
      <c r="B1552" s="51" t="s">
        <v>79</v>
      </c>
      <c r="C1552" s="61">
        <v>334205403</v>
      </c>
      <c r="D1552" s="62">
        <v>20</v>
      </c>
      <c r="E1552" s="51">
        <v>202407</v>
      </c>
      <c r="F1552" s="51" t="s">
        <v>38</v>
      </c>
      <c r="G1552" s="51" t="s">
        <v>97</v>
      </c>
      <c r="H1552" s="51" t="s">
        <v>82</v>
      </c>
      <c r="I1552" s="50">
        <v>4.7</v>
      </c>
    </row>
    <row r="1553" spans="1:9" x14ac:dyDescent="0.35">
      <c r="A1553" s="52" t="s">
        <v>78</v>
      </c>
      <c r="B1553" s="51" t="s">
        <v>79</v>
      </c>
      <c r="C1553" s="61">
        <v>334963671</v>
      </c>
      <c r="D1553" s="62">
        <v>20</v>
      </c>
      <c r="E1553" s="51">
        <v>202407</v>
      </c>
      <c r="F1553" s="51" t="s">
        <v>38</v>
      </c>
      <c r="G1553" s="51" t="s">
        <v>97</v>
      </c>
      <c r="H1553" s="51" t="s">
        <v>82</v>
      </c>
      <c r="I1553" s="50">
        <v>4.7</v>
      </c>
    </row>
    <row r="1554" spans="1:9" x14ac:dyDescent="0.35">
      <c r="A1554" s="52" t="s">
        <v>78</v>
      </c>
      <c r="B1554" s="51" t="s">
        <v>79</v>
      </c>
      <c r="C1554" s="61">
        <v>336600810</v>
      </c>
      <c r="D1554" s="62">
        <v>20</v>
      </c>
      <c r="E1554" s="51">
        <v>202407</v>
      </c>
      <c r="F1554" s="51" t="s">
        <v>38</v>
      </c>
      <c r="G1554" s="51" t="s">
        <v>97</v>
      </c>
      <c r="H1554" s="51" t="s">
        <v>82</v>
      </c>
      <c r="I1554" s="50">
        <v>4.7</v>
      </c>
    </row>
    <row r="1555" spans="1:9" x14ac:dyDescent="0.35">
      <c r="A1555" s="52" t="s">
        <v>78</v>
      </c>
      <c r="B1555" s="51" t="s">
        <v>79</v>
      </c>
      <c r="C1555" s="61">
        <v>336960021</v>
      </c>
      <c r="D1555" s="62">
        <v>20</v>
      </c>
      <c r="E1555" s="51">
        <v>202407</v>
      </c>
      <c r="F1555" s="51" t="s">
        <v>38</v>
      </c>
      <c r="G1555" s="51" t="s">
        <v>97</v>
      </c>
      <c r="H1555" s="51" t="s">
        <v>82</v>
      </c>
      <c r="I1555" s="50">
        <v>4.7</v>
      </c>
    </row>
    <row r="1556" spans="1:9" x14ac:dyDescent="0.35">
      <c r="A1556" s="52" t="s">
        <v>78</v>
      </c>
      <c r="B1556" s="51" t="s">
        <v>79</v>
      </c>
      <c r="C1556" s="61">
        <v>337780510</v>
      </c>
      <c r="D1556" s="62">
        <v>20</v>
      </c>
      <c r="E1556" s="51">
        <v>202407</v>
      </c>
      <c r="F1556" s="51" t="s">
        <v>38</v>
      </c>
      <c r="G1556" s="51" t="s">
        <v>97</v>
      </c>
      <c r="H1556" s="51" t="s">
        <v>82</v>
      </c>
      <c r="I1556" s="50">
        <v>4.7</v>
      </c>
    </row>
    <row r="1557" spans="1:9" x14ac:dyDescent="0.35">
      <c r="A1557" s="52" t="s">
        <v>78</v>
      </c>
      <c r="B1557" s="51" t="s">
        <v>79</v>
      </c>
      <c r="C1557" s="61">
        <v>338302708</v>
      </c>
      <c r="D1557" s="62">
        <v>20</v>
      </c>
      <c r="E1557" s="51">
        <v>202407</v>
      </c>
      <c r="F1557" s="51" t="s">
        <v>38</v>
      </c>
      <c r="G1557" s="51" t="s">
        <v>97</v>
      </c>
      <c r="H1557" s="51" t="s">
        <v>82</v>
      </c>
      <c r="I1557" s="50">
        <v>4.7</v>
      </c>
    </row>
    <row r="1558" spans="1:9" x14ac:dyDescent="0.35">
      <c r="A1558" s="52" t="s">
        <v>78</v>
      </c>
      <c r="B1558" s="51" t="s">
        <v>79</v>
      </c>
      <c r="C1558" s="61">
        <v>338903884</v>
      </c>
      <c r="D1558" s="62">
        <v>20</v>
      </c>
      <c r="E1558" s="51">
        <v>202407</v>
      </c>
      <c r="F1558" s="51" t="s">
        <v>38</v>
      </c>
      <c r="G1558" s="51" t="s">
        <v>97</v>
      </c>
      <c r="H1558" s="51" t="s">
        <v>82</v>
      </c>
      <c r="I1558" s="50">
        <v>4.7</v>
      </c>
    </row>
    <row r="1559" spans="1:9" x14ac:dyDescent="0.35">
      <c r="A1559" s="52" t="s">
        <v>78</v>
      </c>
      <c r="B1559" s="51" t="s">
        <v>79</v>
      </c>
      <c r="C1559" s="61">
        <v>339570463</v>
      </c>
      <c r="D1559" s="62">
        <v>20</v>
      </c>
      <c r="E1559" s="51">
        <v>202407</v>
      </c>
      <c r="F1559" s="51" t="s">
        <v>38</v>
      </c>
      <c r="G1559" s="51" t="s">
        <v>97</v>
      </c>
      <c r="H1559" s="51" t="s">
        <v>82</v>
      </c>
      <c r="I1559" s="50">
        <v>4.7</v>
      </c>
    </row>
    <row r="1560" spans="1:9" x14ac:dyDescent="0.35">
      <c r="A1560" s="52" t="s">
        <v>78</v>
      </c>
      <c r="B1560" s="51" t="s">
        <v>79</v>
      </c>
      <c r="C1560" s="61">
        <v>340052507</v>
      </c>
      <c r="D1560" s="62">
        <v>20</v>
      </c>
      <c r="E1560" s="51">
        <v>202407</v>
      </c>
      <c r="F1560" s="51" t="s">
        <v>38</v>
      </c>
      <c r="G1560" s="51" t="s">
        <v>97</v>
      </c>
      <c r="H1560" s="51" t="s">
        <v>82</v>
      </c>
      <c r="I1560" s="50">
        <v>4.7</v>
      </c>
    </row>
    <row r="1561" spans="1:9" x14ac:dyDescent="0.35">
      <c r="A1561" s="52" t="s">
        <v>78</v>
      </c>
      <c r="B1561" s="51" t="s">
        <v>79</v>
      </c>
      <c r="C1561" s="61">
        <v>340605874</v>
      </c>
      <c r="D1561" s="62">
        <v>20</v>
      </c>
      <c r="E1561" s="51">
        <v>202407</v>
      </c>
      <c r="F1561" s="51" t="s">
        <v>38</v>
      </c>
      <c r="G1561" s="51" t="s">
        <v>97</v>
      </c>
      <c r="H1561" s="51" t="s">
        <v>82</v>
      </c>
      <c r="I1561" s="50">
        <v>4.7</v>
      </c>
    </row>
    <row r="1562" spans="1:9" x14ac:dyDescent="0.35">
      <c r="A1562" s="52" t="s">
        <v>78</v>
      </c>
      <c r="B1562" s="51" t="s">
        <v>79</v>
      </c>
      <c r="C1562" s="61">
        <v>340904670</v>
      </c>
      <c r="D1562" s="62">
        <v>20</v>
      </c>
      <c r="E1562" s="51">
        <v>202407</v>
      </c>
      <c r="F1562" s="51" t="s">
        <v>38</v>
      </c>
      <c r="G1562" s="51" t="s">
        <v>97</v>
      </c>
      <c r="H1562" s="51" t="s">
        <v>82</v>
      </c>
      <c r="I1562" s="50">
        <v>4.7</v>
      </c>
    </row>
    <row r="1563" spans="1:9" x14ac:dyDescent="0.35">
      <c r="A1563" s="52" t="s">
        <v>78</v>
      </c>
      <c r="B1563" s="51" t="s">
        <v>79</v>
      </c>
      <c r="C1563" s="61">
        <v>341301716</v>
      </c>
      <c r="D1563" s="62">
        <v>20</v>
      </c>
      <c r="E1563" s="51">
        <v>202407</v>
      </c>
      <c r="F1563" s="51" t="s">
        <v>38</v>
      </c>
      <c r="G1563" s="51" t="s">
        <v>97</v>
      </c>
      <c r="H1563" s="51" t="s">
        <v>82</v>
      </c>
      <c r="I1563" s="50">
        <v>4.7</v>
      </c>
    </row>
    <row r="1564" spans="1:9" x14ac:dyDescent="0.35">
      <c r="A1564" s="52" t="s">
        <v>78</v>
      </c>
      <c r="B1564" s="51" t="s">
        <v>79</v>
      </c>
      <c r="C1564" s="61">
        <v>345402025</v>
      </c>
      <c r="D1564" s="62">
        <v>20</v>
      </c>
      <c r="E1564" s="51">
        <v>202407</v>
      </c>
      <c r="F1564" s="51" t="s">
        <v>38</v>
      </c>
      <c r="G1564" s="51" t="s">
        <v>97</v>
      </c>
      <c r="H1564" s="51" t="s">
        <v>82</v>
      </c>
      <c r="I1564" s="50">
        <v>4.7</v>
      </c>
    </row>
    <row r="1565" spans="1:9" x14ac:dyDescent="0.35">
      <c r="A1565" s="52" t="s">
        <v>78</v>
      </c>
      <c r="B1565" s="51" t="s">
        <v>79</v>
      </c>
      <c r="C1565" s="61">
        <v>347340480</v>
      </c>
      <c r="D1565" s="62">
        <v>20</v>
      </c>
      <c r="E1565" s="51">
        <v>202407</v>
      </c>
      <c r="F1565" s="51" t="s">
        <v>38</v>
      </c>
      <c r="G1565" s="51" t="s">
        <v>97</v>
      </c>
      <c r="H1565" s="51" t="s">
        <v>82</v>
      </c>
      <c r="I1565" s="50">
        <v>4.7</v>
      </c>
    </row>
    <row r="1566" spans="1:9" x14ac:dyDescent="0.35">
      <c r="A1566" s="52" t="s">
        <v>78</v>
      </c>
      <c r="B1566" s="51" t="s">
        <v>79</v>
      </c>
      <c r="C1566" s="61">
        <v>347487171</v>
      </c>
      <c r="D1566" s="62">
        <v>20</v>
      </c>
      <c r="E1566" s="51">
        <v>202407</v>
      </c>
      <c r="F1566" s="51" t="s">
        <v>38</v>
      </c>
      <c r="G1566" s="51" t="s">
        <v>97</v>
      </c>
      <c r="H1566" s="51" t="s">
        <v>82</v>
      </c>
      <c r="I1566" s="50">
        <v>4.7</v>
      </c>
    </row>
    <row r="1567" spans="1:9" x14ac:dyDescent="0.35">
      <c r="A1567" s="52" t="s">
        <v>78</v>
      </c>
      <c r="B1567" s="51" t="s">
        <v>79</v>
      </c>
      <c r="C1567" s="61">
        <v>347844410</v>
      </c>
      <c r="D1567" s="62">
        <v>20</v>
      </c>
      <c r="E1567" s="51">
        <v>202407</v>
      </c>
      <c r="F1567" s="51" t="s">
        <v>38</v>
      </c>
      <c r="G1567" s="51" t="s">
        <v>97</v>
      </c>
      <c r="H1567" s="51" t="s">
        <v>82</v>
      </c>
      <c r="I1567" s="50">
        <v>4.7</v>
      </c>
    </row>
    <row r="1568" spans="1:9" x14ac:dyDescent="0.35">
      <c r="A1568" s="52" t="s">
        <v>78</v>
      </c>
      <c r="B1568" s="51" t="s">
        <v>79</v>
      </c>
      <c r="C1568" s="61">
        <v>348327771</v>
      </c>
      <c r="D1568" s="62">
        <v>20</v>
      </c>
      <c r="E1568" s="51">
        <v>202407</v>
      </c>
      <c r="F1568" s="51" t="s">
        <v>38</v>
      </c>
      <c r="G1568" s="51" t="s">
        <v>97</v>
      </c>
      <c r="H1568" s="51" t="s">
        <v>82</v>
      </c>
      <c r="I1568" s="50">
        <v>4.7</v>
      </c>
    </row>
    <row r="1569" spans="1:9" x14ac:dyDescent="0.35">
      <c r="A1569" s="52" t="s">
        <v>78</v>
      </c>
      <c r="B1569" s="51" t="s">
        <v>79</v>
      </c>
      <c r="C1569" s="61">
        <v>349302112</v>
      </c>
      <c r="D1569" s="62">
        <v>20</v>
      </c>
      <c r="E1569" s="51">
        <v>202407</v>
      </c>
      <c r="F1569" s="51" t="s">
        <v>38</v>
      </c>
      <c r="G1569" s="51" t="s">
        <v>97</v>
      </c>
      <c r="H1569" s="51" t="s">
        <v>82</v>
      </c>
      <c r="I1569" s="50">
        <v>4.7</v>
      </c>
    </row>
    <row r="1570" spans="1:9" x14ac:dyDescent="0.35">
      <c r="A1570" s="52" t="s">
        <v>78</v>
      </c>
      <c r="B1570" s="51" t="s">
        <v>79</v>
      </c>
      <c r="C1570" s="61">
        <v>349402088</v>
      </c>
      <c r="D1570" s="62">
        <v>20</v>
      </c>
      <c r="E1570" s="51">
        <v>202407</v>
      </c>
      <c r="F1570" s="51" t="s">
        <v>38</v>
      </c>
      <c r="G1570" s="51" t="s">
        <v>97</v>
      </c>
      <c r="H1570" s="51" t="s">
        <v>82</v>
      </c>
      <c r="I1570" s="50">
        <v>30</v>
      </c>
    </row>
    <row r="1571" spans="1:9" x14ac:dyDescent="0.35">
      <c r="A1571" s="52" t="s">
        <v>78</v>
      </c>
      <c r="B1571" s="51" t="s">
        <v>79</v>
      </c>
      <c r="C1571" s="61">
        <v>349641440</v>
      </c>
      <c r="D1571" s="62">
        <v>20</v>
      </c>
      <c r="E1571" s="51">
        <v>202407</v>
      </c>
      <c r="F1571" s="51" t="s">
        <v>38</v>
      </c>
      <c r="G1571" s="51" t="s">
        <v>97</v>
      </c>
      <c r="H1571" s="51" t="s">
        <v>82</v>
      </c>
      <c r="I1571" s="50">
        <v>4.7</v>
      </c>
    </row>
    <row r="1572" spans="1:9" x14ac:dyDescent="0.35">
      <c r="A1572" s="52" t="s">
        <v>78</v>
      </c>
      <c r="B1572" s="51" t="s">
        <v>79</v>
      </c>
      <c r="C1572" s="61">
        <v>350210420</v>
      </c>
      <c r="D1572" s="62">
        <v>20</v>
      </c>
      <c r="E1572" s="51">
        <v>202407</v>
      </c>
      <c r="F1572" s="51" t="s">
        <v>38</v>
      </c>
      <c r="G1572" s="51" t="s">
        <v>97</v>
      </c>
      <c r="H1572" s="51" t="s">
        <v>82</v>
      </c>
      <c r="I1572" s="50">
        <v>4.7</v>
      </c>
    </row>
    <row r="1573" spans="1:9" x14ac:dyDescent="0.35">
      <c r="A1573" s="52" t="s">
        <v>78</v>
      </c>
      <c r="B1573" s="51" t="s">
        <v>79</v>
      </c>
      <c r="C1573" s="61">
        <v>350435931</v>
      </c>
      <c r="D1573" s="62">
        <v>20</v>
      </c>
      <c r="E1573" s="51">
        <v>202407</v>
      </c>
      <c r="F1573" s="51" t="s">
        <v>38</v>
      </c>
      <c r="G1573" s="51" t="s">
        <v>97</v>
      </c>
      <c r="H1573" s="51" t="s">
        <v>82</v>
      </c>
      <c r="I1573" s="50">
        <v>95</v>
      </c>
    </row>
    <row r="1574" spans="1:9" x14ac:dyDescent="0.35">
      <c r="A1574" s="52" t="s">
        <v>78</v>
      </c>
      <c r="B1574" s="51" t="s">
        <v>79</v>
      </c>
      <c r="C1574" s="61">
        <v>351158416</v>
      </c>
      <c r="D1574" s="62">
        <v>20</v>
      </c>
      <c r="E1574" s="51">
        <v>202407</v>
      </c>
      <c r="F1574" s="51" t="s">
        <v>38</v>
      </c>
      <c r="G1574" s="51" t="s">
        <v>97</v>
      </c>
      <c r="H1574" s="51" t="s">
        <v>82</v>
      </c>
      <c r="I1574" s="50">
        <v>4.7</v>
      </c>
    </row>
    <row r="1575" spans="1:9" x14ac:dyDescent="0.35">
      <c r="A1575" s="52" t="s">
        <v>78</v>
      </c>
      <c r="B1575" s="51" t="s">
        <v>79</v>
      </c>
      <c r="C1575" s="61">
        <v>351401311</v>
      </c>
      <c r="D1575" s="62">
        <v>20</v>
      </c>
      <c r="E1575" s="51">
        <v>202407</v>
      </c>
      <c r="F1575" s="51" t="s">
        <v>38</v>
      </c>
      <c r="G1575" s="51" t="s">
        <v>97</v>
      </c>
      <c r="H1575" s="51" t="s">
        <v>82</v>
      </c>
      <c r="I1575" s="50">
        <v>4.7</v>
      </c>
    </row>
    <row r="1576" spans="1:9" x14ac:dyDescent="0.35">
      <c r="A1576" s="52" t="s">
        <v>78</v>
      </c>
      <c r="B1576" s="51" t="s">
        <v>79</v>
      </c>
      <c r="C1576" s="61">
        <v>351500523</v>
      </c>
      <c r="D1576" s="62">
        <v>20</v>
      </c>
      <c r="E1576" s="51">
        <v>202407</v>
      </c>
      <c r="F1576" s="51" t="s">
        <v>38</v>
      </c>
      <c r="G1576" s="51" t="s">
        <v>97</v>
      </c>
      <c r="H1576" s="51" t="s">
        <v>82</v>
      </c>
      <c r="I1576" s="50">
        <v>4.7</v>
      </c>
    </row>
    <row r="1577" spans="1:9" x14ac:dyDescent="0.35">
      <c r="A1577" s="52" t="s">
        <v>78</v>
      </c>
      <c r="B1577" s="51" t="s">
        <v>79</v>
      </c>
      <c r="C1577" s="61">
        <v>353043144</v>
      </c>
      <c r="D1577" s="62">
        <v>20</v>
      </c>
      <c r="E1577" s="51">
        <v>202407</v>
      </c>
      <c r="F1577" s="51" t="s">
        <v>38</v>
      </c>
      <c r="G1577" s="51" t="s">
        <v>97</v>
      </c>
      <c r="H1577" s="51" t="s">
        <v>82</v>
      </c>
      <c r="I1577" s="50">
        <v>4.7</v>
      </c>
    </row>
    <row r="1578" spans="1:9" x14ac:dyDescent="0.35">
      <c r="A1578" s="52" t="s">
        <v>78</v>
      </c>
      <c r="B1578" s="51" t="s">
        <v>79</v>
      </c>
      <c r="C1578" s="61">
        <v>353951680</v>
      </c>
      <c r="D1578" s="62">
        <v>20</v>
      </c>
      <c r="E1578" s="51">
        <v>202407</v>
      </c>
      <c r="F1578" s="51" t="s">
        <v>38</v>
      </c>
      <c r="G1578" s="51" t="s">
        <v>97</v>
      </c>
      <c r="H1578" s="51" t="s">
        <v>82</v>
      </c>
      <c r="I1578" s="50">
        <v>4.7</v>
      </c>
    </row>
    <row r="1579" spans="1:9" x14ac:dyDescent="0.35">
      <c r="A1579" s="52" t="s">
        <v>78</v>
      </c>
      <c r="B1579" s="51" t="s">
        <v>79</v>
      </c>
      <c r="C1579" s="61">
        <v>355202164</v>
      </c>
      <c r="D1579" s="62">
        <v>20</v>
      </c>
      <c r="E1579" s="51">
        <v>202407</v>
      </c>
      <c r="F1579" s="51" t="s">
        <v>38</v>
      </c>
      <c r="G1579" s="51" t="s">
        <v>97</v>
      </c>
      <c r="H1579" s="51" t="s">
        <v>82</v>
      </c>
      <c r="I1579" s="50">
        <v>30</v>
      </c>
    </row>
    <row r="1580" spans="1:9" x14ac:dyDescent="0.35">
      <c r="A1580" s="52" t="s">
        <v>78</v>
      </c>
      <c r="B1580" s="51" t="s">
        <v>79</v>
      </c>
      <c r="C1580" s="61">
        <v>355738510</v>
      </c>
      <c r="D1580" s="62">
        <v>20</v>
      </c>
      <c r="E1580" s="51">
        <v>202407</v>
      </c>
      <c r="F1580" s="51" t="s">
        <v>38</v>
      </c>
      <c r="G1580" s="51" t="s">
        <v>97</v>
      </c>
      <c r="H1580" s="51" t="s">
        <v>82</v>
      </c>
      <c r="I1580" s="50">
        <v>4.7</v>
      </c>
    </row>
    <row r="1581" spans="1:9" x14ac:dyDescent="0.35">
      <c r="A1581" s="52" t="s">
        <v>78</v>
      </c>
      <c r="B1581" s="51" t="s">
        <v>79</v>
      </c>
      <c r="C1581" s="61">
        <v>355975051</v>
      </c>
      <c r="D1581" s="62">
        <v>20</v>
      </c>
      <c r="E1581" s="51">
        <v>202407</v>
      </c>
      <c r="F1581" s="51" t="s">
        <v>38</v>
      </c>
      <c r="G1581" s="51" t="s">
        <v>97</v>
      </c>
      <c r="H1581" s="51" t="s">
        <v>82</v>
      </c>
      <c r="I1581" s="50">
        <v>4.7</v>
      </c>
    </row>
    <row r="1582" spans="1:9" x14ac:dyDescent="0.35">
      <c r="A1582" s="52" t="s">
        <v>78</v>
      </c>
      <c r="B1582" s="51" t="s">
        <v>79</v>
      </c>
      <c r="C1582" s="61">
        <v>356163251</v>
      </c>
      <c r="D1582" s="62">
        <v>20</v>
      </c>
      <c r="E1582" s="51">
        <v>202407</v>
      </c>
      <c r="F1582" s="51" t="s">
        <v>38</v>
      </c>
      <c r="G1582" s="51" t="s">
        <v>97</v>
      </c>
      <c r="H1582" s="51" t="s">
        <v>82</v>
      </c>
      <c r="I1582" s="50">
        <v>4.7</v>
      </c>
    </row>
    <row r="1583" spans="1:9" x14ac:dyDescent="0.35">
      <c r="A1583" s="52" t="s">
        <v>78</v>
      </c>
      <c r="B1583" s="51" t="s">
        <v>79</v>
      </c>
      <c r="C1583" s="61">
        <v>356702376</v>
      </c>
      <c r="D1583" s="62">
        <v>20</v>
      </c>
      <c r="E1583" s="51">
        <v>202407</v>
      </c>
      <c r="F1583" s="51" t="s">
        <v>38</v>
      </c>
      <c r="G1583" s="51" t="s">
        <v>97</v>
      </c>
      <c r="H1583" s="51" t="s">
        <v>82</v>
      </c>
      <c r="I1583" s="50">
        <v>4.7</v>
      </c>
    </row>
    <row r="1584" spans="1:9" x14ac:dyDescent="0.35">
      <c r="A1584" s="52" t="s">
        <v>78</v>
      </c>
      <c r="B1584" s="51" t="s">
        <v>79</v>
      </c>
      <c r="C1584" s="61">
        <v>357310932</v>
      </c>
      <c r="D1584" s="62">
        <v>20</v>
      </c>
      <c r="E1584" s="51">
        <v>202407</v>
      </c>
      <c r="F1584" s="51" t="s">
        <v>38</v>
      </c>
      <c r="G1584" s="51" t="s">
        <v>97</v>
      </c>
      <c r="H1584" s="51" t="s">
        <v>82</v>
      </c>
      <c r="I1584" s="50">
        <v>4.7</v>
      </c>
    </row>
    <row r="1585" spans="1:9" x14ac:dyDescent="0.35">
      <c r="A1585" s="52" t="s">
        <v>78</v>
      </c>
      <c r="B1585" s="51" t="s">
        <v>79</v>
      </c>
      <c r="C1585" s="61">
        <v>357405632</v>
      </c>
      <c r="D1585" s="62">
        <v>20</v>
      </c>
      <c r="E1585" s="51">
        <v>202407</v>
      </c>
      <c r="F1585" s="51" t="s">
        <v>38</v>
      </c>
      <c r="G1585" s="51" t="s">
        <v>97</v>
      </c>
      <c r="H1585" s="51" t="s">
        <v>82</v>
      </c>
      <c r="I1585" s="50">
        <v>4.7</v>
      </c>
    </row>
    <row r="1586" spans="1:9" x14ac:dyDescent="0.35">
      <c r="A1586" s="52" t="s">
        <v>78</v>
      </c>
      <c r="B1586" s="51" t="s">
        <v>79</v>
      </c>
      <c r="C1586" s="61">
        <v>358400641</v>
      </c>
      <c r="D1586" s="62">
        <v>20</v>
      </c>
      <c r="E1586" s="51">
        <v>202407</v>
      </c>
      <c r="F1586" s="51" t="s">
        <v>38</v>
      </c>
      <c r="G1586" s="51" t="s">
        <v>97</v>
      </c>
      <c r="H1586" s="51" t="s">
        <v>82</v>
      </c>
      <c r="I1586" s="50">
        <v>4.7</v>
      </c>
    </row>
    <row r="1587" spans="1:9" x14ac:dyDescent="0.35">
      <c r="A1587" s="52" t="s">
        <v>78</v>
      </c>
      <c r="B1587" s="51" t="s">
        <v>79</v>
      </c>
      <c r="C1587" s="61">
        <v>358402042</v>
      </c>
      <c r="D1587" s="62">
        <v>20</v>
      </c>
      <c r="E1587" s="51">
        <v>202407</v>
      </c>
      <c r="F1587" s="51" t="s">
        <v>38</v>
      </c>
      <c r="G1587" s="51" t="s">
        <v>97</v>
      </c>
      <c r="H1587" s="51" t="s">
        <v>82</v>
      </c>
      <c r="I1587" s="50">
        <v>4.7</v>
      </c>
    </row>
    <row r="1588" spans="1:9" x14ac:dyDescent="0.35">
      <c r="A1588" s="52" t="s">
        <v>78</v>
      </c>
      <c r="B1588" s="51" t="s">
        <v>79</v>
      </c>
      <c r="C1588" s="61">
        <v>358495276</v>
      </c>
      <c r="D1588" s="62">
        <v>20</v>
      </c>
      <c r="E1588" s="51">
        <v>202407</v>
      </c>
      <c r="F1588" s="51" t="s">
        <v>38</v>
      </c>
      <c r="G1588" s="51" t="s">
        <v>97</v>
      </c>
      <c r="H1588" s="51" t="s">
        <v>82</v>
      </c>
      <c r="I1588" s="50">
        <v>4.7</v>
      </c>
    </row>
    <row r="1589" spans="1:9" x14ac:dyDescent="0.35">
      <c r="A1589" s="52" t="s">
        <v>78</v>
      </c>
      <c r="B1589" s="51" t="s">
        <v>79</v>
      </c>
      <c r="C1589" s="61">
        <v>358801445</v>
      </c>
      <c r="D1589" s="62">
        <v>20</v>
      </c>
      <c r="E1589" s="51">
        <v>202407</v>
      </c>
      <c r="F1589" s="51" t="s">
        <v>38</v>
      </c>
      <c r="G1589" s="51" t="s">
        <v>97</v>
      </c>
      <c r="H1589" s="51" t="s">
        <v>82</v>
      </c>
      <c r="I1589" s="50">
        <v>4.7</v>
      </c>
    </row>
    <row r="1590" spans="1:9" x14ac:dyDescent="0.35">
      <c r="A1590" s="52" t="s">
        <v>78</v>
      </c>
      <c r="B1590" s="51" t="s">
        <v>79</v>
      </c>
      <c r="C1590" s="61">
        <v>358905540</v>
      </c>
      <c r="D1590" s="62">
        <v>20</v>
      </c>
      <c r="E1590" s="51">
        <v>202407</v>
      </c>
      <c r="F1590" s="51" t="s">
        <v>38</v>
      </c>
      <c r="G1590" s="51" t="s">
        <v>97</v>
      </c>
      <c r="H1590" s="51" t="s">
        <v>82</v>
      </c>
      <c r="I1590" s="50">
        <v>4.7</v>
      </c>
    </row>
    <row r="1591" spans="1:9" x14ac:dyDescent="0.35">
      <c r="A1591" s="52" t="s">
        <v>78</v>
      </c>
      <c r="B1591" s="51" t="s">
        <v>79</v>
      </c>
      <c r="C1591" s="61">
        <v>359070349</v>
      </c>
      <c r="D1591" s="62">
        <v>20</v>
      </c>
      <c r="E1591" s="51">
        <v>202407</v>
      </c>
      <c r="F1591" s="51" t="s">
        <v>38</v>
      </c>
      <c r="G1591" s="51" t="s">
        <v>97</v>
      </c>
      <c r="H1591" s="51" t="s">
        <v>82</v>
      </c>
      <c r="I1591" s="50">
        <v>4.7</v>
      </c>
    </row>
    <row r="1592" spans="1:9" x14ac:dyDescent="0.35">
      <c r="A1592" s="52" t="s">
        <v>78</v>
      </c>
      <c r="B1592" s="51" t="s">
        <v>79</v>
      </c>
      <c r="C1592" s="61">
        <v>359105916</v>
      </c>
      <c r="D1592" s="62">
        <v>20</v>
      </c>
      <c r="E1592" s="51">
        <v>202407</v>
      </c>
      <c r="F1592" s="51" t="s">
        <v>38</v>
      </c>
      <c r="G1592" s="51" t="s">
        <v>97</v>
      </c>
      <c r="H1592" s="51" t="s">
        <v>82</v>
      </c>
      <c r="I1592" s="50">
        <v>4.7</v>
      </c>
    </row>
    <row r="1593" spans="1:9" x14ac:dyDescent="0.35">
      <c r="A1593" s="52" t="s">
        <v>78</v>
      </c>
      <c r="B1593" s="51" t="s">
        <v>79</v>
      </c>
      <c r="C1593" s="61">
        <v>359305273</v>
      </c>
      <c r="D1593" s="62">
        <v>20</v>
      </c>
      <c r="E1593" s="51">
        <v>202407</v>
      </c>
      <c r="F1593" s="51" t="s">
        <v>38</v>
      </c>
      <c r="G1593" s="51" t="s">
        <v>97</v>
      </c>
      <c r="H1593" s="51" t="s">
        <v>82</v>
      </c>
      <c r="I1593" s="50">
        <v>95</v>
      </c>
    </row>
    <row r="1594" spans="1:9" x14ac:dyDescent="0.35">
      <c r="A1594" s="52" t="s">
        <v>78</v>
      </c>
      <c r="B1594" s="51" t="s">
        <v>79</v>
      </c>
      <c r="C1594" s="61">
        <v>360102919</v>
      </c>
      <c r="D1594" s="62">
        <v>20</v>
      </c>
      <c r="E1594" s="51">
        <v>202407</v>
      </c>
      <c r="F1594" s="51" t="s">
        <v>38</v>
      </c>
      <c r="G1594" s="51" t="s">
        <v>97</v>
      </c>
      <c r="H1594" s="51" t="s">
        <v>82</v>
      </c>
      <c r="I1594" s="50">
        <v>4.7</v>
      </c>
    </row>
    <row r="1595" spans="1:9" x14ac:dyDescent="0.35">
      <c r="A1595" s="52" t="s">
        <v>78</v>
      </c>
      <c r="B1595" s="51" t="s">
        <v>79</v>
      </c>
      <c r="C1595" s="61">
        <v>360365197</v>
      </c>
      <c r="D1595" s="62">
        <v>20</v>
      </c>
      <c r="E1595" s="51">
        <v>202407</v>
      </c>
      <c r="F1595" s="51" t="s">
        <v>38</v>
      </c>
      <c r="G1595" s="51" t="s">
        <v>97</v>
      </c>
      <c r="H1595" s="51" t="s">
        <v>82</v>
      </c>
      <c r="I1595" s="50">
        <v>4.7</v>
      </c>
    </row>
    <row r="1596" spans="1:9" x14ac:dyDescent="0.35">
      <c r="A1596" s="52" t="s">
        <v>78</v>
      </c>
      <c r="B1596" s="51" t="s">
        <v>79</v>
      </c>
      <c r="C1596" s="61">
        <v>361900162</v>
      </c>
      <c r="D1596" s="62">
        <v>20</v>
      </c>
      <c r="E1596" s="51">
        <v>202407</v>
      </c>
      <c r="F1596" s="51" t="s">
        <v>38</v>
      </c>
      <c r="G1596" s="51" t="s">
        <v>97</v>
      </c>
      <c r="H1596" s="51" t="s">
        <v>82</v>
      </c>
      <c r="I1596" s="50">
        <v>4.7</v>
      </c>
    </row>
    <row r="1597" spans="1:9" x14ac:dyDescent="0.35">
      <c r="A1597" s="52" t="s">
        <v>78</v>
      </c>
      <c r="B1597" s="51" t="s">
        <v>79</v>
      </c>
      <c r="C1597" s="61">
        <v>362057369</v>
      </c>
      <c r="D1597" s="62">
        <v>20</v>
      </c>
      <c r="E1597" s="51">
        <v>202407</v>
      </c>
      <c r="F1597" s="51" t="s">
        <v>38</v>
      </c>
      <c r="G1597" s="51" t="s">
        <v>97</v>
      </c>
      <c r="H1597" s="51" t="s">
        <v>82</v>
      </c>
      <c r="I1597" s="50">
        <v>4.7</v>
      </c>
    </row>
    <row r="1598" spans="1:9" x14ac:dyDescent="0.35">
      <c r="A1598" s="52" t="s">
        <v>78</v>
      </c>
      <c r="B1598" s="51" t="s">
        <v>79</v>
      </c>
      <c r="C1598" s="61">
        <v>362154301</v>
      </c>
      <c r="D1598" s="62">
        <v>20</v>
      </c>
      <c r="E1598" s="51">
        <v>202407</v>
      </c>
      <c r="F1598" s="51" t="s">
        <v>38</v>
      </c>
      <c r="G1598" s="51" t="s">
        <v>97</v>
      </c>
      <c r="H1598" s="51" t="s">
        <v>82</v>
      </c>
      <c r="I1598" s="50">
        <v>4.7</v>
      </c>
    </row>
    <row r="1599" spans="1:9" x14ac:dyDescent="0.35">
      <c r="A1599" s="52" t="s">
        <v>78</v>
      </c>
      <c r="B1599" s="51" t="s">
        <v>79</v>
      </c>
      <c r="C1599" s="61">
        <v>362205988</v>
      </c>
      <c r="D1599" s="62">
        <v>20</v>
      </c>
      <c r="E1599" s="51">
        <v>202407</v>
      </c>
      <c r="F1599" s="51" t="s">
        <v>38</v>
      </c>
      <c r="G1599" s="51" t="s">
        <v>97</v>
      </c>
      <c r="H1599" s="51" t="s">
        <v>82</v>
      </c>
      <c r="I1599" s="50">
        <v>4.7</v>
      </c>
    </row>
    <row r="1600" spans="1:9" x14ac:dyDescent="0.35">
      <c r="A1600" s="52" t="s">
        <v>78</v>
      </c>
      <c r="B1600" s="51" t="s">
        <v>79</v>
      </c>
      <c r="C1600" s="61">
        <v>362607813</v>
      </c>
      <c r="D1600" s="62">
        <v>20</v>
      </c>
      <c r="E1600" s="51">
        <v>202407</v>
      </c>
      <c r="F1600" s="51" t="s">
        <v>38</v>
      </c>
      <c r="G1600" s="51" t="s">
        <v>97</v>
      </c>
      <c r="H1600" s="51" t="s">
        <v>82</v>
      </c>
      <c r="I1600" s="50">
        <v>4.7</v>
      </c>
    </row>
    <row r="1601" spans="1:9" x14ac:dyDescent="0.35">
      <c r="A1601" s="52" t="s">
        <v>78</v>
      </c>
      <c r="B1601" s="51" t="s">
        <v>79</v>
      </c>
      <c r="C1601" s="61">
        <v>365600119</v>
      </c>
      <c r="D1601" s="62">
        <v>20</v>
      </c>
      <c r="E1601" s="51">
        <v>202407</v>
      </c>
      <c r="F1601" s="51" t="s">
        <v>38</v>
      </c>
      <c r="G1601" s="51" t="s">
        <v>97</v>
      </c>
      <c r="H1601" s="51" t="s">
        <v>82</v>
      </c>
      <c r="I1601" s="50">
        <v>4.7</v>
      </c>
    </row>
    <row r="1602" spans="1:9" x14ac:dyDescent="0.35">
      <c r="A1602" s="52" t="s">
        <v>78</v>
      </c>
      <c r="B1602" s="51" t="s">
        <v>79</v>
      </c>
      <c r="C1602" s="61">
        <v>366401226</v>
      </c>
      <c r="D1602" s="62">
        <v>20</v>
      </c>
      <c r="E1602" s="51">
        <v>202407</v>
      </c>
      <c r="F1602" s="51" t="s">
        <v>38</v>
      </c>
      <c r="G1602" s="51" t="s">
        <v>97</v>
      </c>
      <c r="H1602" s="51" t="s">
        <v>82</v>
      </c>
      <c r="I1602" s="50">
        <v>4.7</v>
      </c>
    </row>
    <row r="1603" spans="1:9" x14ac:dyDescent="0.35">
      <c r="A1603" s="52" t="s">
        <v>78</v>
      </c>
      <c r="B1603" s="51" t="s">
        <v>79</v>
      </c>
      <c r="C1603" s="61">
        <v>366705480</v>
      </c>
      <c r="D1603" s="62">
        <v>20</v>
      </c>
      <c r="E1603" s="51">
        <v>202407</v>
      </c>
      <c r="F1603" s="51" t="s">
        <v>38</v>
      </c>
      <c r="G1603" s="51" t="s">
        <v>97</v>
      </c>
      <c r="H1603" s="51" t="s">
        <v>82</v>
      </c>
      <c r="I1603" s="50">
        <v>4.7</v>
      </c>
    </row>
    <row r="1604" spans="1:9" x14ac:dyDescent="0.35">
      <c r="A1604" s="52" t="s">
        <v>78</v>
      </c>
      <c r="B1604" s="51" t="s">
        <v>79</v>
      </c>
      <c r="C1604" s="61">
        <v>366902993</v>
      </c>
      <c r="D1604" s="62">
        <v>20</v>
      </c>
      <c r="E1604" s="51">
        <v>202407</v>
      </c>
      <c r="F1604" s="51" t="s">
        <v>38</v>
      </c>
      <c r="G1604" s="51" t="s">
        <v>97</v>
      </c>
      <c r="H1604" s="51" t="s">
        <v>82</v>
      </c>
      <c r="I1604" s="50">
        <v>4.7</v>
      </c>
    </row>
    <row r="1605" spans="1:9" x14ac:dyDescent="0.35">
      <c r="A1605" s="52" t="s">
        <v>78</v>
      </c>
      <c r="B1605" s="51" t="s">
        <v>79</v>
      </c>
      <c r="C1605" s="61">
        <v>367451104</v>
      </c>
      <c r="D1605" s="62">
        <v>20</v>
      </c>
      <c r="E1605" s="51">
        <v>202407</v>
      </c>
      <c r="F1605" s="51" t="s">
        <v>38</v>
      </c>
      <c r="G1605" s="51" t="s">
        <v>97</v>
      </c>
      <c r="H1605" s="51" t="s">
        <v>82</v>
      </c>
      <c r="I1605" s="50">
        <v>4.7</v>
      </c>
    </row>
    <row r="1606" spans="1:9" x14ac:dyDescent="0.35">
      <c r="A1606" s="52" t="s">
        <v>78</v>
      </c>
      <c r="B1606" s="51" t="s">
        <v>79</v>
      </c>
      <c r="C1606" s="61">
        <v>367611103</v>
      </c>
      <c r="D1606" s="62">
        <v>20</v>
      </c>
      <c r="E1606" s="51">
        <v>202407</v>
      </c>
      <c r="F1606" s="51" t="s">
        <v>38</v>
      </c>
      <c r="G1606" s="51" t="s">
        <v>97</v>
      </c>
      <c r="H1606" s="51" t="s">
        <v>82</v>
      </c>
      <c r="I1606" s="50">
        <v>4.7</v>
      </c>
    </row>
    <row r="1607" spans="1:9" x14ac:dyDescent="0.35">
      <c r="A1607" s="52" t="s">
        <v>78</v>
      </c>
      <c r="B1607" s="51" t="s">
        <v>79</v>
      </c>
      <c r="C1607" s="61">
        <v>372900595</v>
      </c>
      <c r="D1607" s="62">
        <v>20</v>
      </c>
      <c r="E1607" s="51">
        <v>202407</v>
      </c>
      <c r="F1607" s="51" t="s">
        <v>38</v>
      </c>
      <c r="G1607" s="51" t="s">
        <v>97</v>
      </c>
      <c r="H1607" s="51" t="s">
        <v>82</v>
      </c>
      <c r="I1607" s="50">
        <v>4.7</v>
      </c>
    </row>
    <row r="1608" spans="1:9" x14ac:dyDescent="0.35">
      <c r="A1608" s="52" t="s">
        <v>78</v>
      </c>
      <c r="B1608" s="51" t="s">
        <v>79</v>
      </c>
      <c r="C1608" s="61">
        <v>373800542</v>
      </c>
      <c r="D1608" s="62">
        <v>20</v>
      </c>
      <c r="E1608" s="51">
        <v>202407</v>
      </c>
      <c r="F1608" s="51" t="s">
        <v>38</v>
      </c>
      <c r="G1608" s="51" t="s">
        <v>97</v>
      </c>
      <c r="H1608" s="51" t="s">
        <v>82</v>
      </c>
      <c r="I1608" s="50">
        <v>4.7</v>
      </c>
    </row>
    <row r="1609" spans="1:9" x14ac:dyDescent="0.35">
      <c r="A1609" s="52" t="s">
        <v>78</v>
      </c>
      <c r="B1609" s="51" t="s">
        <v>79</v>
      </c>
      <c r="C1609" s="61">
        <v>374701177</v>
      </c>
      <c r="D1609" s="62">
        <v>20</v>
      </c>
      <c r="E1609" s="51">
        <v>202407</v>
      </c>
      <c r="F1609" s="51" t="s">
        <v>38</v>
      </c>
      <c r="G1609" s="51" t="s">
        <v>97</v>
      </c>
      <c r="H1609" s="51" t="s">
        <v>82</v>
      </c>
      <c r="I1609" s="50">
        <v>4.7</v>
      </c>
    </row>
    <row r="1610" spans="1:9" x14ac:dyDescent="0.35">
      <c r="A1610" s="52" t="s">
        <v>78</v>
      </c>
      <c r="B1610" s="51" t="s">
        <v>79</v>
      </c>
      <c r="C1610" s="61">
        <v>376105933</v>
      </c>
      <c r="D1610" s="62">
        <v>20</v>
      </c>
      <c r="E1610" s="51">
        <v>202407</v>
      </c>
      <c r="F1610" s="51" t="s">
        <v>38</v>
      </c>
      <c r="G1610" s="51" t="s">
        <v>97</v>
      </c>
      <c r="H1610" s="51" t="s">
        <v>82</v>
      </c>
      <c r="I1610" s="50">
        <v>4.7</v>
      </c>
    </row>
    <row r="1611" spans="1:9" x14ac:dyDescent="0.35">
      <c r="A1611" s="52" t="s">
        <v>78</v>
      </c>
      <c r="B1611" s="51" t="s">
        <v>79</v>
      </c>
      <c r="C1611" s="61">
        <v>380383264</v>
      </c>
      <c r="D1611" s="62">
        <v>20</v>
      </c>
      <c r="E1611" s="51">
        <v>202407</v>
      </c>
      <c r="F1611" s="51" t="s">
        <v>38</v>
      </c>
      <c r="G1611" s="51" t="s">
        <v>97</v>
      </c>
      <c r="H1611" s="51" t="s">
        <v>82</v>
      </c>
      <c r="I1611" s="50">
        <v>4.7</v>
      </c>
    </row>
    <row r="1612" spans="1:9" x14ac:dyDescent="0.35">
      <c r="A1612" s="52" t="s">
        <v>78</v>
      </c>
      <c r="B1612" s="51" t="s">
        <v>79</v>
      </c>
      <c r="C1612" s="61">
        <v>381734458</v>
      </c>
      <c r="D1612" s="62">
        <v>20</v>
      </c>
      <c r="E1612" s="51">
        <v>202407</v>
      </c>
      <c r="F1612" s="51" t="s">
        <v>38</v>
      </c>
      <c r="G1612" s="51" t="s">
        <v>97</v>
      </c>
      <c r="H1612" s="51" t="s">
        <v>82</v>
      </c>
      <c r="I1612" s="50">
        <v>4.7</v>
      </c>
    </row>
    <row r="1613" spans="1:9" x14ac:dyDescent="0.35">
      <c r="A1613" s="52" t="s">
        <v>78</v>
      </c>
      <c r="B1613" s="51" t="s">
        <v>79</v>
      </c>
      <c r="C1613" s="61">
        <v>382601541</v>
      </c>
      <c r="D1613" s="62">
        <v>20</v>
      </c>
      <c r="E1613" s="51">
        <v>202407</v>
      </c>
      <c r="F1613" s="51" t="s">
        <v>38</v>
      </c>
      <c r="G1613" s="51" t="s">
        <v>97</v>
      </c>
      <c r="H1613" s="51" t="s">
        <v>82</v>
      </c>
      <c r="I1613" s="50">
        <v>4.7</v>
      </c>
    </row>
    <row r="1614" spans="1:9" x14ac:dyDescent="0.35">
      <c r="A1614" s="52" t="s">
        <v>78</v>
      </c>
      <c r="B1614" s="51" t="s">
        <v>79</v>
      </c>
      <c r="C1614" s="61">
        <v>383601577</v>
      </c>
      <c r="D1614" s="62">
        <v>20</v>
      </c>
      <c r="E1614" s="51">
        <v>202407</v>
      </c>
      <c r="F1614" s="51" t="s">
        <v>38</v>
      </c>
      <c r="G1614" s="51" t="s">
        <v>97</v>
      </c>
      <c r="H1614" s="51" t="s">
        <v>82</v>
      </c>
      <c r="I1614" s="50">
        <v>4.7</v>
      </c>
    </row>
    <row r="1615" spans="1:9" x14ac:dyDescent="0.35">
      <c r="A1615" s="52" t="s">
        <v>78</v>
      </c>
      <c r="B1615" s="51" t="s">
        <v>79</v>
      </c>
      <c r="C1615" s="61">
        <v>383800665</v>
      </c>
      <c r="D1615" s="62">
        <v>20</v>
      </c>
      <c r="E1615" s="51">
        <v>202407</v>
      </c>
      <c r="F1615" s="51" t="s">
        <v>38</v>
      </c>
      <c r="G1615" s="51" t="s">
        <v>97</v>
      </c>
      <c r="H1615" s="51" t="s">
        <v>82</v>
      </c>
      <c r="I1615" s="50">
        <v>4.7</v>
      </c>
    </row>
    <row r="1616" spans="1:9" x14ac:dyDescent="0.35">
      <c r="A1616" s="52" t="s">
        <v>78</v>
      </c>
      <c r="B1616" s="51" t="s">
        <v>79</v>
      </c>
      <c r="C1616" s="61">
        <v>384451237</v>
      </c>
      <c r="D1616" s="62">
        <v>20</v>
      </c>
      <c r="E1616" s="51">
        <v>202407</v>
      </c>
      <c r="F1616" s="51" t="s">
        <v>38</v>
      </c>
      <c r="G1616" s="51" t="s">
        <v>97</v>
      </c>
      <c r="H1616" s="51" t="s">
        <v>82</v>
      </c>
      <c r="I1616" s="50">
        <v>4.7</v>
      </c>
    </row>
    <row r="1617" spans="1:9" x14ac:dyDescent="0.35">
      <c r="A1617" s="52" t="s">
        <v>78</v>
      </c>
      <c r="B1617" s="51" t="s">
        <v>79</v>
      </c>
      <c r="C1617" s="61">
        <v>384801230</v>
      </c>
      <c r="D1617" s="62">
        <v>20</v>
      </c>
      <c r="E1617" s="51">
        <v>202407</v>
      </c>
      <c r="F1617" s="51" t="s">
        <v>38</v>
      </c>
      <c r="G1617" s="51" t="s">
        <v>97</v>
      </c>
      <c r="H1617" s="51" t="s">
        <v>82</v>
      </c>
      <c r="I1617" s="50">
        <v>4.7</v>
      </c>
    </row>
    <row r="1618" spans="1:9" x14ac:dyDescent="0.35">
      <c r="A1618" s="52" t="s">
        <v>78</v>
      </c>
      <c r="B1618" s="51" t="s">
        <v>79</v>
      </c>
      <c r="C1618" s="61">
        <v>386500833</v>
      </c>
      <c r="D1618" s="62">
        <v>20</v>
      </c>
      <c r="E1618" s="51">
        <v>202407</v>
      </c>
      <c r="F1618" s="51" t="s">
        <v>38</v>
      </c>
      <c r="G1618" s="51" t="s">
        <v>97</v>
      </c>
      <c r="H1618" s="51" t="s">
        <v>82</v>
      </c>
      <c r="I1618" s="50">
        <v>4.7</v>
      </c>
    </row>
    <row r="1619" spans="1:9" x14ac:dyDescent="0.35">
      <c r="A1619" s="52" t="s">
        <v>78</v>
      </c>
      <c r="B1619" s="51" t="s">
        <v>79</v>
      </c>
      <c r="C1619" s="61">
        <v>387285638</v>
      </c>
      <c r="D1619" s="62">
        <v>20</v>
      </c>
      <c r="E1619" s="51">
        <v>202407</v>
      </c>
      <c r="F1619" s="51" t="s">
        <v>38</v>
      </c>
      <c r="G1619" s="51" t="s">
        <v>97</v>
      </c>
      <c r="H1619" s="51" t="s">
        <v>82</v>
      </c>
      <c r="I1619" s="50">
        <v>4.7</v>
      </c>
    </row>
    <row r="1620" spans="1:9" x14ac:dyDescent="0.35">
      <c r="A1620" s="52" t="s">
        <v>78</v>
      </c>
      <c r="B1620" s="51" t="s">
        <v>79</v>
      </c>
      <c r="C1620" s="61">
        <v>387404407</v>
      </c>
      <c r="D1620" s="62">
        <v>20</v>
      </c>
      <c r="E1620" s="51">
        <v>202407</v>
      </c>
      <c r="F1620" s="51" t="s">
        <v>38</v>
      </c>
      <c r="G1620" s="51" t="s">
        <v>97</v>
      </c>
      <c r="H1620" s="51" t="s">
        <v>82</v>
      </c>
      <c r="I1620" s="50">
        <v>4.7</v>
      </c>
    </row>
    <row r="1621" spans="1:9" x14ac:dyDescent="0.35">
      <c r="A1621" s="52" t="s">
        <v>78</v>
      </c>
      <c r="B1621" s="51" t="s">
        <v>79</v>
      </c>
      <c r="C1621" s="61">
        <v>387477319</v>
      </c>
      <c r="D1621" s="62">
        <v>20</v>
      </c>
      <c r="E1621" s="51">
        <v>202407</v>
      </c>
      <c r="F1621" s="51" t="s">
        <v>38</v>
      </c>
      <c r="G1621" s="51" t="s">
        <v>97</v>
      </c>
      <c r="H1621" s="51" t="s">
        <v>82</v>
      </c>
      <c r="I1621" s="50">
        <v>4.7</v>
      </c>
    </row>
    <row r="1622" spans="1:9" x14ac:dyDescent="0.35">
      <c r="A1622" s="52" t="s">
        <v>78</v>
      </c>
      <c r="B1622" s="51" t="s">
        <v>79</v>
      </c>
      <c r="C1622" s="61">
        <v>388800813</v>
      </c>
      <c r="D1622" s="62">
        <v>20</v>
      </c>
      <c r="E1622" s="51">
        <v>202407</v>
      </c>
      <c r="F1622" s="51" t="s">
        <v>38</v>
      </c>
      <c r="G1622" s="51" t="s">
        <v>97</v>
      </c>
      <c r="H1622" s="51" t="s">
        <v>82</v>
      </c>
      <c r="I1622" s="50">
        <v>4.7</v>
      </c>
    </row>
    <row r="1623" spans="1:9" x14ac:dyDescent="0.35">
      <c r="A1623" s="52" t="s">
        <v>78</v>
      </c>
      <c r="B1623" s="51" t="s">
        <v>79</v>
      </c>
      <c r="C1623" s="61">
        <v>389102084</v>
      </c>
      <c r="D1623" s="62">
        <v>20</v>
      </c>
      <c r="E1623" s="51">
        <v>202407</v>
      </c>
      <c r="F1623" s="51" t="s">
        <v>38</v>
      </c>
      <c r="G1623" s="51" t="s">
        <v>97</v>
      </c>
      <c r="H1623" s="51" t="s">
        <v>82</v>
      </c>
      <c r="I1623" s="50">
        <v>4.7</v>
      </c>
    </row>
    <row r="1624" spans="1:9" x14ac:dyDescent="0.35">
      <c r="A1624" s="52" t="s">
        <v>78</v>
      </c>
      <c r="B1624" s="51" t="s">
        <v>79</v>
      </c>
      <c r="C1624" s="61">
        <v>392100019</v>
      </c>
      <c r="D1624" s="62">
        <v>20</v>
      </c>
      <c r="E1624" s="51">
        <v>202407</v>
      </c>
      <c r="F1624" s="51" t="s">
        <v>38</v>
      </c>
      <c r="G1624" s="51" t="s">
        <v>97</v>
      </c>
      <c r="H1624" s="51" t="s">
        <v>82</v>
      </c>
      <c r="I1624" s="50">
        <v>4.7</v>
      </c>
    </row>
    <row r="1625" spans="1:9" x14ac:dyDescent="0.35">
      <c r="A1625" s="52" t="s">
        <v>78</v>
      </c>
      <c r="B1625" s="51" t="s">
        <v>79</v>
      </c>
      <c r="C1625" s="61">
        <v>392171871</v>
      </c>
      <c r="D1625" s="62">
        <v>20</v>
      </c>
      <c r="E1625" s="51">
        <v>202407</v>
      </c>
      <c r="F1625" s="51" t="s">
        <v>38</v>
      </c>
      <c r="G1625" s="51" t="s">
        <v>97</v>
      </c>
      <c r="H1625" s="51" t="s">
        <v>82</v>
      </c>
      <c r="I1625" s="50">
        <v>4.7</v>
      </c>
    </row>
    <row r="1626" spans="1:9" x14ac:dyDescent="0.35">
      <c r="A1626" s="52" t="s">
        <v>78</v>
      </c>
      <c r="B1626" s="51" t="s">
        <v>79</v>
      </c>
      <c r="C1626" s="61">
        <v>392365430</v>
      </c>
      <c r="D1626" s="62">
        <v>20</v>
      </c>
      <c r="E1626" s="51">
        <v>202407</v>
      </c>
      <c r="F1626" s="51" t="s">
        <v>38</v>
      </c>
      <c r="G1626" s="51" t="s">
        <v>97</v>
      </c>
      <c r="H1626" s="51" t="s">
        <v>82</v>
      </c>
      <c r="I1626" s="50">
        <v>30</v>
      </c>
    </row>
    <row r="1627" spans="1:9" x14ac:dyDescent="0.35">
      <c r="A1627" s="52" t="s">
        <v>78</v>
      </c>
      <c r="B1627" s="51" t="s">
        <v>79</v>
      </c>
      <c r="C1627" s="61">
        <v>393800857</v>
      </c>
      <c r="D1627" s="62">
        <v>20</v>
      </c>
      <c r="E1627" s="51">
        <v>202407</v>
      </c>
      <c r="F1627" s="51" t="s">
        <v>38</v>
      </c>
      <c r="G1627" s="51" t="s">
        <v>97</v>
      </c>
      <c r="H1627" s="51" t="s">
        <v>82</v>
      </c>
      <c r="I1627" s="50">
        <v>4.7</v>
      </c>
    </row>
    <row r="1628" spans="1:9" x14ac:dyDescent="0.35">
      <c r="A1628" s="52" t="s">
        <v>78</v>
      </c>
      <c r="B1628" s="51" t="s">
        <v>79</v>
      </c>
      <c r="C1628" s="61">
        <v>393825731</v>
      </c>
      <c r="D1628" s="62">
        <v>20</v>
      </c>
      <c r="E1628" s="51">
        <v>202407</v>
      </c>
      <c r="F1628" s="51" t="s">
        <v>38</v>
      </c>
      <c r="G1628" s="51" t="s">
        <v>97</v>
      </c>
      <c r="H1628" s="51" t="s">
        <v>82</v>
      </c>
      <c r="I1628" s="50">
        <v>4.7</v>
      </c>
    </row>
    <row r="1629" spans="1:9" x14ac:dyDescent="0.35">
      <c r="A1629" s="52" t="s">
        <v>78</v>
      </c>
      <c r="B1629" s="51" t="s">
        <v>79</v>
      </c>
      <c r="C1629" s="61">
        <v>393863046</v>
      </c>
      <c r="D1629" s="62">
        <v>20</v>
      </c>
      <c r="E1629" s="51">
        <v>202407</v>
      </c>
      <c r="F1629" s="51" t="s">
        <v>38</v>
      </c>
      <c r="G1629" s="51" t="s">
        <v>97</v>
      </c>
      <c r="H1629" s="51" t="s">
        <v>82</v>
      </c>
      <c r="I1629" s="50">
        <v>30</v>
      </c>
    </row>
    <row r="1630" spans="1:9" x14ac:dyDescent="0.35">
      <c r="A1630" s="52" t="s">
        <v>78</v>
      </c>
      <c r="B1630" s="51" t="s">
        <v>79</v>
      </c>
      <c r="C1630" s="61">
        <v>394903098</v>
      </c>
      <c r="D1630" s="62">
        <v>20</v>
      </c>
      <c r="E1630" s="51">
        <v>202407</v>
      </c>
      <c r="F1630" s="51" t="s">
        <v>38</v>
      </c>
      <c r="G1630" s="51" t="s">
        <v>97</v>
      </c>
      <c r="H1630" s="51" t="s">
        <v>82</v>
      </c>
      <c r="I1630" s="50">
        <v>124</v>
      </c>
    </row>
    <row r="1631" spans="1:9" x14ac:dyDescent="0.35">
      <c r="A1631" s="52" t="s">
        <v>78</v>
      </c>
      <c r="B1631" s="51" t="s">
        <v>79</v>
      </c>
      <c r="C1631" s="61">
        <v>394904670</v>
      </c>
      <c r="D1631" s="62">
        <v>20</v>
      </c>
      <c r="E1631" s="51">
        <v>202407</v>
      </c>
      <c r="F1631" s="51" t="s">
        <v>38</v>
      </c>
      <c r="G1631" s="51" t="s">
        <v>97</v>
      </c>
      <c r="H1631" s="51" t="s">
        <v>82</v>
      </c>
      <c r="I1631" s="50">
        <v>30</v>
      </c>
    </row>
    <row r="1632" spans="1:9" x14ac:dyDescent="0.35">
      <c r="A1632" s="52" t="s">
        <v>78</v>
      </c>
      <c r="B1632" s="51" t="s">
        <v>79</v>
      </c>
      <c r="C1632" s="61">
        <v>395097502</v>
      </c>
      <c r="D1632" s="62">
        <v>20</v>
      </c>
      <c r="E1632" s="51">
        <v>202407</v>
      </c>
      <c r="F1632" s="51" t="s">
        <v>38</v>
      </c>
      <c r="G1632" s="51" t="s">
        <v>97</v>
      </c>
      <c r="H1632" s="51" t="s">
        <v>82</v>
      </c>
      <c r="I1632" s="50">
        <v>4.7</v>
      </c>
    </row>
    <row r="1633" spans="1:9" x14ac:dyDescent="0.35">
      <c r="A1633" s="52" t="s">
        <v>78</v>
      </c>
      <c r="B1633" s="51" t="s">
        <v>79</v>
      </c>
      <c r="C1633" s="61">
        <v>395505883</v>
      </c>
      <c r="D1633" s="62">
        <v>20</v>
      </c>
      <c r="E1633" s="51">
        <v>202407</v>
      </c>
      <c r="F1633" s="51" t="s">
        <v>38</v>
      </c>
      <c r="G1633" s="51" t="s">
        <v>97</v>
      </c>
      <c r="H1633" s="51" t="s">
        <v>82</v>
      </c>
      <c r="I1633" s="50">
        <v>4.7</v>
      </c>
    </row>
    <row r="1634" spans="1:9" x14ac:dyDescent="0.35">
      <c r="A1634" s="52" t="s">
        <v>78</v>
      </c>
      <c r="B1634" s="51" t="s">
        <v>79</v>
      </c>
      <c r="C1634" s="61">
        <v>396217325</v>
      </c>
      <c r="D1634" s="62">
        <v>20</v>
      </c>
      <c r="E1634" s="51">
        <v>202407</v>
      </c>
      <c r="F1634" s="51" t="s">
        <v>38</v>
      </c>
      <c r="G1634" s="51" t="s">
        <v>97</v>
      </c>
      <c r="H1634" s="51" t="s">
        <v>82</v>
      </c>
      <c r="I1634" s="50">
        <v>4.7</v>
      </c>
    </row>
    <row r="1635" spans="1:9" x14ac:dyDescent="0.35">
      <c r="A1635" s="52" t="s">
        <v>78</v>
      </c>
      <c r="B1635" s="51" t="s">
        <v>79</v>
      </c>
      <c r="C1635" s="61">
        <v>398189445</v>
      </c>
      <c r="D1635" s="62">
        <v>20</v>
      </c>
      <c r="E1635" s="51">
        <v>202407</v>
      </c>
      <c r="F1635" s="51" t="s">
        <v>38</v>
      </c>
      <c r="G1635" s="51" t="s">
        <v>97</v>
      </c>
      <c r="H1635" s="51" t="s">
        <v>82</v>
      </c>
      <c r="I1635" s="50">
        <v>4.7</v>
      </c>
    </row>
    <row r="1636" spans="1:9" x14ac:dyDescent="0.35">
      <c r="A1636" s="52" t="s">
        <v>78</v>
      </c>
      <c r="B1636" s="51" t="s">
        <v>79</v>
      </c>
      <c r="C1636" s="61">
        <v>398509941</v>
      </c>
      <c r="D1636" s="62">
        <v>20</v>
      </c>
      <c r="E1636" s="51">
        <v>202407</v>
      </c>
      <c r="F1636" s="51" t="s">
        <v>38</v>
      </c>
      <c r="G1636" s="51" t="s">
        <v>97</v>
      </c>
      <c r="H1636" s="51" t="s">
        <v>82</v>
      </c>
      <c r="I1636" s="50">
        <v>4.7</v>
      </c>
    </row>
    <row r="1637" spans="1:9" x14ac:dyDescent="0.35">
      <c r="A1637" s="52" t="s">
        <v>78</v>
      </c>
      <c r="B1637" s="51" t="s">
        <v>79</v>
      </c>
      <c r="C1637" s="61">
        <v>398977670</v>
      </c>
      <c r="D1637" s="62">
        <v>20</v>
      </c>
      <c r="E1637" s="51">
        <v>202407</v>
      </c>
      <c r="F1637" s="51" t="s">
        <v>38</v>
      </c>
      <c r="G1637" s="51" t="s">
        <v>97</v>
      </c>
      <c r="H1637" s="51" t="s">
        <v>82</v>
      </c>
      <c r="I1637" s="50">
        <v>30</v>
      </c>
    </row>
    <row r="1638" spans="1:9" x14ac:dyDescent="0.35">
      <c r="A1638" s="52" t="s">
        <v>78</v>
      </c>
      <c r="B1638" s="51" t="s">
        <v>79</v>
      </c>
      <c r="C1638" s="61">
        <v>399305673</v>
      </c>
      <c r="D1638" s="62">
        <v>20</v>
      </c>
      <c r="E1638" s="51">
        <v>202407</v>
      </c>
      <c r="F1638" s="51" t="s">
        <v>38</v>
      </c>
      <c r="G1638" s="51" t="s">
        <v>97</v>
      </c>
      <c r="H1638" s="51" t="s">
        <v>82</v>
      </c>
      <c r="I1638" s="50">
        <v>4.7</v>
      </c>
    </row>
    <row r="1639" spans="1:9" x14ac:dyDescent="0.35">
      <c r="A1639" s="52" t="s">
        <v>78</v>
      </c>
      <c r="B1639" s="51" t="s">
        <v>79</v>
      </c>
      <c r="C1639" s="61">
        <v>306044724</v>
      </c>
      <c r="D1639" s="62">
        <v>211</v>
      </c>
      <c r="E1639" s="51">
        <v>202407</v>
      </c>
      <c r="F1639" s="51" t="s">
        <v>38</v>
      </c>
      <c r="G1639" s="51" t="s">
        <v>97</v>
      </c>
      <c r="H1639" s="51" t="s">
        <v>82</v>
      </c>
      <c r="I1639" s="50">
        <v>4.7</v>
      </c>
    </row>
    <row r="1640" spans="1:9" x14ac:dyDescent="0.35">
      <c r="A1640" s="52" t="s">
        <v>78</v>
      </c>
      <c r="B1640" s="51" t="s">
        <v>79</v>
      </c>
      <c r="C1640" s="61">
        <v>332805222</v>
      </c>
      <c r="D1640" s="62">
        <v>211</v>
      </c>
      <c r="E1640" s="51">
        <v>202407</v>
      </c>
      <c r="F1640" s="51" t="s">
        <v>38</v>
      </c>
      <c r="G1640" s="51" t="s">
        <v>97</v>
      </c>
      <c r="H1640" s="51" t="s">
        <v>82</v>
      </c>
      <c r="I1640" s="50">
        <v>4.7</v>
      </c>
    </row>
    <row r="1641" spans="1:9" x14ac:dyDescent="0.35">
      <c r="A1641" s="52" t="s">
        <v>78</v>
      </c>
      <c r="B1641" s="51" t="s">
        <v>79</v>
      </c>
      <c r="C1641" s="61">
        <v>348700925</v>
      </c>
      <c r="D1641" s="62">
        <v>211</v>
      </c>
      <c r="E1641" s="51">
        <v>202407</v>
      </c>
      <c r="F1641" s="51" t="s">
        <v>38</v>
      </c>
      <c r="G1641" s="51" t="s">
        <v>97</v>
      </c>
      <c r="H1641" s="51" t="s">
        <v>82</v>
      </c>
      <c r="I1641" s="50">
        <v>30</v>
      </c>
    </row>
    <row r="1642" spans="1:9" x14ac:dyDescent="0.35">
      <c r="A1642" s="52" t="s">
        <v>78</v>
      </c>
      <c r="B1642" s="51" t="s">
        <v>79</v>
      </c>
      <c r="C1642" s="61">
        <v>384137782</v>
      </c>
      <c r="D1642" s="62">
        <v>211</v>
      </c>
      <c r="E1642" s="51">
        <v>202407</v>
      </c>
      <c r="F1642" s="51" t="s">
        <v>38</v>
      </c>
      <c r="G1642" s="51" t="s">
        <v>97</v>
      </c>
      <c r="H1642" s="51" t="s">
        <v>82</v>
      </c>
      <c r="I1642" s="50">
        <v>4.7</v>
      </c>
    </row>
    <row r="1643" spans="1:9" x14ac:dyDescent="0.35">
      <c r="A1643" s="52" t="s">
        <v>78</v>
      </c>
      <c r="B1643" s="51" t="s">
        <v>79</v>
      </c>
      <c r="C1643" s="61">
        <v>392905862</v>
      </c>
      <c r="D1643" s="62">
        <v>211</v>
      </c>
      <c r="E1643" s="51">
        <v>202407</v>
      </c>
      <c r="F1643" s="51" t="s">
        <v>38</v>
      </c>
      <c r="G1643" s="51" t="s">
        <v>97</v>
      </c>
      <c r="H1643" s="51" t="s">
        <v>82</v>
      </c>
      <c r="I1643" s="50">
        <v>4.7</v>
      </c>
    </row>
    <row r="1644" spans="1:9" x14ac:dyDescent="0.35">
      <c r="A1644" s="52" t="s">
        <v>78</v>
      </c>
      <c r="B1644" s="51" t="s">
        <v>79</v>
      </c>
      <c r="C1644" s="61">
        <v>325175124</v>
      </c>
      <c r="D1644" s="62">
        <v>212</v>
      </c>
      <c r="E1644" s="51">
        <v>202407</v>
      </c>
      <c r="F1644" s="51" t="s">
        <v>38</v>
      </c>
      <c r="G1644" s="51" t="s">
        <v>97</v>
      </c>
      <c r="H1644" s="51" t="s">
        <v>82</v>
      </c>
      <c r="I1644" s="50">
        <v>4.7</v>
      </c>
    </row>
    <row r="1645" spans="1:9" x14ac:dyDescent="0.35">
      <c r="A1645" s="52" t="s">
        <v>78</v>
      </c>
      <c r="B1645" s="51" t="s">
        <v>79</v>
      </c>
      <c r="C1645" s="61">
        <v>328101432</v>
      </c>
      <c r="D1645" s="62">
        <v>212</v>
      </c>
      <c r="E1645" s="51">
        <v>202407</v>
      </c>
      <c r="F1645" s="51" t="s">
        <v>38</v>
      </c>
      <c r="G1645" s="51" t="s">
        <v>97</v>
      </c>
      <c r="H1645" s="51" t="s">
        <v>82</v>
      </c>
      <c r="I1645" s="50">
        <v>4.7</v>
      </c>
    </row>
    <row r="1646" spans="1:9" x14ac:dyDescent="0.35">
      <c r="A1646" s="52" t="s">
        <v>78</v>
      </c>
      <c r="B1646" s="51" t="s">
        <v>79</v>
      </c>
      <c r="C1646" s="61">
        <v>336421500</v>
      </c>
      <c r="D1646" s="62">
        <v>212</v>
      </c>
      <c r="E1646" s="51">
        <v>202407</v>
      </c>
      <c r="F1646" s="51" t="s">
        <v>38</v>
      </c>
      <c r="G1646" s="51" t="s">
        <v>97</v>
      </c>
      <c r="H1646" s="51" t="s">
        <v>82</v>
      </c>
      <c r="I1646" s="50">
        <v>4.7</v>
      </c>
    </row>
    <row r="1647" spans="1:9" x14ac:dyDescent="0.35">
      <c r="A1647" s="52" t="s">
        <v>78</v>
      </c>
      <c r="B1647" s="51" t="s">
        <v>79</v>
      </c>
      <c r="C1647" s="61">
        <v>344402703</v>
      </c>
      <c r="D1647" s="62">
        <v>212</v>
      </c>
      <c r="E1647" s="51">
        <v>202407</v>
      </c>
      <c r="F1647" s="51" t="s">
        <v>38</v>
      </c>
      <c r="G1647" s="51" t="s">
        <v>97</v>
      </c>
      <c r="H1647" s="51" t="s">
        <v>82</v>
      </c>
      <c r="I1647" s="50">
        <v>4.7</v>
      </c>
    </row>
    <row r="1648" spans="1:9" x14ac:dyDescent="0.35">
      <c r="A1648" s="52" t="s">
        <v>78</v>
      </c>
      <c r="B1648" s="51" t="s">
        <v>79</v>
      </c>
      <c r="C1648" s="61">
        <v>372702240</v>
      </c>
      <c r="D1648" s="62">
        <v>212</v>
      </c>
      <c r="E1648" s="51">
        <v>202407</v>
      </c>
      <c r="F1648" s="51" t="s">
        <v>38</v>
      </c>
      <c r="G1648" s="51" t="s">
        <v>97</v>
      </c>
      <c r="H1648" s="51" t="s">
        <v>82</v>
      </c>
      <c r="I1648" s="50">
        <v>4.7</v>
      </c>
    </row>
    <row r="1649" spans="1:9" x14ac:dyDescent="0.35">
      <c r="A1649" s="52" t="s">
        <v>78</v>
      </c>
      <c r="B1649" s="51" t="s">
        <v>79</v>
      </c>
      <c r="C1649" s="61">
        <v>392305210</v>
      </c>
      <c r="D1649" s="62">
        <v>212</v>
      </c>
      <c r="E1649" s="51">
        <v>202407</v>
      </c>
      <c r="F1649" s="51" t="s">
        <v>38</v>
      </c>
      <c r="G1649" s="51" t="s">
        <v>97</v>
      </c>
      <c r="H1649" s="51" t="s">
        <v>82</v>
      </c>
      <c r="I1649" s="50">
        <v>4.7</v>
      </c>
    </row>
    <row r="1650" spans="1:9" x14ac:dyDescent="0.35">
      <c r="A1650" s="52" t="s">
        <v>78</v>
      </c>
      <c r="B1650" s="51" t="s">
        <v>79</v>
      </c>
      <c r="C1650" s="61">
        <v>300601111</v>
      </c>
      <c r="D1650" s="62">
        <v>10</v>
      </c>
      <c r="E1650" s="51">
        <v>202408</v>
      </c>
      <c r="F1650" s="51" t="s">
        <v>38</v>
      </c>
      <c r="G1650" s="51" t="s">
        <v>97</v>
      </c>
      <c r="H1650" s="51" t="s">
        <v>82</v>
      </c>
      <c r="I1650" s="50">
        <v>4.7</v>
      </c>
    </row>
    <row r="1651" spans="1:9" x14ac:dyDescent="0.35">
      <c r="A1651" s="52" t="s">
        <v>78</v>
      </c>
      <c r="B1651" s="51" t="s">
        <v>79</v>
      </c>
      <c r="C1651" s="61">
        <v>301800181</v>
      </c>
      <c r="D1651" s="62">
        <v>10</v>
      </c>
      <c r="E1651" s="51">
        <v>202408</v>
      </c>
      <c r="F1651" s="51" t="s">
        <v>38</v>
      </c>
      <c r="G1651" s="51" t="s">
        <v>97</v>
      </c>
      <c r="H1651" s="51" t="s">
        <v>82</v>
      </c>
      <c r="I1651" s="50">
        <v>4.7</v>
      </c>
    </row>
    <row r="1652" spans="1:9" x14ac:dyDescent="0.35">
      <c r="A1652" s="52" t="s">
        <v>78</v>
      </c>
      <c r="B1652" s="51" t="s">
        <v>79</v>
      </c>
      <c r="C1652" s="61">
        <v>302505691</v>
      </c>
      <c r="D1652" s="62">
        <v>10</v>
      </c>
      <c r="E1652" s="51">
        <v>202408</v>
      </c>
      <c r="F1652" s="51" t="s">
        <v>38</v>
      </c>
      <c r="G1652" s="51" t="s">
        <v>97</v>
      </c>
      <c r="H1652" s="51" t="s">
        <v>82</v>
      </c>
      <c r="I1652" s="50">
        <v>4.7</v>
      </c>
    </row>
    <row r="1653" spans="1:9" x14ac:dyDescent="0.35">
      <c r="A1653" s="52" t="s">
        <v>78</v>
      </c>
      <c r="B1653" s="51" t="s">
        <v>79</v>
      </c>
      <c r="C1653" s="61">
        <v>303905241</v>
      </c>
      <c r="D1653" s="62">
        <v>10</v>
      </c>
      <c r="E1653" s="51">
        <v>202408</v>
      </c>
      <c r="F1653" s="51" t="s">
        <v>38</v>
      </c>
      <c r="G1653" s="51" t="s">
        <v>97</v>
      </c>
      <c r="H1653" s="51" t="s">
        <v>82</v>
      </c>
      <c r="I1653" s="50">
        <v>4.7</v>
      </c>
    </row>
    <row r="1654" spans="1:9" x14ac:dyDescent="0.35">
      <c r="A1654" s="52" t="s">
        <v>78</v>
      </c>
      <c r="B1654" s="51" t="s">
        <v>79</v>
      </c>
      <c r="C1654" s="61">
        <v>304902396</v>
      </c>
      <c r="D1654" s="62">
        <v>10</v>
      </c>
      <c r="E1654" s="51">
        <v>202408</v>
      </c>
      <c r="F1654" s="51" t="s">
        <v>38</v>
      </c>
      <c r="G1654" s="51" t="s">
        <v>97</v>
      </c>
      <c r="H1654" s="51" t="s">
        <v>82</v>
      </c>
      <c r="I1654" s="50">
        <v>30</v>
      </c>
    </row>
    <row r="1655" spans="1:9" x14ac:dyDescent="0.35">
      <c r="A1655" s="52" t="s">
        <v>78</v>
      </c>
      <c r="B1655" s="51" t="s">
        <v>79</v>
      </c>
      <c r="C1655" s="61">
        <v>305601721</v>
      </c>
      <c r="D1655" s="62">
        <v>10</v>
      </c>
      <c r="E1655" s="51">
        <v>202408</v>
      </c>
      <c r="F1655" s="51" t="s">
        <v>38</v>
      </c>
      <c r="G1655" s="51" t="s">
        <v>97</v>
      </c>
      <c r="H1655" s="51" t="s">
        <v>82</v>
      </c>
      <c r="I1655" s="50">
        <v>4.7</v>
      </c>
    </row>
    <row r="1656" spans="1:9" x14ac:dyDescent="0.35">
      <c r="A1656" s="52" t="s">
        <v>78</v>
      </c>
      <c r="B1656" s="51" t="s">
        <v>79</v>
      </c>
      <c r="C1656" s="61">
        <v>306305615</v>
      </c>
      <c r="D1656" s="62">
        <v>10</v>
      </c>
      <c r="E1656" s="51">
        <v>202408</v>
      </c>
      <c r="F1656" s="51" t="s">
        <v>38</v>
      </c>
      <c r="G1656" s="51" t="s">
        <v>97</v>
      </c>
      <c r="H1656" s="51" t="s">
        <v>82</v>
      </c>
      <c r="I1656" s="50">
        <v>4.7</v>
      </c>
    </row>
    <row r="1657" spans="1:9" x14ac:dyDescent="0.35">
      <c r="A1657" s="52" t="s">
        <v>78</v>
      </c>
      <c r="B1657" s="51" t="s">
        <v>79</v>
      </c>
      <c r="C1657" s="61">
        <v>307900712</v>
      </c>
      <c r="D1657" s="62">
        <v>10</v>
      </c>
      <c r="E1657" s="51">
        <v>202408</v>
      </c>
      <c r="F1657" s="51" t="s">
        <v>38</v>
      </c>
      <c r="G1657" s="51" t="s">
        <v>97</v>
      </c>
      <c r="H1657" s="51" t="s">
        <v>82</v>
      </c>
      <c r="I1657" s="50">
        <v>4.7</v>
      </c>
    </row>
    <row r="1658" spans="1:9" x14ac:dyDescent="0.35">
      <c r="A1658" s="52" t="s">
        <v>78</v>
      </c>
      <c r="B1658" s="51" t="s">
        <v>79</v>
      </c>
      <c r="C1658" s="61">
        <v>308100095</v>
      </c>
      <c r="D1658" s="62">
        <v>10</v>
      </c>
      <c r="E1658" s="51">
        <v>202408</v>
      </c>
      <c r="F1658" s="51" t="s">
        <v>38</v>
      </c>
      <c r="G1658" s="51" t="s">
        <v>97</v>
      </c>
      <c r="H1658" s="51" t="s">
        <v>82</v>
      </c>
      <c r="I1658" s="50">
        <v>4.7</v>
      </c>
    </row>
    <row r="1659" spans="1:9" x14ac:dyDescent="0.35">
      <c r="A1659" s="52" t="s">
        <v>78</v>
      </c>
      <c r="B1659" s="51" t="s">
        <v>79</v>
      </c>
      <c r="C1659" s="61">
        <v>308652910</v>
      </c>
      <c r="D1659" s="62">
        <v>10</v>
      </c>
      <c r="E1659" s="51">
        <v>202408</v>
      </c>
      <c r="F1659" s="51" t="s">
        <v>38</v>
      </c>
      <c r="G1659" s="51" t="s">
        <v>97</v>
      </c>
      <c r="H1659" s="51" t="s">
        <v>82</v>
      </c>
      <c r="I1659" s="50">
        <v>4.7</v>
      </c>
    </row>
    <row r="1660" spans="1:9" x14ac:dyDescent="0.35">
      <c r="A1660" s="52" t="s">
        <v>78</v>
      </c>
      <c r="B1660" s="51" t="s">
        <v>79</v>
      </c>
      <c r="C1660" s="61">
        <v>309005372</v>
      </c>
      <c r="D1660" s="62">
        <v>10</v>
      </c>
      <c r="E1660" s="51">
        <v>202408</v>
      </c>
      <c r="F1660" s="51" t="s">
        <v>38</v>
      </c>
      <c r="G1660" s="51" t="s">
        <v>97</v>
      </c>
      <c r="H1660" s="51" t="s">
        <v>82</v>
      </c>
      <c r="I1660" s="50">
        <v>4.7</v>
      </c>
    </row>
    <row r="1661" spans="1:9" x14ac:dyDescent="0.35">
      <c r="A1661" s="52" t="s">
        <v>78</v>
      </c>
      <c r="B1661" s="51" t="s">
        <v>79</v>
      </c>
      <c r="C1661" s="61">
        <v>312402812</v>
      </c>
      <c r="D1661" s="62">
        <v>10</v>
      </c>
      <c r="E1661" s="51">
        <v>202408</v>
      </c>
      <c r="F1661" s="51" t="s">
        <v>38</v>
      </c>
      <c r="G1661" s="51" t="s">
        <v>97</v>
      </c>
      <c r="H1661" s="51" t="s">
        <v>82</v>
      </c>
      <c r="I1661" s="50">
        <v>4.7</v>
      </c>
    </row>
    <row r="1662" spans="1:9" x14ac:dyDescent="0.35">
      <c r="A1662" s="52" t="s">
        <v>78</v>
      </c>
      <c r="B1662" s="51" t="s">
        <v>79</v>
      </c>
      <c r="C1662" s="61">
        <v>312602681</v>
      </c>
      <c r="D1662" s="62">
        <v>10</v>
      </c>
      <c r="E1662" s="51">
        <v>202408</v>
      </c>
      <c r="F1662" s="51" t="s">
        <v>38</v>
      </c>
      <c r="G1662" s="51" t="s">
        <v>97</v>
      </c>
      <c r="H1662" s="51" t="s">
        <v>82</v>
      </c>
      <c r="I1662" s="50">
        <v>30</v>
      </c>
    </row>
    <row r="1663" spans="1:9" x14ac:dyDescent="0.35">
      <c r="A1663" s="52" t="s">
        <v>78</v>
      </c>
      <c r="B1663" s="51" t="s">
        <v>79</v>
      </c>
      <c r="C1663" s="61">
        <v>313000505</v>
      </c>
      <c r="D1663" s="62">
        <v>10</v>
      </c>
      <c r="E1663" s="51">
        <v>202408</v>
      </c>
      <c r="F1663" s="51" t="s">
        <v>38</v>
      </c>
      <c r="G1663" s="51" t="s">
        <v>97</v>
      </c>
      <c r="H1663" s="51" t="s">
        <v>82</v>
      </c>
      <c r="I1663" s="50">
        <v>4.7</v>
      </c>
    </row>
    <row r="1664" spans="1:9" x14ac:dyDescent="0.35">
      <c r="A1664" s="52" t="s">
        <v>78</v>
      </c>
      <c r="B1664" s="51" t="s">
        <v>79</v>
      </c>
      <c r="C1664" s="61">
        <v>313305515</v>
      </c>
      <c r="D1664" s="62">
        <v>10</v>
      </c>
      <c r="E1664" s="51">
        <v>202408</v>
      </c>
      <c r="F1664" s="51" t="s">
        <v>38</v>
      </c>
      <c r="G1664" s="51" t="s">
        <v>97</v>
      </c>
      <c r="H1664" s="51" t="s">
        <v>82</v>
      </c>
      <c r="I1664" s="50">
        <v>4.7</v>
      </c>
    </row>
    <row r="1665" spans="1:9" x14ac:dyDescent="0.35">
      <c r="A1665" s="52" t="s">
        <v>78</v>
      </c>
      <c r="B1665" s="51" t="s">
        <v>79</v>
      </c>
      <c r="C1665" s="61">
        <v>314404743</v>
      </c>
      <c r="D1665" s="62">
        <v>10</v>
      </c>
      <c r="E1665" s="51">
        <v>202408</v>
      </c>
      <c r="F1665" s="51" t="s">
        <v>38</v>
      </c>
      <c r="G1665" s="51" t="s">
        <v>97</v>
      </c>
      <c r="H1665" s="51" t="s">
        <v>82</v>
      </c>
      <c r="I1665" s="50">
        <v>4.7</v>
      </c>
    </row>
    <row r="1666" spans="1:9" x14ac:dyDescent="0.35">
      <c r="A1666" s="52" t="s">
        <v>78</v>
      </c>
      <c r="B1666" s="51" t="s">
        <v>79</v>
      </c>
      <c r="C1666" s="61">
        <v>314404743</v>
      </c>
      <c r="D1666" s="62">
        <v>10</v>
      </c>
      <c r="E1666" s="51">
        <v>202408</v>
      </c>
      <c r="F1666" s="51" t="s">
        <v>38</v>
      </c>
      <c r="G1666" s="51" t="s">
        <v>97</v>
      </c>
      <c r="H1666" s="51" t="s">
        <v>82</v>
      </c>
      <c r="I1666" s="50">
        <v>4.7</v>
      </c>
    </row>
    <row r="1667" spans="1:9" x14ac:dyDescent="0.35">
      <c r="A1667" s="52" t="s">
        <v>78</v>
      </c>
      <c r="B1667" s="51" t="s">
        <v>79</v>
      </c>
      <c r="C1667" s="61">
        <v>315600273</v>
      </c>
      <c r="D1667" s="62">
        <v>10</v>
      </c>
      <c r="E1667" s="51">
        <v>202408</v>
      </c>
      <c r="F1667" s="51" t="s">
        <v>38</v>
      </c>
      <c r="G1667" s="51" t="s">
        <v>97</v>
      </c>
      <c r="H1667" s="51" t="s">
        <v>82</v>
      </c>
      <c r="I1667" s="50">
        <v>4.7</v>
      </c>
    </row>
    <row r="1668" spans="1:9" x14ac:dyDescent="0.35">
      <c r="A1668" s="52" t="s">
        <v>78</v>
      </c>
      <c r="B1668" s="51" t="s">
        <v>79</v>
      </c>
      <c r="C1668" s="61">
        <v>320100373</v>
      </c>
      <c r="D1668" s="62">
        <v>10</v>
      </c>
      <c r="E1668" s="51">
        <v>202408</v>
      </c>
      <c r="F1668" s="51" t="s">
        <v>38</v>
      </c>
      <c r="G1668" s="51" t="s">
        <v>97</v>
      </c>
      <c r="H1668" s="51" t="s">
        <v>82</v>
      </c>
      <c r="I1668" s="50">
        <v>4.7</v>
      </c>
    </row>
    <row r="1669" spans="1:9" x14ac:dyDescent="0.35">
      <c r="A1669" s="52" t="s">
        <v>78</v>
      </c>
      <c r="B1669" s="51" t="s">
        <v>79</v>
      </c>
      <c r="C1669" s="61">
        <v>321103594</v>
      </c>
      <c r="D1669" s="62">
        <v>10</v>
      </c>
      <c r="E1669" s="51">
        <v>202408</v>
      </c>
      <c r="F1669" s="51" t="s">
        <v>38</v>
      </c>
      <c r="G1669" s="51" t="s">
        <v>97</v>
      </c>
      <c r="H1669" s="51" t="s">
        <v>82</v>
      </c>
      <c r="I1669" s="50">
        <v>4.7</v>
      </c>
    </row>
    <row r="1670" spans="1:9" x14ac:dyDescent="0.35">
      <c r="A1670" s="52" t="s">
        <v>78</v>
      </c>
      <c r="B1670" s="51" t="s">
        <v>79</v>
      </c>
      <c r="C1670" s="61">
        <v>330501651</v>
      </c>
      <c r="D1670" s="62">
        <v>10</v>
      </c>
      <c r="E1670" s="51">
        <v>202408</v>
      </c>
      <c r="F1670" s="51" t="s">
        <v>38</v>
      </c>
      <c r="G1670" s="51" t="s">
        <v>97</v>
      </c>
      <c r="H1670" s="51" t="s">
        <v>82</v>
      </c>
      <c r="I1670" s="50">
        <v>4.7</v>
      </c>
    </row>
    <row r="1671" spans="1:9" x14ac:dyDescent="0.35">
      <c r="A1671" s="52" t="s">
        <v>78</v>
      </c>
      <c r="B1671" s="51" t="s">
        <v>79</v>
      </c>
      <c r="C1671" s="61">
        <v>331772657</v>
      </c>
      <c r="D1671" s="62">
        <v>10</v>
      </c>
      <c r="E1671" s="51">
        <v>202408</v>
      </c>
      <c r="F1671" s="51" t="s">
        <v>38</v>
      </c>
      <c r="G1671" s="51" t="s">
        <v>97</v>
      </c>
      <c r="H1671" s="51" t="s">
        <v>82</v>
      </c>
      <c r="I1671" s="50">
        <v>4.7</v>
      </c>
    </row>
    <row r="1672" spans="1:9" x14ac:dyDescent="0.35">
      <c r="A1672" s="52" t="s">
        <v>78</v>
      </c>
      <c r="B1672" s="51" t="s">
        <v>79</v>
      </c>
      <c r="C1672" s="61">
        <v>331905278</v>
      </c>
      <c r="D1672" s="62">
        <v>10</v>
      </c>
      <c r="E1672" s="51">
        <v>202408</v>
      </c>
      <c r="F1672" s="51" t="s">
        <v>38</v>
      </c>
      <c r="G1672" s="51" t="s">
        <v>97</v>
      </c>
      <c r="H1672" s="51" t="s">
        <v>82</v>
      </c>
      <c r="I1672" s="50">
        <v>4.7</v>
      </c>
    </row>
    <row r="1673" spans="1:9" x14ac:dyDescent="0.35">
      <c r="A1673" s="52" t="s">
        <v>78</v>
      </c>
      <c r="B1673" s="51" t="s">
        <v>79</v>
      </c>
      <c r="C1673" s="61">
        <v>332188592</v>
      </c>
      <c r="D1673" s="62">
        <v>10</v>
      </c>
      <c r="E1673" s="51">
        <v>202408</v>
      </c>
      <c r="F1673" s="51" t="s">
        <v>38</v>
      </c>
      <c r="G1673" s="51" t="s">
        <v>97</v>
      </c>
      <c r="H1673" s="51" t="s">
        <v>82</v>
      </c>
      <c r="I1673" s="50">
        <v>4.7</v>
      </c>
    </row>
    <row r="1674" spans="1:9" x14ac:dyDescent="0.35">
      <c r="A1674" s="52" t="s">
        <v>78</v>
      </c>
      <c r="B1674" s="51" t="s">
        <v>79</v>
      </c>
      <c r="C1674" s="61">
        <v>332601022</v>
      </c>
      <c r="D1674" s="62">
        <v>10</v>
      </c>
      <c r="E1674" s="51">
        <v>202408</v>
      </c>
      <c r="F1674" s="51" t="s">
        <v>38</v>
      </c>
      <c r="G1674" s="51" t="s">
        <v>97</v>
      </c>
      <c r="H1674" s="51" t="s">
        <v>82</v>
      </c>
      <c r="I1674" s="50">
        <v>4.7</v>
      </c>
    </row>
    <row r="1675" spans="1:9" x14ac:dyDescent="0.35">
      <c r="A1675" s="52" t="s">
        <v>78</v>
      </c>
      <c r="B1675" s="51" t="s">
        <v>79</v>
      </c>
      <c r="C1675" s="61">
        <v>332602814</v>
      </c>
      <c r="D1675" s="62">
        <v>10</v>
      </c>
      <c r="E1675" s="51">
        <v>202408</v>
      </c>
      <c r="F1675" s="51" t="s">
        <v>38</v>
      </c>
      <c r="G1675" s="51" t="s">
        <v>97</v>
      </c>
      <c r="H1675" s="51" t="s">
        <v>82</v>
      </c>
      <c r="I1675" s="50">
        <v>4.7</v>
      </c>
    </row>
    <row r="1676" spans="1:9" x14ac:dyDescent="0.35">
      <c r="A1676" s="52" t="s">
        <v>78</v>
      </c>
      <c r="B1676" s="51" t="s">
        <v>79</v>
      </c>
      <c r="C1676" s="61">
        <v>332701071</v>
      </c>
      <c r="D1676" s="62">
        <v>10</v>
      </c>
      <c r="E1676" s="51">
        <v>202408</v>
      </c>
      <c r="F1676" s="51" t="s">
        <v>38</v>
      </c>
      <c r="G1676" s="51" t="s">
        <v>97</v>
      </c>
      <c r="H1676" s="51" t="s">
        <v>82</v>
      </c>
      <c r="I1676" s="50">
        <v>4.7</v>
      </c>
    </row>
    <row r="1677" spans="1:9" x14ac:dyDescent="0.35">
      <c r="A1677" s="52" t="s">
        <v>78</v>
      </c>
      <c r="B1677" s="51" t="s">
        <v>79</v>
      </c>
      <c r="C1677" s="61">
        <v>334504726</v>
      </c>
      <c r="D1677" s="62">
        <v>10</v>
      </c>
      <c r="E1677" s="51">
        <v>202408</v>
      </c>
      <c r="F1677" s="51" t="s">
        <v>38</v>
      </c>
      <c r="G1677" s="51" t="s">
        <v>97</v>
      </c>
      <c r="H1677" s="51" t="s">
        <v>82</v>
      </c>
      <c r="I1677" s="50">
        <v>4.7</v>
      </c>
    </row>
    <row r="1678" spans="1:9" x14ac:dyDescent="0.35">
      <c r="A1678" s="52" t="s">
        <v>78</v>
      </c>
      <c r="B1678" s="51" t="s">
        <v>79</v>
      </c>
      <c r="C1678" s="61">
        <v>342303338</v>
      </c>
      <c r="D1678" s="62">
        <v>10</v>
      </c>
      <c r="E1678" s="51">
        <v>202408</v>
      </c>
      <c r="F1678" s="51" t="s">
        <v>38</v>
      </c>
      <c r="G1678" s="51" t="s">
        <v>97</v>
      </c>
      <c r="H1678" s="51" t="s">
        <v>82</v>
      </c>
      <c r="I1678" s="50">
        <v>4.7</v>
      </c>
    </row>
    <row r="1679" spans="1:9" x14ac:dyDescent="0.35">
      <c r="A1679" s="52" t="s">
        <v>78</v>
      </c>
      <c r="B1679" s="51" t="s">
        <v>79</v>
      </c>
      <c r="C1679" s="61">
        <v>342902469</v>
      </c>
      <c r="D1679" s="62">
        <v>10</v>
      </c>
      <c r="E1679" s="51">
        <v>202408</v>
      </c>
      <c r="F1679" s="51" t="s">
        <v>38</v>
      </c>
      <c r="G1679" s="51" t="s">
        <v>97</v>
      </c>
      <c r="H1679" s="51" t="s">
        <v>82</v>
      </c>
      <c r="I1679" s="50">
        <v>4.7</v>
      </c>
    </row>
    <row r="1680" spans="1:9" x14ac:dyDescent="0.35">
      <c r="A1680" s="52" t="s">
        <v>78</v>
      </c>
      <c r="B1680" s="51" t="s">
        <v>79</v>
      </c>
      <c r="C1680" s="61">
        <v>343000505</v>
      </c>
      <c r="D1680" s="62">
        <v>10</v>
      </c>
      <c r="E1680" s="51">
        <v>202408</v>
      </c>
      <c r="F1680" s="51" t="s">
        <v>38</v>
      </c>
      <c r="G1680" s="51" t="s">
        <v>97</v>
      </c>
      <c r="H1680" s="51" t="s">
        <v>82</v>
      </c>
      <c r="I1680" s="50">
        <v>4.7</v>
      </c>
    </row>
    <row r="1681" spans="1:9" x14ac:dyDescent="0.35">
      <c r="A1681" s="52" t="s">
        <v>78</v>
      </c>
      <c r="B1681" s="51" t="s">
        <v>79</v>
      </c>
      <c r="C1681" s="61">
        <v>345800608</v>
      </c>
      <c r="D1681" s="62">
        <v>10</v>
      </c>
      <c r="E1681" s="51">
        <v>202408</v>
      </c>
      <c r="F1681" s="51" t="s">
        <v>38</v>
      </c>
      <c r="G1681" s="51" t="s">
        <v>97</v>
      </c>
      <c r="H1681" s="51" t="s">
        <v>82</v>
      </c>
      <c r="I1681" s="50">
        <v>4.7</v>
      </c>
    </row>
    <row r="1682" spans="1:9" x14ac:dyDescent="0.35">
      <c r="A1682" s="52" t="s">
        <v>78</v>
      </c>
      <c r="B1682" s="51" t="s">
        <v>79</v>
      </c>
      <c r="C1682" s="61">
        <v>348164625</v>
      </c>
      <c r="D1682" s="62">
        <v>10</v>
      </c>
      <c r="E1682" s="51">
        <v>202408</v>
      </c>
      <c r="F1682" s="51" t="s">
        <v>38</v>
      </c>
      <c r="G1682" s="51" t="s">
        <v>97</v>
      </c>
      <c r="H1682" s="51" t="s">
        <v>82</v>
      </c>
      <c r="I1682" s="50">
        <v>4.7</v>
      </c>
    </row>
    <row r="1683" spans="1:9" x14ac:dyDescent="0.35">
      <c r="A1683" s="52" t="s">
        <v>78</v>
      </c>
      <c r="B1683" s="51" t="s">
        <v>79</v>
      </c>
      <c r="C1683" s="61">
        <v>350605522</v>
      </c>
      <c r="D1683" s="62">
        <v>10</v>
      </c>
      <c r="E1683" s="51">
        <v>202408</v>
      </c>
      <c r="F1683" s="51" t="s">
        <v>38</v>
      </c>
      <c r="G1683" s="51" t="s">
        <v>97</v>
      </c>
      <c r="H1683" s="51" t="s">
        <v>82</v>
      </c>
      <c r="I1683" s="50">
        <v>30</v>
      </c>
    </row>
    <row r="1684" spans="1:9" x14ac:dyDescent="0.35">
      <c r="A1684" s="52" t="s">
        <v>78</v>
      </c>
      <c r="B1684" s="51" t="s">
        <v>79</v>
      </c>
      <c r="C1684" s="61">
        <v>353305095</v>
      </c>
      <c r="D1684" s="62">
        <v>10</v>
      </c>
      <c r="E1684" s="51">
        <v>202408</v>
      </c>
      <c r="F1684" s="51" t="s">
        <v>38</v>
      </c>
      <c r="G1684" s="51" t="s">
        <v>97</v>
      </c>
      <c r="H1684" s="51" t="s">
        <v>82</v>
      </c>
      <c r="I1684" s="50">
        <v>4.7</v>
      </c>
    </row>
    <row r="1685" spans="1:9" x14ac:dyDescent="0.35">
      <c r="A1685" s="52" t="s">
        <v>78</v>
      </c>
      <c r="B1685" s="51" t="s">
        <v>79</v>
      </c>
      <c r="C1685" s="61">
        <v>354405573</v>
      </c>
      <c r="D1685" s="62">
        <v>10</v>
      </c>
      <c r="E1685" s="51">
        <v>202408</v>
      </c>
      <c r="F1685" s="51" t="s">
        <v>38</v>
      </c>
      <c r="G1685" s="51" t="s">
        <v>97</v>
      </c>
      <c r="H1685" s="51" t="s">
        <v>82</v>
      </c>
      <c r="I1685" s="50">
        <v>4.7</v>
      </c>
    </row>
    <row r="1686" spans="1:9" x14ac:dyDescent="0.35">
      <c r="A1686" s="52" t="s">
        <v>78</v>
      </c>
      <c r="B1686" s="51" t="s">
        <v>79</v>
      </c>
      <c r="C1686" s="61">
        <v>355104844</v>
      </c>
      <c r="D1686" s="62">
        <v>10</v>
      </c>
      <c r="E1686" s="51">
        <v>202408</v>
      </c>
      <c r="F1686" s="51" t="s">
        <v>38</v>
      </c>
      <c r="G1686" s="51" t="s">
        <v>97</v>
      </c>
      <c r="H1686" s="51" t="s">
        <v>82</v>
      </c>
      <c r="I1686" s="50">
        <v>4.7</v>
      </c>
    </row>
    <row r="1687" spans="1:9" x14ac:dyDescent="0.35">
      <c r="A1687" s="52" t="s">
        <v>78</v>
      </c>
      <c r="B1687" s="51" t="s">
        <v>79</v>
      </c>
      <c r="C1687" s="61">
        <v>355600801</v>
      </c>
      <c r="D1687" s="62">
        <v>10</v>
      </c>
      <c r="E1687" s="51">
        <v>202408</v>
      </c>
      <c r="F1687" s="51" t="s">
        <v>38</v>
      </c>
      <c r="G1687" s="51" t="s">
        <v>97</v>
      </c>
      <c r="H1687" s="51" t="s">
        <v>82</v>
      </c>
      <c r="I1687" s="50">
        <v>30</v>
      </c>
    </row>
    <row r="1688" spans="1:9" x14ac:dyDescent="0.35">
      <c r="A1688" s="52" t="s">
        <v>78</v>
      </c>
      <c r="B1688" s="51" t="s">
        <v>79</v>
      </c>
      <c r="C1688" s="61">
        <v>355701065</v>
      </c>
      <c r="D1688" s="62">
        <v>10</v>
      </c>
      <c r="E1688" s="51">
        <v>202408</v>
      </c>
      <c r="F1688" s="51" t="s">
        <v>38</v>
      </c>
      <c r="G1688" s="51" t="s">
        <v>97</v>
      </c>
      <c r="H1688" s="51" t="s">
        <v>82</v>
      </c>
      <c r="I1688" s="50">
        <v>4.7</v>
      </c>
    </row>
    <row r="1689" spans="1:9" x14ac:dyDescent="0.35">
      <c r="A1689" s="52" t="s">
        <v>78</v>
      </c>
      <c r="B1689" s="51" t="s">
        <v>79</v>
      </c>
      <c r="C1689" s="61">
        <v>356601095</v>
      </c>
      <c r="D1689" s="62">
        <v>10</v>
      </c>
      <c r="E1689" s="51">
        <v>202408</v>
      </c>
      <c r="F1689" s="51" t="s">
        <v>38</v>
      </c>
      <c r="G1689" s="51" t="s">
        <v>97</v>
      </c>
      <c r="H1689" s="51" t="s">
        <v>82</v>
      </c>
      <c r="I1689" s="50">
        <v>4.7</v>
      </c>
    </row>
    <row r="1690" spans="1:9" x14ac:dyDescent="0.35">
      <c r="A1690" s="52" t="s">
        <v>78</v>
      </c>
      <c r="B1690" s="51" t="s">
        <v>79</v>
      </c>
      <c r="C1690" s="61">
        <v>362603036</v>
      </c>
      <c r="D1690" s="62">
        <v>10</v>
      </c>
      <c r="E1690" s="51">
        <v>202408</v>
      </c>
      <c r="F1690" s="51" t="s">
        <v>38</v>
      </c>
      <c r="G1690" s="51" t="s">
        <v>97</v>
      </c>
      <c r="H1690" s="51" t="s">
        <v>82</v>
      </c>
      <c r="I1690" s="50">
        <v>4.7</v>
      </c>
    </row>
    <row r="1691" spans="1:9" x14ac:dyDescent="0.35">
      <c r="A1691" s="52" t="s">
        <v>78</v>
      </c>
      <c r="B1691" s="51" t="s">
        <v>79</v>
      </c>
      <c r="C1691" s="61">
        <v>363077431</v>
      </c>
      <c r="D1691" s="62">
        <v>10</v>
      </c>
      <c r="E1691" s="51">
        <v>202408</v>
      </c>
      <c r="F1691" s="51" t="s">
        <v>38</v>
      </c>
      <c r="G1691" s="51" t="s">
        <v>97</v>
      </c>
      <c r="H1691" s="51" t="s">
        <v>82</v>
      </c>
      <c r="I1691" s="50">
        <v>4.7</v>
      </c>
    </row>
    <row r="1692" spans="1:9" x14ac:dyDescent="0.35">
      <c r="A1692" s="52" t="s">
        <v>78</v>
      </c>
      <c r="B1692" s="51" t="s">
        <v>79</v>
      </c>
      <c r="C1692" s="61">
        <v>363505718</v>
      </c>
      <c r="D1692" s="62">
        <v>10</v>
      </c>
      <c r="E1692" s="51">
        <v>202408</v>
      </c>
      <c r="F1692" s="51" t="s">
        <v>38</v>
      </c>
      <c r="G1692" s="51" t="s">
        <v>97</v>
      </c>
      <c r="H1692" s="51" t="s">
        <v>82</v>
      </c>
      <c r="I1692" s="50">
        <v>4.7</v>
      </c>
    </row>
    <row r="1693" spans="1:9" x14ac:dyDescent="0.35">
      <c r="A1693" s="52" t="s">
        <v>78</v>
      </c>
      <c r="B1693" s="51" t="s">
        <v>79</v>
      </c>
      <c r="C1693" s="61">
        <v>364002171</v>
      </c>
      <c r="D1693" s="62">
        <v>10</v>
      </c>
      <c r="E1693" s="51">
        <v>202408</v>
      </c>
      <c r="F1693" s="51" t="s">
        <v>38</v>
      </c>
      <c r="G1693" s="51" t="s">
        <v>97</v>
      </c>
      <c r="H1693" s="51" t="s">
        <v>82</v>
      </c>
      <c r="I1693" s="50">
        <v>4.7</v>
      </c>
    </row>
    <row r="1694" spans="1:9" x14ac:dyDescent="0.35">
      <c r="A1694" s="52" t="s">
        <v>78</v>
      </c>
      <c r="B1694" s="51" t="s">
        <v>79</v>
      </c>
      <c r="C1694" s="61">
        <v>364600051</v>
      </c>
      <c r="D1694" s="62">
        <v>10</v>
      </c>
      <c r="E1694" s="51">
        <v>202408</v>
      </c>
      <c r="F1694" s="51" t="s">
        <v>38</v>
      </c>
      <c r="G1694" s="51" t="s">
        <v>97</v>
      </c>
      <c r="H1694" s="51" t="s">
        <v>82</v>
      </c>
      <c r="I1694" s="50">
        <v>4.7</v>
      </c>
    </row>
    <row r="1695" spans="1:9" x14ac:dyDescent="0.35">
      <c r="A1695" s="52" t="s">
        <v>78</v>
      </c>
      <c r="B1695" s="51" t="s">
        <v>79</v>
      </c>
      <c r="C1695" s="61">
        <v>364600083</v>
      </c>
      <c r="D1695" s="62">
        <v>10</v>
      </c>
      <c r="E1695" s="51">
        <v>202408</v>
      </c>
      <c r="F1695" s="51" t="s">
        <v>38</v>
      </c>
      <c r="G1695" s="51" t="s">
        <v>97</v>
      </c>
      <c r="H1695" s="51" t="s">
        <v>82</v>
      </c>
      <c r="I1695" s="50">
        <v>4.7</v>
      </c>
    </row>
    <row r="1696" spans="1:9" x14ac:dyDescent="0.35">
      <c r="A1696" s="52" t="s">
        <v>78</v>
      </c>
      <c r="B1696" s="51" t="s">
        <v>79</v>
      </c>
      <c r="C1696" s="61">
        <v>365405733</v>
      </c>
      <c r="D1696" s="62">
        <v>10</v>
      </c>
      <c r="E1696" s="51">
        <v>202408</v>
      </c>
      <c r="F1696" s="51" t="s">
        <v>38</v>
      </c>
      <c r="G1696" s="51" t="s">
        <v>97</v>
      </c>
      <c r="H1696" s="51" t="s">
        <v>82</v>
      </c>
      <c r="I1696" s="50">
        <v>4.7</v>
      </c>
    </row>
    <row r="1697" spans="1:9" x14ac:dyDescent="0.35">
      <c r="A1697" s="52" t="s">
        <v>78</v>
      </c>
      <c r="B1697" s="51" t="s">
        <v>79</v>
      </c>
      <c r="C1697" s="61">
        <v>365757501</v>
      </c>
      <c r="D1697" s="62">
        <v>10</v>
      </c>
      <c r="E1697" s="51">
        <v>202408</v>
      </c>
      <c r="F1697" s="51" t="s">
        <v>38</v>
      </c>
      <c r="G1697" s="51" t="s">
        <v>97</v>
      </c>
      <c r="H1697" s="51" t="s">
        <v>82</v>
      </c>
      <c r="I1697" s="50">
        <v>4.7</v>
      </c>
    </row>
    <row r="1698" spans="1:9" x14ac:dyDescent="0.35">
      <c r="A1698" s="52" t="s">
        <v>78</v>
      </c>
      <c r="B1698" s="51" t="s">
        <v>79</v>
      </c>
      <c r="C1698" s="61">
        <v>366701381</v>
      </c>
      <c r="D1698" s="62">
        <v>10</v>
      </c>
      <c r="E1698" s="51">
        <v>202408</v>
      </c>
      <c r="F1698" s="51" t="s">
        <v>38</v>
      </c>
      <c r="G1698" s="51" t="s">
        <v>97</v>
      </c>
      <c r="H1698" s="51" t="s">
        <v>82</v>
      </c>
      <c r="I1698" s="50">
        <v>4.7</v>
      </c>
    </row>
    <row r="1699" spans="1:9" x14ac:dyDescent="0.35">
      <c r="A1699" s="52" t="s">
        <v>78</v>
      </c>
      <c r="B1699" s="51" t="s">
        <v>79</v>
      </c>
      <c r="C1699" s="61">
        <v>371302600</v>
      </c>
      <c r="D1699" s="62">
        <v>10</v>
      </c>
      <c r="E1699" s="51">
        <v>202408</v>
      </c>
      <c r="F1699" s="51" t="s">
        <v>38</v>
      </c>
      <c r="G1699" s="51" t="s">
        <v>97</v>
      </c>
      <c r="H1699" s="51" t="s">
        <v>82</v>
      </c>
      <c r="I1699" s="50">
        <v>30</v>
      </c>
    </row>
    <row r="1700" spans="1:9" x14ac:dyDescent="0.35">
      <c r="A1700" s="52" t="s">
        <v>78</v>
      </c>
      <c r="B1700" s="51" t="s">
        <v>79</v>
      </c>
      <c r="C1700" s="61">
        <v>372302850</v>
      </c>
      <c r="D1700" s="62">
        <v>10</v>
      </c>
      <c r="E1700" s="51">
        <v>202408</v>
      </c>
      <c r="F1700" s="51" t="s">
        <v>38</v>
      </c>
      <c r="G1700" s="51" t="s">
        <v>97</v>
      </c>
      <c r="H1700" s="51" t="s">
        <v>82</v>
      </c>
      <c r="I1700" s="50">
        <v>4.7</v>
      </c>
    </row>
    <row r="1701" spans="1:9" x14ac:dyDescent="0.35">
      <c r="A1701" s="52" t="s">
        <v>78</v>
      </c>
      <c r="B1701" s="51" t="s">
        <v>79</v>
      </c>
      <c r="C1701" s="61">
        <v>378795990</v>
      </c>
      <c r="D1701" s="62">
        <v>10</v>
      </c>
      <c r="E1701" s="51">
        <v>202408</v>
      </c>
      <c r="F1701" s="51" t="s">
        <v>38</v>
      </c>
      <c r="G1701" s="51" t="s">
        <v>97</v>
      </c>
      <c r="H1701" s="51" t="s">
        <v>82</v>
      </c>
      <c r="I1701" s="50">
        <v>30</v>
      </c>
    </row>
    <row r="1702" spans="1:9" x14ac:dyDescent="0.35">
      <c r="A1702" s="52" t="s">
        <v>78</v>
      </c>
      <c r="B1702" s="51" t="s">
        <v>79</v>
      </c>
      <c r="C1702" s="61">
        <v>381302496</v>
      </c>
      <c r="D1702" s="62">
        <v>10</v>
      </c>
      <c r="E1702" s="51">
        <v>202408</v>
      </c>
      <c r="F1702" s="51" t="s">
        <v>38</v>
      </c>
      <c r="G1702" s="51" t="s">
        <v>97</v>
      </c>
      <c r="H1702" s="51" t="s">
        <v>82</v>
      </c>
      <c r="I1702" s="50">
        <v>30</v>
      </c>
    </row>
    <row r="1703" spans="1:9" x14ac:dyDescent="0.35">
      <c r="A1703" s="52" t="s">
        <v>78</v>
      </c>
      <c r="B1703" s="51" t="s">
        <v>79</v>
      </c>
      <c r="C1703" s="61">
        <v>383605579</v>
      </c>
      <c r="D1703" s="62">
        <v>10</v>
      </c>
      <c r="E1703" s="51">
        <v>202408</v>
      </c>
      <c r="F1703" s="51" t="s">
        <v>38</v>
      </c>
      <c r="G1703" s="51" t="s">
        <v>97</v>
      </c>
      <c r="H1703" s="51" t="s">
        <v>82</v>
      </c>
      <c r="I1703" s="50">
        <v>4.7</v>
      </c>
    </row>
    <row r="1704" spans="1:9" x14ac:dyDescent="0.35">
      <c r="A1704" s="52" t="s">
        <v>78</v>
      </c>
      <c r="B1704" s="51" t="s">
        <v>79</v>
      </c>
      <c r="C1704" s="61">
        <v>385695181</v>
      </c>
      <c r="D1704" s="62">
        <v>10</v>
      </c>
      <c r="E1704" s="51">
        <v>202408</v>
      </c>
      <c r="F1704" s="51" t="s">
        <v>38</v>
      </c>
      <c r="G1704" s="51" t="s">
        <v>97</v>
      </c>
      <c r="H1704" s="51" t="s">
        <v>82</v>
      </c>
      <c r="I1704" s="50">
        <v>4.7</v>
      </c>
    </row>
    <row r="1705" spans="1:9" x14ac:dyDescent="0.35">
      <c r="A1705" s="52" t="s">
        <v>78</v>
      </c>
      <c r="B1705" s="51" t="s">
        <v>79</v>
      </c>
      <c r="C1705" s="61">
        <v>386001597</v>
      </c>
      <c r="D1705" s="62">
        <v>10</v>
      </c>
      <c r="E1705" s="51">
        <v>202408</v>
      </c>
      <c r="F1705" s="51" t="s">
        <v>38</v>
      </c>
      <c r="G1705" s="51" t="s">
        <v>97</v>
      </c>
      <c r="H1705" s="51" t="s">
        <v>82</v>
      </c>
      <c r="I1705" s="50">
        <v>4.7</v>
      </c>
    </row>
    <row r="1706" spans="1:9" x14ac:dyDescent="0.35">
      <c r="A1706" s="52" t="s">
        <v>78</v>
      </c>
      <c r="B1706" s="51" t="s">
        <v>79</v>
      </c>
      <c r="C1706" s="61">
        <v>386505619</v>
      </c>
      <c r="D1706" s="62">
        <v>10</v>
      </c>
      <c r="E1706" s="51">
        <v>202408</v>
      </c>
      <c r="F1706" s="51" t="s">
        <v>38</v>
      </c>
      <c r="G1706" s="51" t="s">
        <v>97</v>
      </c>
      <c r="H1706" s="51" t="s">
        <v>82</v>
      </c>
      <c r="I1706" s="50">
        <v>4.7</v>
      </c>
    </row>
    <row r="1707" spans="1:9" x14ac:dyDescent="0.35">
      <c r="A1707" s="52" t="s">
        <v>78</v>
      </c>
      <c r="B1707" s="51" t="s">
        <v>79</v>
      </c>
      <c r="C1707" s="61">
        <v>389402139</v>
      </c>
      <c r="D1707" s="62">
        <v>10</v>
      </c>
      <c r="E1707" s="51">
        <v>202408</v>
      </c>
      <c r="F1707" s="51" t="s">
        <v>38</v>
      </c>
      <c r="G1707" s="51" t="s">
        <v>97</v>
      </c>
      <c r="H1707" s="51" t="s">
        <v>82</v>
      </c>
      <c r="I1707" s="50">
        <v>30</v>
      </c>
    </row>
    <row r="1708" spans="1:9" x14ac:dyDescent="0.35">
      <c r="A1708" s="52" t="s">
        <v>78</v>
      </c>
      <c r="B1708" s="51" t="s">
        <v>79</v>
      </c>
      <c r="C1708" s="61">
        <v>389900547</v>
      </c>
      <c r="D1708" s="62">
        <v>10</v>
      </c>
      <c r="E1708" s="51">
        <v>202408</v>
      </c>
      <c r="F1708" s="51" t="s">
        <v>38</v>
      </c>
      <c r="G1708" s="51" t="s">
        <v>97</v>
      </c>
      <c r="H1708" s="51" t="s">
        <v>82</v>
      </c>
      <c r="I1708" s="50">
        <v>4.7</v>
      </c>
    </row>
    <row r="1709" spans="1:9" x14ac:dyDescent="0.35">
      <c r="A1709" s="52" t="s">
        <v>78</v>
      </c>
      <c r="B1709" s="51" t="s">
        <v>79</v>
      </c>
      <c r="C1709" s="61">
        <v>390900874</v>
      </c>
      <c r="D1709" s="62">
        <v>10</v>
      </c>
      <c r="E1709" s="51">
        <v>202408</v>
      </c>
      <c r="F1709" s="51" t="s">
        <v>38</v>
      </c>
      <c r="G1709" s="51" t="s">
        <v>97</v>
      </c>
      <c r="H1709" s="51" t="s">
        <v>82</v>
      </c>
      <c r="I1709" s="50">
        <v>4.7</v>
      </c>
    </row>
    <row r="1710" spans="1:9" x14ac:dyDescent="0.35">
      <c r="A1710" s="52" t="s">
        <v>78</v>
      </c>
      <c r="B1710" s="51" t="s">
        <v>79</v>
      </c>
      <c r="C1710" s="61">
        <v>392501282</v>
      </c>
      <c r="D1710" s="62">
        <v>10</v>
      </c>
      <c r="E1710" s="51">
        <v>202408</v>
      </c>
      <c r="F1710" s="51" t="s">
        <v>38</v>
      </c>
      <c r="G1710" s="51" t="s">
        <v>97</v>
      </c>
      <c r="H1710" s="51" t="s">
        <v>82</v>
      </c>
      <c r="I1710" s="50">
        <v>4.7</v>
      </c>
    </row>
    <row r="1711" spans="1:9" x14ac:dyDescent="0.35">
      <c r="A1711" s="52" t="s">
        <v>78</v>
      </c>
      <c r="B1711" s="51" t="s">
        <v>79</v>
      </c>
      <c r="C1711" s="61">
        <v>397302628</v>
      </c>
      <c r="D1711" s="62">
        <v>10</v>
      </c>
      <c r="E1711" s="51">
        <v>202408</v>
      </c>
      <c r="F1711" s="51" t="s">
        <v>38</v>
      </c>
      <c r="G1711" s="51" t="s">
        <v>97</v>
      </c>
      <c r="H1711" s="51" t="s">
        <v>82</v>
      </c>
      <c r="I1711" s="50">
        <v>30</v>
      </c>
    </row>
    <row r="1712" spans="1:9" x14ac:dyDescent="0.35">
      <c r="A1712" s="52" t="s">
        <v>78</v>
      </c>
      <c r="B1712" s="51" t="s">
        <v>79</v>
      </c>
      <c r="C1712" s="61">
        <v>399600814</v>
      </c>
      <c r="D1712" s="62">
        <v>10</v>
      </c>
      <c r="E1712" s="51">
        <v>202408</v>
      </c>
      <c r="F1712" s="51" t="s">
        <v>38</v>
      </c>
      <c r="G1712" s="51" t="s">
        <v>97</v>
      </c>
      <c r="H1712" s="51" t="s">
        <v>82</v>
      </c>
      <c r="I1712" s="50">
        <v>30</v>
      </c>
    </row>
    <row r="1713" spans="1:9" x14ac:dyDescent="0.35">
      <c r="A1713" s="52" t="s">
        <v>78</v>
      </c>
      <c r="B1713" s="51" t="s">
        <v>79</v>
      </c>
      <c r="C1713" s="61">
        <v>300190702</v>
      </c>
      <c r="D1713" s="62">
        <v>20</v>
      </c>
      <c r="E1713" s="51">
        <v>202408</v>
      </c>
      <c r="F1713" s="51" t="s">
        <v>38</v>
      </c>
      <c r="G1713" s="51" t="s">
        <v>97</v>
      </c>
      <c r="H1713" s="51" t="s">
        <v>82</v>
      </c>
      <c r="I1713" s="50">
        <v>4.7</v>
      </c>
    </row>
    <row r="1714" spans="1:9" x14ac:dyDescent="0.35">
      <c r="A1714" s="52" t="s">
        <v>78</v>
      </c>
      <c r="B1714" s="51" t="s">
        <v>79</v>
      </c>
      <c r="C1714" s="61">
        <v>300362690</v>
      </c>
      <c r="D1714" s="62">
        <v>20</v>
      </c>
      <c r="E1714" s="51">
        <v>202408</v>
      </c>
      <c r="F1714" s="51" t="s">
        <v>38</v>
      </c>
      <c r="G1714" s="51" t="s">
        <v>97</v>
      </c>
      <c r="H1714" s="51" t="s">
        <v>82</v>
      </c>
      <c r="I1714" s="50">
        <v>4.7</v>
      </c>
    </row>
    <row r="1715" spans="1:9" x14ac:dyDescent="0.35">
      <c r="A1715" s="52" t="s">
        <v>78</v>
      </c>
      <c r="B1715" s="51" t="s">
        <v>79</v>
      </c>
      <c r="C1715" s="61">
        <v>302881261</v>
      </c>
      <c r="D1715" s="62">
        <v>20</v>
      </c>
      <c r="E1715" s="51">
        <v>202408</v>
      </c>
      <c r="F1715" s="51" t="s">
        <v>38</v>
      </c>
      <c r="G1715" s="51" t="s">
        <v>97</v>
      </c>
      <c r="H1715" s="51" t="s">
        <v>82</v>
      </c>
      <c r="I1715" s="50">
        <v>4.7</v>
      </c>
    </row>
    <row r="1716" spans="1:9" x14ac:dyDescent="0.35">
      <c r="A1716" s="52" t="s">
        <v>78</v>
      </c>
      <c r="B1716" s="51" t="s">
        <v>79</v>
      </c>
      <c r="C1716" s="61">
        <v>306347441</v>
      </c>
      <c r="D1716" s="62">
        <v>20</v>
      </c>
      <c r="E1716" s="51">
        <v>202408</v>
      </c>
      <c r="F1716" s="51" t="s">
        <v>38</v>
      </c>
      <c r="G1716" s="51" t="s">
        <v>97</v>
      </c>
      <c r="H1716" s="51" t="s">
        <v>82</v>
      </c>
      <c r="I1716" s="50">
        <v>4.7</v>
      </c>
    </row>
    <row r="1717" spans="1:9" x14ac:dyDescent="0.35">
      <c r="A1717" s="52" t="s">
        <v>78</v>
      </c>
      <c r="B1717" s="51" t="s">
        <v>79</v>
      </c>
      <c r="C1717" s="61">
        <v>306402068</v>
      </c>
      <c r="D1717" s="62">
        <v>20</v>
      </c>
      <c r="E1717" s="51">
        <v>202408</v>
      </c>
      <c r="F1717" s="51" t="s">
        <v>38</v>
      </c>
      <c r="G1717" s="51" t="s">
        <v>97</v>
      </c>
      <c r="H1717" s="51" t="s">
        <v>82</v>
      </c>
      <c r="I1717" s="50">
        <v>4.7</v>
      </c>
    </row>
    <row r="1718" spans="1:9" x14ac:dyDescent="0.35">
      <c r="A1718" s="52" t="s">
        <v>78</v>
      </c>
      <c r="B1718" s="51" t="s">
        <v>79</v>
      </c>
      <c r="C1718" s="61">
        <v>306510904</v>
      </c>
      <c r="D1718" s="62">
        <v>20</v>
      </c>
      <c r="E1718" s="51">
        <v>202408</v>
      </c>
      <c r="F1718" s="51" t="s">
        <v>38</v>
      </c>
      <c r="G1718" s="51" t="s">
        <v>97</v>
      </c>
      <c r="H1718" s="51" t="s">
        <v>82</v>
      </c>
      <c r="I1718" s="50">
        <v>4.7</v>
      </c>
    </row>
    <row r="1719" spans="1:9" x14ac:dyDescent="0.35">
      <c r="A1719" s="52" t="s">
        <v>78</v>
      </c>
      <c r="B1719" s="51" t="s">
        <v>79</v>
      </c>
      <c r="C1719" s="61">
        <v>306901861</v>
      </c>
      <c r="D1719" s="62">
        <v>20</v>
      </c>
      <c r="E1719" s="51">
        <v>202408</v>
      </c>
      <c r="F1719" s="51" t="s">
        <v>38</v>
      </c>
      <c r="G1719" s="51" t="s">
        <v>97</v>
      </c>
      <c r="H1719" s="51" t="s">
        <v>82</v>
      </c>
      <c r="I1719" s="50">
        <v>95</v>
      </c>
    </row>
    <row r="1720" spans="1:9" x14ac:dyDescent="0.35">
      <c r="A1720" s="52" t="s">
        <v>78</v>
      </c>
      <c r="B1720" s="51" t="s">
        <v>79</v>
      </c>
      <c r="C1720" s="61">
        <v>307305752</v>
      </c>
      <c r="D1720" s="62">
        <v>20</v>
      </c>
      <c r="E1720" s="51">
        <v>202408</v>
      </c>
      <c r="F1720" s="51" t="s">
        <v>38</v>
      </c>
      <c r="G1720" s="51" t="s">
        <v>97</v>
      </c>
      <c r="H1720" s="51" t="s">
        <v>82</v>
      </c>
      <c r="I1720" s="50">
        <v>4.7</v>
      </c>
    </row>
    <row r="1721" spans="1:9" x14ac:dyDescent="0.35">
      <c r="A1721" s="52" t="s">
        <v>78</v>
      </c>
      <c r="B1721" s="51" t="s">
        <v>79</v>
      </c>
      <c r="C1721" s="61">
        <v>307500862</v>
      </c>
      <c r="D1721" s="62">
        <v>20</v>
      </c>
      <c r="E1721" s="51">
        <v>202408</v>
      </c>
      <c r="F1721" s="51" t="s">
        <v>38</v>
      </c>
      <c r="G1721" s="51" t="s">
        <v>97</v>
      </c>
      <c r="H1721" s="51" t="s">
        <v>82</v>
      </c>
      <c r="I1721" s="50">
        <v>4.7</v>
      </c>
    </row>
    <row r="1722" spans="1:9" x14ac:dyDescent="0.35">
      <c r="A1722" s="52" t="s">
        <v>78</v>
      </c>
      <c r="B1722" s="51" t="s">
        <v>79</v>
      </c>
      <c r="C1722" s="61">
        <v>308311225</v>
      </c>
      <c r="D1722" s="62">
        <v>20</v>
      </c>
      <c r="E1722" s="51">
        <v>202408</v>
      </c>
      <c r="F1722" s="51" t="s">
        <v>38</v>
      </c>
      <c r="G1722" s="51" t="s">
        <v>97</v>
      </c>
      <c r="H1722" s="51" t="s">
        <v>82</v>
      </c>
      <c r="I1722" s="50">
        <v>4.7</v>
      </c>
    </row>
    <row r="1723" spans="1:9" x14ac:dyDescent="0.35">
      <c r="A1723" s="52" t="s">
        <v>78</v>
      </c>
      <c r="B1723" s="51" t="s">
        <v>79</v>
      </c>
      <c r="C1723" s="61">
        <v>308346794</v>
      </c>
      <c r="D1723" s="62">
        <v>20</v>
      </c>
      <c r="E1723" s="51">
        <v>202408</v>
      </c>
      <c r="F1723" s="51" t="s">
        <v>38</v>
      </c>
      <c r="G1723" s="51" t="s">
        <v>97</v>
      </c>
      <c r="H1723" s="51" t="s">
        <v>82</v>
      </c>
      <c r="I1723" s="50">
        <v>4.7</v>
      </c>
    </row>
    <row r="1724" spans="1:9" x14ac:dyDescent="0.35">
      <c r="A1724" s="52" t="s">
        <v>78</v>
      </c>
      <c r="B1724" s="51" t="s">
        <v>79</v>
      </c>
      <c r="C1724" s="61">
        <v>308346794</v>
      </c>
      <c r="D1724" s="62">
        <v>20</v>
      </c>
      <c r="E1724" s="51">
        <v>202408</v>
      </c>
      <c r="F1724" s="51" t="s">
        <v>38</v>
      </c>
      <c r="G1724" s="51" t="s">
        <v>97</v>
      </c>
      <c r="H1724" s="51" t="s">
        <v>82</v>
      </c>
      <c r="I1724" s="50">
        <v>30</v>
      </c>
    </row>
    <row r="1725" spans="1:9" x14ac:dyDescent="0.35">
      <c r="A1725" s="52" t="s">
        <v>78</v>
      </c>
      <c r="B1725" s="51" t="s">
        <v>79</v>
      </c>
      <c r="C1725" s="61">
        <v>309408116</v>
      </c>
      <c r="D1725" s="62">
        <v>20</v>
      </c>
      <c r="E1725" s="51">
        <v>202408</v>
      </c>
      <c r="F1725" s="51" t="s">
        <v>38</v>
      </c>
      <c r="G1725" s="51" t="s">
        <v>97</v>
      </c>
      <c r="H1725" s="51" t="s">
        <v>82</v>
      </c>
      <c r="I1725" s="50">
        <v>4.7</v>
      </c>
    </row>
    <row r="1726" spans="1:9" x14ac:dyDescent="0.35">
      <c r="A1726" s="52" t="s">
        <v>78</v>
      </c>
      <c r="B1726" s="51" t="s">
        <v>79</v>
      </c>
      <c r="C1726" s="61">
        <v>311300501</v>
      </c>
      <c r="D1726" s="62">
        <v>20</v>
      </c>
      <c r="E1726" s="51">
        <v>202408</v>
      </c>
      <c r="F1726" s="51" t="s">
        <v>38</v>
      </c>
      <c r="G1726" s="51" t="s">
        <v>97</v>
      </c>
      <c r="H1726" s="51" t="s">
        <v>82</v>
      </c>
      <c r="I1726" s="50">
        <v>4.7</v>
      </c>
    </row>
    <row r="1727" spans="1:9" x14ac:dyDescent="0.35">
      <c r="A1727" s="52" t="s">
        <v>78</v>
      </c>
      <c r="B1727" s="51" t="s">
        <v>79</v>
      </c>
      <c r="C1727" s="61">
        <v>311714434</v>
      </c>
      <c r="D1727" s="62">
        <v>20</v>
      </c>
      <c r="E1727" s="51">
        <v>202408</v>
      </c>
      <c r="F1727" s="51" t="s">
        <v>38</v>
      </c>
      <c r="G1727" s="51" t="s">
        <v>97</v>
      </c>
      <c r="H1727" s="51" t="s">
        <v>82</v>
      </c>
      <c r="I1727" s="50">
        <v>30</v>
      </c>
    </row>
    <row r="1728" spans="1:9" x14ac:dyDescent="0.35">
      <c r="A1728" s="52" t="s">
        <v>78</v>
      </c>
      <c r="B1728" s="51" t="s">
        <v>79</v>
      </c>
      <c r="C1728" s="61">
        <v>311912416</v>
      </c>
      <c r="D1728" s="62">
        <v>20</v>
      </c>
      <c r="E1728" s="51">
        <v>202408</v>
      </c>
      <c r="F1728" s="51" t="s">
        <v>38</v>
      </c>
      <c r="G1728" s="51" t="s">
        <v>97</v>
      </c>
      <c r="H1728" s="51" t="s">
        <v>82</v>
      </c>
      <c r="I1728" s="50">
        <v>4.7</v>
      </c>
    </row>
    <row r="1729" spans="1:9" x14ac:dyDescent="0.35">
      <c r="A1729" s="52" t="s">
        <v>78</v>
      </c>
      <c r="B1729" s="51" t="s">
        <v>79</v>
      </c>
      <c r="C1729" s="61">
        <v>313088873</v>
      </c>
      <c r="D1729" s="62">
        <v>20</v>
      </c>
      <c r="E1729" s="51">
        <v>202408</v>
      </c>
      <c r="F1729" s="51" t="s">
        <v>38</v>
      </c>
      <c r="G1729" s="51" t="s">
        <v>97</v>
      </c>
      <c r="H1729" s="51" t="s">
        <v>82</v>
      </c>
      <c r="I1729" s="50">
        <v>4.7</v>
      </c>
    </row>
    <row r="1730" spans="1:9" x14ac:dyDescent="0.35">
      <c r="A1730" s="52" t="s">
        <v>78</v>
      </c>
      <c r="B1730" s="51" t="s">
        <v>79</v>
      </c>
      <c r="C1730" s="61">
        <v>313200886</v>
      </c>
      <c r="D1730" s="62">
        <v>20</v>
      </c>
      <c r="E1730" s="51">
        <v>202408</v>
      </c>
      <c r="F1730" s="51" t="s">
        <v>38</v>
      </c>
      <c r="G1730" s="51" t="s">
        <v>97</v>
      </c>
      <c r="H1730" s="51" t="s">
        <v>82</v>
      </c>
      <c r="I1730" s="50">
        <v>4.7</v>
      </c>
    </row>
    <row r="1731" spans="1:9" x14ac:dyDescent="0.35">
      <c r="A1731" s="52" t="s">
        <v>78</v>
      </c>
      <c r="B1731" s="51" t="s">
        <v>79</v>
      </c>
      <c r="C1731" s="61">
        <v>318405091</v>
      </c>
      <c r="D1731" s="62">
        <v>20</v>
      </c>
      <c r="E1731" s="51">
        <v>202408</v>
      </c>
      <c r="F1731" s="51" t="s">
        <v>38</v>
      </c>
      <c r="G1731" s="51" t="s">
        <v>97</v>
      </c>
      <c r="H1731" s="51" t="s">
        <v>82</v>
      </c>
      <c r="I1731" s="50">
        <v>4.7</v>
      </c>
    </row>
    <row r="1732" spans="1:9" x14ac:dyDescent="0.35">
      <c r="A1732" s="52" t="s">
        <v>78</v>
      </c>
      <c r="B1732" s="51" t="s">
        <v>79</v>
      </c>
      <c r="C1732" s="61">
        <v>319280951</v>
      </c>
      <c r="D1732" s="62">
        <v>20</v>
      </c>
      <c r="E1732" s="51">
        <v>202408</v>
      </c>
      <c r="F1732" s="51" t="s">
        <v>38</v>
      </c>
      <c r="G1732" s="51" t="s">
        <v>97</v>
      </c>
      <c r="H1732" s="51" t="s">
        <v>82</v>
      </c>
      <c r="I1732" s="50">
        <v>30</v>
      </c>
    </row>
    <row r="1733" spans="1:9" x14ac:dyDescent="0.35">
      <c r="A1733" s="52" t="s">
        <v>78</v>
      </c>
      <c r="B1733" s="51" t="s">
        <v>79</v>
      </c>
      <c r="C1733" s="61">
        <v>319505758</v>
      </c>
      <c r="D1733" s="62">
        <v>20</v>
      </c>
      <c r="E1733" s="51">
        <v>202408</v>
      </c>
      <c r="F1733" s="51" t="s">
        <v>38</v>
      </c>
      <c r="G1733" s="51" t="s">
        <v>97</v>
      </c>
      <c r="H1733" s="51" t="s">
        <v>82</v>
      </c>
      <c r="I1733" s="50">
        <v>4.7</v>
      </c>
    </row>
    <row r="1734" spans="1:9" x14ac:dyDescent="0.35">
      <c r="A1734" s="52" t="s">
        <v>78</v>
      </c>
      <c r="B1734" s="51" t="s">
        <v>79</v>
      </c>
      <c r="C1734" s="61">
        <v>319964054</v>
      </c>
      <c r="D1734" s="62">
        <v>20</v>
      </c>
      <c r="E1734" s="51">
        <v>202408</v>
      </c>
      <c r="F1734" s="51" t="s">
        <v>38</v>
      </c>
      <c r="G1734" s="51" t="s">
        <v>97</v>
      </c>
      <c r="H1734" s="51" t="s">
        <v>82</v>
      </c>
      <c r="I1734" s="50">
        <v>4.7</v>
      </c>
    </row>
    <row r="1735" spans="1:9" x14ac:dyDescent="0.35">
      <c r="A1735" s="52" t="s">
        <v>78</v>
      </c>
      <c r="B1735" s="51" t="s">
        <v>79</v>
      </c>
      <c r="C1735" s="61">
        <v>320706551</v>
      </c>
      <c r="D1735" s="62">
        <v>20</v>
      </c>
      <c r="E1735" s="51">
        <v>202408</v>
      </c>
      <c r="F1735" s="51" t="s">
        <v>38</v>
      </c>
      <c r="G1735" s="51" t="s">
        <v>97</v>
      </c>
      <c r="H1735" s="51" t="s">
        <v>82</v>
      </c>
      <c r="I1735" s="50">
        <v>4.7</v>
      </c>
    </row>
    <row r="1736" spans="1:9" x14ac:dyDescent="0.35">
      <c r="A1736" s="52" t="s">
        <v>78</v>
      </c>
      <c r="B1736" s="51" t="s">
        <v>79</v>
      </c>
      <c r="C1736" s="61">
        <v>320832140</v>
      </c>
      <c r="D1736" s="62">
        <v>20</v>
      </c>
      <c r="E1736" s="51">
        <v>202408</v>
      </c>
      <c r="F1736" s="51" t="s">
        <v>38</v>
      </c>
      <c r="G1736" s="51" t="s">
        <v>97</v>
      </c>
      <c r="H1736" s="51" t="s">
        <v>82</v>
      </c>
      <c r="I1736" s="50">
        <v>4.7</v>
      </c>
    </row>
    <row r="1737" spans="1:9" x14ac:dyDescent="0.35">
      <c r="A1737" s="52" t="s">
        <v>78</v>
      </c>
      <c r="B1737" s="51" t="s">
        <v>79</v>
      </c>
      <c r="C1737" s="61">
        <v>321459389</v>
      </c>
      <c r="D1737" s="62">
        <v>20</v>
      </c>
      <c r="E1737" s="51">
        <v>202408</v>
      </c>
      <c r="F1737" s="51" t="s">
        <v>38</v>
      </c>
      <c r="G1737" s="51" t="s">
        <v>97</v>
      </c>
      <c r="H1737" s="51" t="s">
        <v>82</v>
      </c>
      <c r="I1737" s="50">
        <v>4.7</v>
      </c>
    </row>
    <row r="1738" spans="1:9" x14ac:dyDescent="0.35">
      <c r="A1738" s="52" t="s">
        <v>78</v>
      </c>
      <c r="B1738" s="51" t="s">
        <v>79</v>
      </c>
      <c r="C1738" s="61">
        <v>322043462</v>
      </c>
      <c r="D1738" s="62">
        <v>20</v>
      </c>
      <c r="E1738" s="51">
        <v>202408</v>
      </c>
      <c r="F1738" s="51" t="s">
        <v>38</v>
      </c>
      <c r="G1738" s="51" t="s">
        <v>97</v>
      </c>
      <c r="H1738" s="51" t="s">
        <v>82</v>
      </c>
      <c r="I1738" s="50">
        <v>4.7</v>
      </c>
    </row>
    <row r="1739" spans="1:9" x14ac:dyDescent="0.35">
      <c r="A1739" s="52" t="s">
        <v>78</v>
      </c>
      <c r="B1739" s="51" t="s">
        <v>79</v>
      </c>
      <c r="C1739" s="61">
        <v>323729301</v>
      </c>
      <c r="D1739" s="62">
        <v>20</v>
      </c>
      <c r="E1739" s="51">
        <v>202408</v>
      </c>
      <c r="F1739" s="51" t="s">
        <v>38</v>
      </c>
      <c r="G1739" s="51" t="s">
        <v>97</v>
      </c>
      <c r="H1739" s="51" t="s">
        <v>82</v>
      </c>
      <c r="I1739" s="50">
        <v>30</v>
      </c>
    </row>
    <row r="1740" spans="1:9" x14ac:dyDescent="0.35">
      <c r="A1740" s="52" t="s">
        <v>78</v>
      </c>
      <c r="B1740" s="51" t="s">
        <v>79</v>
      </c>
      <c r="C1740" s="61">
        <v>324644840</v>
      </c>
      <c r="D1740" s="62">
        <v>20</v>
      </c>
      <c r="E1740" s="51">
        <v>202408</v>
      </c>
      <c r="F1740" s="51" t="s">
        <v>38</v>
      </c>
      <c r="G1740" s="51" t="s">
        <v>97</v>
      </c>
      <c r="H1740" s="51" t="s">
        <v>82</v>
      </c>
      <c r="I1740" s="50">
        <v>4.7</v>
      </c>
    </row>
    <row r="1741" spans="1:9" x14ac:dyDescent="0.35">
      <c r="A1741" s="52" t="s">
        <v>78</v>
      </c>
      <c r="B1741" s="51" t="s">
        <v>79</v>
      </c>
      <c r="C1741" s="61">
        <v>325863648</v>
      </c>
      <c r="D1741" s="62">
        <v>20</v>
      </c>
      <c r="E1741" s="51">
        <v>202408</v>
      </c>
      <c r="F1741" s="51" t="s">
        <v>38</v>
      </c>
      <c r="G1741" s="51" t="s">
        <v>97</v>
      </c>
      <c r="H1741" s="51" t="s">
        <v>82</v>
      </c>
      <c r="I1741" s="50">
        <v>4.7</v>
      </c>
    </row>
    <row r="1742" spans="1:9" x14ac:dyDescent="0.35">
      <c r="A1742" s="52" t="s">
        <v>78</v>
      </c>
      <c r="B1742" s="51" t="s">
        <v>79</v>
      </c>
      <c r="C1742" s="61">
        <v>325867510</v>
      </c>
      <c r="D1742" s="62">
        <v>20</v>
      </c>
      <c r="E1742" s="51">
        <v>202408</v>
      </c>
      <c r="F1742" s="51" t="s">
        <v>38</v>
      </c>
      <c r="G1742" s="51" t="s">
        <v>97</v>
      </c>
      <c r="H1742" s="51" t="s">
        <v>82</v>
      </c>
      <c r="I1742" s="50">
        <v>4.7</v>
      </c>
    </row>
    <row r="1743" spans="1:9" x14ac:dyDescent="0.35">
      <c r="A1743" s="52" t="s">
        <v>78</v>
      </c>
      <c r="B1743" s="51" t="s">
        <v>79</v>
      </c>
      <c r="C1743" s="61">
        <v>326004181</v>
      </c>
      <c r="D1743" s="62">
        <v>20</v>
      </c>
      <c r="E1743" s="51">
        <v>202408</v>
      </c>
      <c r="F1743" s="51" t="s">
        <v>38</v>
      </c>
      <c r="G1743" s="51" t="s">
        <v>97</v>
      </c>
      <c r="H1743" s="51" t="s">
        <v>82</v>
      </c>
      <c r="I1743" s="50">
        <v>4.7</v>
      </c>
    </row>
    <row r="1744" spans="1:9" x14ac:dyDescent="0.35">
      <c r="A1744" s="52" t="s">
        <v>78</v>
      </c>
      <c r="B1744" s="51" t="s">
        <v>79</v>
      </c>
      <c r="C1744" s="61">
        <v>326280541</v>
      </c>
      <c r="D1744" s="62">
        <v>20</v>
      </c>
      <c r="E1744" s="51">
        <v>202408</v>
      </c>
      <c r="F1744" s="51" t="s">
        <v>38</v>
      </c>
      <c r="G1744" s="51" t="s">
        <v>97</v>
      </c>
      <c r="H1744" s="51" t="s">
        <v>82</v>
      </c>
      <c r="I1744" s="50">
        <v>30</v>
      </c>
    </row>
    <row r="1745" spans="1:9" x14ac:dyDescent="0.35">
      <c r="A1745" s="52" t="s">
        <v>78</v>
      </c>
      <c r="B1745" s="51" t="s">
        <v>79</v>
      </c>
      <c r="C1745" s="61">
        <v>326304420</v>
      </c>
      <c r="D1745" s="62">
        <v>20</v>
      </c>
      <c r="E1745" s="51">
        <v>202408</v>
      </c>
      <c r="F1745" s="51" t="s">
        <v>38</v>
      </c>
      <c r="G1745" s="51" t="s">
        <v>97</v>
      </c>
      <c r="H1745" s="51" t="s">
        <v>82</v>
      </c>
      <c r="I1745" s="50">
        <v>4.7</v>
      </c>
    </row>
    <row r="1746" spans="1:9" x14ac:dyDescent="0.35">
      <c r="A1746" s="52" t="s">
        <v>78</v>
      </c>
      <c r="B1746" s="51" t="s">
        <v>79</v>
      </c>
      <c r="C1746" s="61">
        <v>328877011</v>
      </c>
      <c r="D1746" s="62">
        <v>20</v>
      </c>
      <c r="E1746" s="51">
        <v>202408</v>
      </c>
      <c r="F1746" s="51" t="s">
        <v>38</v>
      </c>
      <c r="G1746" s="51" t="s">
        <v>97</v>
      </c>
      <c r="H1746" s="51" t="s">
        <v>82</v>
      </c>
      <c r="I1746" s="50">
        <v>4.7</v>
      </c>
    </row>
    <row r="1747" spans="1:9" x14ac:dyDescent="0.35">
      <c r="A1747" s="52" t="s">
        <v>78</v>
      </c>
      <c r="B1747" s="51" t="s">
        <v>79</v>
      </c>
      <c r="C1747" s="61">
        <v>329064770</v>
      </c>
      <c r="D1747" s="62">
        <v>20</v>
      </c>
      <c r="E1747" s="51">
        <v>202408</v>
      </c>
      <c r="F1747" s="51" t="s">
        <v>38</v>
      </c>
      <c r="G1747" s="51" t="s">
        <v>97</v>
      </c>
      <c r="H1747" s="51" t="s">
        <v>82</v>
      </c>
      <c r="I1747" s="50">
        <v>4.7</v>
      </c>
    </row>
    <row r="1748" spans="1:9" x14ac:dyDescent="0.35">
      <c r="A1748" s="52" t="s">
        <v>78</v>
      </c>
      <c r="B1748" s="51" t="s">
        <v>79</v>
      </c>
      <c r="C1748" s="61">
        <v>329205591</v>
      </c>
      <c r="D1748" s="62">
        <v>20</v>
      </c>
      <c r="E1748" s="51">
        <v>202408</v>
      </c>
      <c r="F1748" s="51" t="s">
        <v>38</v>
      </c>
      <c r="G1748" s="51" t="s">
        <v>97</v>
      </c>
      <c r="H1748" s="51" t="s">
        <v>82</v>
      </c>
      <c r="I1748" s="50">
        <v>4.7</v>
      </c>
    </row>
    <row r="1749" spans="1:9" x14ac:dyDescent="0.35">
      <c r="A1749" s="52" t="s">
        <v>78</v>
      </c>
      <c r="B1749" s="51" t="s">
        <v>79</v>
      </c>
      <c r="C1749" s="61">
        <v>329445726</v>
      </c>
      <c r="D1749" s="62">
        <v>20</v>
      </c>
      <c r="E1749" s="51">
        <v>202408</v>
      </c>
      <c r="F1749" s="51" t="s">
        <v>38</v>
      </c>
      <c r="G1749" s="51" t="s">
        <v>97</v>
      </c>
      <c r="H1749" s="51" t="s">
        <v>82</v>
      </c>
      <c r="I1749" s="50">
        <v>4.7</v>
      </c>
    </row>
    <row r="1750" spans="1:9" x14ac:dyDescent="0.35">
      <c r="A1750" s="52" t="s">
        <v>78</v>
      </c>
      <c r="B1750" s="51" t="s">
        <v>79</v>
      </c>
      <c r="C1750" s="61">
        <v>329938491</v>
      </c>
      <c r="D1750" s="62">
        <v>20</v>
      </c>
      <c r="E1750" s="51">
        <v>202408</v>
      </c>
      <c r="F1750" s="51" t="s">
        <v>38</v>
      </c>
      <c r="G1750" s="51" t="s">
        <v>97</v>
      </c>
      <c r="H1750" s="51" t="s">
        <v>82</v>
      </c>
      <c r="I1750" s="50">
        <v>4.7</v>
      </c>
    </row>
    <row r="1751" spans="1:9" x14ac:dyDescent="0.35">
      <c r="A1751" s="52" t="s">
        <v>78</v>
      </c>
      <c r="B1751" s="51" t="s">
        <v>79</v>
      </c>
      <c r="C1751" s="61">
        <v>330501426</v>
      </c>
      <c r="D1751" s="62">
        <v>20</v>
      </c>
      <c r="E1751" s="51">
        <v>202408</v>
      </c>
      <c r="F1751" s="51" t="s">
        <v>38</v>
      </c>
      <c r="G1751" s="51" t="s">
        <v>97</v>
      </c>
      <c r="H1751" s="51" t="s">
        <v>82</v>
      </c>
      <c r="I1751" s="50">
        <v>4.7</v>
      </c>
    </row>
    <row r="1752" spans="1:9" x14ac:dyDescent="0.35">
      <c r="A1752" s="52" t="s">
        <v>78</v>
      </c>
      <c r="B1752" s="51" t="s">
        <v>79</v>
      </c>
      <c r="C1752" s="61">
        <v>332805018</v>
      </c>
      <c r="D1752" s="62">
        <v>20</v>
      </c>
      <c r="E1752" s="51">
        <v>202408</v>
      </c>
      <c r="F1752" s="51" t="s">
        <v>38</v>
      </c>
      <c r="G1752" s="51" t="s">
        <v>97</v>
      </c>
      <c r="H1752" s="51" t="s">
        <v>82</v>
      </c>
      <c r="I1752" s="50">
        <v>4.7</v>
      </c>
    </row>
    <row r="1753" spans="1:9" x14ac:dyDescent="0.35">
      <c r="A1753" s="52" t="s">
        <v>78</v>
      </c>
      <c r="B1753" s="51" t="s">
        <v>79</v>
      </c>
      <c r="C1753" s="61">
        <v>333201360</v>
      </c>
      <c r="D1753" s="62">
        <v>20</v>
      </c>
      <c r="E1753" s="51">
        <v>202408</v>
      </c>
      <c r="F1753" s="51" t="s">
        <v>38</v>
      </c>
      <c r="G1753" s="51" t="s">
        <v>97</v>
      </c>
      <c r="H1753" s="51" t="s">
        <v>82</v>
      </c>
      <c r="I1753" s="50">
        <v>4.7</v>
      </c>
    </row>
    <row r="1754" spans="1:9" x14ac:dyDescent="0.35">
      <c r="A1754" s="52" t="s">
        <v>78</v>
      </c>
      <c r="B1754" s="51" t="s">
        <v>79</v>
      </c>
      <c r="C1754" s="61">
        <v>333201360</v>
      </c>
      <c r="D1754" s="62">
        <v>20</v>
      </c>
      <c r="E1754" s="51">
        <v>202408</v>
      </c>
      <c r="F1754" s="51" t="s">
        <v>38</v>
      </c>
      <c r="G1754" s="51" t="s">
        <v>97</v>
      </c>
      <c r="H1754" s="51" t="s">
        <v>82</v>
      </c>
      <c r="I1754" s="50">
        <v>4.7</v>
      </c>
    </row>
    <row r="1755" spans="1:9" x14ac:dyDescent="0.35">
      <c r="A1755" s="52" t="s">
        <v>78</v>
      </c>
      <c r="B1755" s="51" t="s">
        <v>79</v>
      </c>
      <c r="C1755" s="61">
        <v>333302162</v>
      </c>
      <c r="D1755" s="62">
        <v>20</v>
      </c>
      <c r="E1755" s="51">
        <v>202408</v>
      </c>
      <c r="F1755" s="51" t="s">
        <v>38</v>
      </c>
      <c r="G1755" s="51" t="s">
        <v>97</v>
      </c>
      <c r="H1755" s="51" t="s">
        <v>82</v>
      </c>
      <c r="I1755" s="50">
        <v>4.7</v>
      </c>
    </row>
    <row r="1756" spans="1:9" x14ac:dyDescent="0.35">
      <c r="A1756" s="52" t="s">
        <v>78</v>
      </c>
      <c r="B1756" s="51" t="s">
        <v>79</v>
      </c>
      <c r="C1756" s="61">
        <v>334144392</v>
      </c>
      <c r="D1756" s="62">
        <v>20</v>
      </c>
      <c r="E1756" s="51">
        <v>202408</v>
      </c>
      <c r="F1756" s="51" t="s">
        <v>38</v>
      </c>
      <c r="G1756" s="51" t="s">
        <v>97</v>
      </c>
      <c r="H1756" s="51" t="s">
        <v>82</v>
      </c>
      <c r="I1756" s="50">
        <v>4.7</v>
      </c>
    </row>
    <row r="1757" spans="1:9" x14ac:dyDescent="0.35">
      <c r="A1757" s="52" t="s">
        <v>78</v>
      </c>
      <c r="B1757" s="51" t="s">
        <v>79</v>
      </c>
      <c r="C1757" s="61">
        <v>335354843</v>
      </c>
      <c r="D1757" s="62">
        <v>20</v>
      </c>
      <c r="E1757" s="51">
        <v>202408</v>
      </c>
      <c r="F1757" s="51" t="s">
        <v>38</v>
      </c>
      <c r="G1757" s="51" t="s">
        <v>97</v>
      </c>
      <c r="H1757" s="51" t="s">
        <v>82</v>
      </c>
      <c r="I1757" s="50">
        <v>4.7</v>
      </c>
    </row>
    <row r="1758" spans="1:9" x14ac:dyDescent="0.35">
      <c r="A1758" s="52" t="s">
        <v>78</v>
      </c>
      <c r="B1758" s="51" t="s">
        <v>79</v>
      </c>
      <c r="C1758" s="61">
        <v>335491141</v>
      </c>
      <c r="D1758" s="62">
        <v>20</v>
      </c>
      <c r="E1758" s="51">
        <v>202408</v>
      </c>
      <c r="F1758" s="51" t="s">
        <v>38</v>
      </c>
      <c r="G1758" s="51" t="s">
        <v>97</v>
      </c>
      <c r="H1758" s="51" t="s">
        <v>82</v>
      </c>
      <c r="I1758" s="50">
        <v>4.7</v>
      </c>
    </row>
    <row r="1759" spans="1:9" x14ac:dyDescent="0.35">
      <c r="A1759" s="52" t="s">
        <v>78</v>
      </c>
      <c r="B1759" s="51" t="s">
        <v>79</v>
      </c>
      <c r="C1759" s="61">
        <v>335566096</v>
      </c>
      <c r="D1759" s="62">
        <v>20</v>
      </c>
      <c r="E1759" s="51">
        <v>202408</v>
      </c>
      <c r="F1759" s="51" t="s">
        <v>38</v>
      </c>
      <c r="G1759" s="51" t="s">
        <v>97</v>
      </c>
      <c r="H1759" s="51" t="s">
        <v>82</v>
      </c>
      <c r="I1759" s="50">
        <v>30</v>
      </c>
    </row>
    <row r="1760" spans="1:9" x14ac:dyDescent="0.35">
      <c r="A1760" s="52" t="s">
        <v>78</v>
      </c>
      <c r="B1760" s="51" t="s">
        <v>79</v>
      </c>
      <c r="C1760" s="61">
        <v>336695270</v>
      </c>
      <c r="D1760" s="62">
        <v>20</v>
      </c>
      <c r="E1760" s="51">
        <v>202408</v>
      </c>
      <c r="F1760" s="51" t="s">
        <v>38</v>
      </c>
      <c r="G1760" s="51" t="s">
        <v>97</v>
      </c>
      <c r="H1760" s="51" t="s">
        <v>82</v>
      </c>
      <c r="I1760" s="50">
        <v>4.7</v>
      </c>
    </row>
    <row r="1761" spans="1:9" x14ac:dyDescent="0.35">
      <c r="A1761" s="52" t="s">
        <v>78</v>
      </c>
      <c r="B1761" s="51" t="s">
        <v>79</v>
      </c>
      <c r="C1761" s="61">
        <v>336900186</v>
      </c>
      <c r="D1761" s="62">
        <v>20</v>
      </c>
      <c r="E1761" s="51">
        <v>202408</v>
      </c>
      <c r="F1761" s="51" t="s">
        <v>38</v>
      </c>
      <c r="G1761" s="51" t="s">
        <v>97</v>
      </c>
      <c r="H1761" s="51" t="s">
        <v>82</v>
      </c>
      <c r="I1761" s="50">
        <v>30</v>
      </c>
    </row>
    <row r="1762" spans="1:9" x14ac:dyDescent="0.35">
      <c r="A1762" s="52" t="s">
        <v>78</v>
      </c>
      <c r="B1762" s="51" t="s">
        <v>79</v>
      </c>
      <c r="C1762" s="61">
        <v>337400041</v>
      </c>
      <c r="D1762" s="62">
        <v>20</v>
      </c>
      <c r="E1762" s="51">
        <v>202408</v>
      </c>
      <c r="F1762" s="51" t="s">
        <v>38</v>
      </c>
      <c r="G1762" s="51" t="s">
        <v>97</v>
      </c>
      <c r="H1762" s="51" t="s">
        <v>82</v>
      </c>
      <c r="I1762" s="50">
        <v>4.7</v>
      </c>
    </row>
    <row r="1763" spans="1:9" x14ac:dyDescent="0.35">
      <c r="A1763" s="52" t="s">
        <v>78</v>
      </c>
      <c r="B1763" s="51" t="s">
        <v>79</v>
      </c>
      <c r="C1763" s="61">
        <v>338485811</v>
      </c>
      <c r="D1763" s="62">
        <v>20</v>
      </c>
      <c r="E1763" s="51">
        <v>202408</v>
      </c>
      <c r="F1763" s="51" t="s">
        <v>38</v>
      </c>
      <c r="G1763" s="51" t="s">
        <v>97</v>
      </c>
      <c r="H1763" s="51" t="s">
        <v>82</v>
      </c>
      <c r="I1763" s="50">
        <v>4.7</v>
      </c>
    </row>
    <row r="1764" spans="1:9" x14ac:dyDescent="0.35">
      <c r="A1764" s="52" t="s">
        <v>78</v>
      </c>
      <c r="B1764" s="51" t="s">
        <v>79</v>
      </c>
      <c r="C1764" s="61">
        <v>338485812</v>
      </c>
      <c r="D1764" s="62">
        <v>20</v>
      </c>
      <c r="E1764" s="51">
        <v>202408</v>
      </c>
      <c r="F1764" s="51" t="s">
        <v>38</v>
      </c>
      <c r="G1764" s="51" t="s">
        <v>97</v>
      </c>
      <c r="H1764" s="51" t="s">
        <v>82</v>
      </c>
      <c r="I1764" s="50">
        <v>4.7</v>
      </c>
    </row>
    <row r="1765" spans="1:9" x14ac:dyDescent="0.35">
      <c r="A1765" s="52" t="s">
        <v>78</v>
      </c>
      <c r="B1765" s="51" t="s">
        <v>79</v>
      </c>
      <c r="C1765" s="61">
        <v>341205115</v>
      </c>
      <c r="D1765" s="62">
        <v>20</v>
      </c>
      <c r="E1765" s="51">
        <v>202408</v>
      </c>
      <c r="F1765" s="51" t="s">
        <v>38</v>
      </c>
      <c r="G1765" s="51" t="s">
        <v>97</v>
      </c>
      <c r="H1765" s="51" t="s">
        <v>82</v>
      </c>
      <c r="I1765" s="50">
        <v>4.7</v>
      </c>
    </row>
    <row r="1766" spans="1:9" x14ac:dyDescent="0.35">
      <c r="A1766" s="52" t="s">
        <v>78</v>
      </c>
      <c r="B1766" s="51" t="s">
        <v>79</v>
      </c>
      <c r="C1766" s="61">
        <v>342501158</v>
      </c>
      <c r="D1766" s="62">
        <v>20</v>
      </c>
      <c r="E1766" s="51">
        <v>202408</v>
      </c>
      <c r="F1766" s="51" t="s">
        <v>38</v>
      </c>
      <c r="G1766" s="51" t="s">
        <v>97</v>
      </c>
      <c r="H1766" s="51" t="s">
        <v>82</v>
      </c>
      <c r="I1766" s="50">
        <v>4.7</v>
      </c>
    </row>
    <row r="1767" spans="1:9" x14ac:dyDescent="0.35">
      <c r="A1767" s="52" t="s">
        <v>78</v>
      </c>
      <c r="B1767" s="51" t="s">
        <v>79</v>
      </c>
      <c r="C1767" s="61">
        <v>342601886</v>
      </c>
      <c r="D1767" s="62">
        <v>20</v>
      </c>
      <c r="E1767" s="51">
        <v>202408</v>
      </c>
      <c r="F1767" s="51" t="s">
        <v>38</v>
      </c>
      <c r="G1767" s="51" t="s">
        <v>97</v>
      </c>
      <c r="H1767" s="51" t="s">
        <v>82</v>
      </c>
      <c r="I1767" s="50">
        <v>30</v>
      </c>
    </row>
    <row r="1768" spans="1:9" x14ac:dyDescent="0.35">
      <c r="A1768" s="52" t="s">
        <v>78</v>
      </c>
      <c r="B1768" s="51" t="s">
        <v>79</v>
      </c>
      <c r="C1768" s="61">
        <v>343402043</v>
      </c>
      <c r="D1768" s="62">
        <v>20</v>
      </c>
      <c r="E1768" s="51">
        <v>202408</v>
      </c>
      <c r="F1768" s="51" t="s">
        <v>38</v>
      </c>
      <c r="G1768" s="51" t="s">
        <v>97</v>
      </c>
      <c r="H1768" s="51" t="s">
        <v>82</v>
      </c>
      <c r="I1768" s="50">
        <v>4.7</v>
      </c>
    </row>
    <row r="1769" spans="1:9" x14ac:dyDescent="0.35">
      <c r="A1769" s="52" t="s">
        <v>78</v>
      </c>
      <c r="B1769" s="51" t="s">
        <v>79</v>
      </c>
      <c r="C1769" s="61">
        <v>343541490</v>
      </c>
      <c r="D1769" s="62">
        <v>20</v>
      </c>
      <c r="E1769" s="51">
        <v>202408</v>
      </c>
      <c r="F1769" s="51" t="s">
        <v>38</v>
      </c>
      <c r="G1769" s="51" t="s">
        <v>97</v>
      </c>
      <c r="H1769" s="51" t="s">
        <v>82</v>
      </c>
      <c r="I1769" s="50">
        <v>4.7</v>
      </c>
    </row>
    <row r="1770" spans="1:9" x14ac:dyDescent="0.35">
      <c r="A1770" s="52" t="s">
        <v>78</v>
      </c>
      <c r="B1770" s="51" t="s">
        <v>79</v>
      </c>
      <c r="C1770" s="61">
        <v>343904740</v>
      </c>
      <c r="D1770" s="62">
        <v>20</v>
      </c>
      <c r="E1770" s="51">
        <v>202408</v>
      </c>
      <c r="F1770" s="51" t="s">
        <v>38</v>
      </c>
      <c r="G1770" s="51" t="s">
        <v>97</v>
      </c>
      <c r="H1770" s="51" t="s">
        <v>82</v>
      </c>
      <c r="I1770" s="50">
        <v>4.7</v>
      </c>
    </row>
    <row r="1771" spans="1:9" x14ac:dyDescent="0.35">
      <c r="A1771" s="52" t="s">
        <v>78</v>
      </c>
      <c r="B1771" s="51" t="s">
        <v>79</v>
      </c>
      <c r="C1771" s="61">
        <v>344304469</v>
      </c>
      <c r="D1771" s="62">
        <v>20</v>
      </c>
      <c r="E1771" s="51">
        <v>202408</v>
      </c>
      <c r="F1771" s="51" t="s">
        <v>38</v>
      </c>
      <c r="G1771" s="51" t="s">
        <v>97</v>
      </c>
      <c r="H1771" s="51" t="s">
        <v>82</v>
      </c>
      <c r="I1771" s="50">
        <v>4.7</v>
      </c>
    </row>
    <row r="1772" spans="1:9" x14ac:dyDescent="0.35">
      <c r="A1772" s="52" t="s">
        <v>78</v>
      </c>
      <c r="B1772" s="51" t="s">
        <v>79</v>
      </c>
      <c r="C1772" s="61">
        <v>344466102</v>
      </c>
      <c r="D1772" s="62">
        <v>20</v>
      </c>
      <c r="E1772" s="51">
        <v>202408</v>
      </c>
      <c r="F1772" s="51" t="s">
        <v>38</v>
      </c>
      <c r="G1772" s="51" t="s">
        <v>97</v>
      </c>
      <c r="H1772" s="51" t="s">
        <v>82</v>
      </c>
      <c r="I1772" s="50">
        <v>4.7</v>
      </c>
    </row>
    <row r="1773" spans="1:9" x14ac:dyDescent="0.35">
      <c r="A1773" s="52" t="s">
        <v>78</v>
      </c>
      <c r="B1773" s="51" t="s">
        <v>79</v>
      </c>
      <c r="C1773" s="61">
        <v>345482022</v>
      </c>
      <c r="D1773" s="62">
        <v>20</v>
      </c>
      <c r="E1773" s="51">
        <v>202408</v>
      </c>
      <c r="F1773" s="51" t="s">
        <v>38</v>
      </c>
      <c r="G1773" s="51" t="s">
        <v>97</v>
      </c>
      <c r="H1773" s="51" t="s">
        <v>82</v>
      </c>
      <c r="I1773" s="50">
        <v>4.7</v>
      </c>
    </row>
    <row r="1774" spans="1:9" x14ac:dyDescent="0.35">
      <c r="A1774" s="52" t="s">
        <v>78</v>
      </c>
      <c r="B1774" s="51" t="s">
        <v>79</v>
      </c>
      <c r="C1774" s="61">
        <v>346100624</v>
      </c>
      <c r="D1774" s="62">
        <v>20</v>
      </c>
      <c r="E1774" s="51">
        <v>202408</v>
      </c>
      <c r="F1774" s="51" t="s">
        <v>38</v>
      </c>
      <c r="G1774" s="51" t="s">
        <v>97</v>
      </c>
      <c r="H1774" s="51" t="s">
        <v>82</v>
      </c>
      <c r="I1774" s="50">
        <v>4.7</v>
      </c>
    </row>
    <row r="1775" spans="1:9" x14ac:dyDescent="0.35">
      <c r="A1775" s="52" t="s">
        <v>78</v>
      </c>
      <c r="B1775" s="51" t="s">
        <v>79</v>
      </c>
      <c r="C1775" s="61">
        <v>346605398</v>
      </c>
      <c r="D1775" s="62">
        <v>20</v>
      </c>
      <c r="E1775" s="51">
        <v>202408</v>
      </c>
      <c r="F1775" s="51" t="s">
        <v>38</v>
      </c>
      <c r="G1775" s="51" t="s">
        <v>97</v>
      </c>
      <c r="H1775" s="51" t="s">
        <v>82</v>
      </c>
      <c r="I1775" s="50">
        <v>4.7</v>
      </c>
    </row>
    <row r="1776" spans="1:9" x14ac:dyDescent="0.35">
      <c r="A1776" s="52" t="s">
        <v>78</v>
      </c>
      <c r="B1776" s="51" t="s">
        <v>79</v>
      </c>
      <c r="C1776" s="61">
        <v>348151672</v>
      </c>
      <c r="D1776" s="62">
        <v>20</v>
      </c>
      <c r="E1776" s="51">
        <v>202408</v>
      </c>
      <c r="F1776" s="51" t="s">
        <v>38</v>
      </c>
      <c r="G1776" s="51" t="s">
        <v>97</v>
      </c>
      <c r="H1776" s="51" t="s">
        <v>82</v>
      </c>
      <c r="I1776" s="50">
        <v>4.7</v>
      </c>
    </row>
    <row r="1777" spans="1:9" x14ac:dyDescent="0.35">
      <c r="A1777" s="52" t="s">
        <v>78</v>
      </c>
      <c r="B1777" s="51" t="s">
        <v>79</v>
      </c>
      <c r="C1777" s="61">
        <v>348972031</v>
      </c>
      <c r="D1777" s="62">
        <v>20</v>
      </c>
      <c r="E1777" s="51">
        <v>202408</v>
      </c>
      <c r="F1777" s="51" t="s">
        <v>38</v>
      </c>
      <c r="G1777" s="51" t="s">
        <v>97</v>
      </c>
      <c r="H1777" s="51" t="s">
        <v>82</v>
      </c>
      <c r="I1777" s="50">
        <v>4.7</v>
      </c>
    </row>
    <row r="1778" spans="1:9" x14ac:dyDescent="0.35">
      <c r="A1778" s="52" t="s">
        <v>78</v>
      </c>
      <c r="B1778" s="51" t="s">
        <v>79</v>
      </c>
      <c r="C1778" s="61">
        <v>349000025</v>
      </c>
      <c r="D1778" s="62">
        <v>20</v>
      </c>
      <c r="E1778" s="51">
        <v>202408</v>
      </c>
      <c r="F1778" s="51" t="s">
        <v>38</v>
      </c>
      <c r="G1778" s="51" t="s">
        <v>97</v>
      </c>
      <c r="H1778" s="51" t="s">
        <v>82</v>
      </c>
      <c r="I1778" s="50">
        <v>4.7</v>
      </c>
    </row>
    <row r="1779" spans="1:9" x14ac:dyDescent="0.35">
      <c r="A1779" s="52" t="s">
        <v>78</v>
      </c>
      <c r="B1779" s="51" t="s">
        <v>79</v>
      </c>
      <c r="C1779" s="61">
        <v>349500248</v>
      </c>
      <c r="D1779" s="62">
        <v>20</v>
      </c>
      <c r="E1779" s="51">
        <v>202408</v>
      </c>
      <c r="F1779" s="51" t="s">
        <v>38</v>
      </c>
      <c r="G1779" s="51" t="s">
        <v>97</v>
      </c>
      <c r="H1779" s="51" t="s">
        <v>82</v>
      </c>
      <c r="I1779" s="50">
        <v>4.7</v>
      </c>
    </row>
    <row r="1780" spans="1:9" x14ac:dyDescent="0.35">
      <c r="A1780" s="52" t="s">
        <v>78</v>
      </c>
      <c r="B1780" s="51" t="s">
        <v>79</v>
      </c>
      <c r="C1780" s="61">
        <v>349541792</v>
      </c>
      <c r="D1780" s="62">
        <v>20</v>
      </c>
      <c r="E1780" s="51">
        <v>202408</v>
      </c>
      <c r="F1780" s="51" t="s">
        <v>38</v>
      </c>
      <c r="G1780" s="51" t="s">
        <v>97</v>
      </c>
      <c r="H1780" s="51" t="s">
        <v>82</v>
      </c>
      <c r="I1780" s="50">
        <v>4.7</v>
      </c>
    </row>
    <row r="1781" spans="1:9" x14ac:dyDescent="0.35">
      <c r="A1781" s="52" t="s">
        <v>78</v>
      </c>
      <c r="B1781" s="51" t="s">
        <v>79</v>
      </c>
      <c r="C1781" s="61">
        <v>349704961</v>
      </c>
      <c r="D1781" s="62">
        <v>20</v>
      </c>
      <c r="E1781" s="51">
        <v>202408</v>
      </c>
      <c r="F1781" s="51" t="s">
        <v>38</v>
      </c>
      <c r="G1781" s="51" t="s">
        <v>97</v>
      </c>
      <c r="H1781" s="51" t="s">
        <v>82</v>
      </c>
      <c r="I1781" s="50">
        <v>4.7</v>
      </c>
    </row>
    <row r="1782" spans="1:9" x14ac:dyDescent="0.35">
      <c r="A1782" s="52" t="s">
        <v>78</v>
      </c>
      <c r="B1782" s="51" t="s">
        <v>79</v>
      </c>
      <c r="C1782" s="61">
        <v>349800360</v>
      </c>
      <c r="D1782" s="62">
        <v>20</v>
      </c>
      <c r="E1782" s="51">
        <v>202408</v>
      </c>
      <c r="F1782" s="51" t="s">
        <v>38</v>
      </c>
      <c r="G1782" s="51" t="s">
        <v>97</v>
      </c>
      <c r="H1782" s="51" t="s">
        <v>82</v>
      </c>
      <c r="I1782" s="50">
        <v>4.7</v>
      </c>
    </row>
    <row r="1783" spans="1:9" x14ac:dyDescent="0.35">
      <c r="A1783" s="52" t="s">
        <v>78</v>
      </c>
      <c r="B1783" s="51" t="s">
        <v>79</v>
      </c>
      <c r="C1783" s="61">
        <v>350931460</v>
      </c>
      <c r="D1783" s="62">
        <v>20</v>
      </c>
      <c r="E1783" s="51">
        <v>202408</v>
      </c>
      <c r="F1783" s="51" t="s">
        <v>38</v>
      </c>
      <c r="G1783" s="51" t="s">
        <v>97</v>
      </c>
      <c r="H1783" s="51" t="s">
        <v>82</v>
      </c>
      <c r="I1783" s="50">
        <v>4.7</v>
      </c>
    </row>
    <row r="1784" spans="1:9" x14ac:dyDescent="0.35">
      <c r="A1784" s="52" t="s">
        <v>78</v>
      </c>
      <c r="B1784" s="51" t="s">
        <v>79</v>
      </c>
      <c r="C1784" s="61">
        <v>350941600</v>
      </c>
      <c r="D1784" s="62">
        <v>20</v>
      </c>
      <c r="E1784" s="51">
        <v>202408</v>
      </c>
      <c r="F1784" s="51" t="s">
        <v>38</v>
      </c>
      <c r="G1784" s="51" t="s">
        <v>97</v>
      </c>
      <c r="H1784" s="51" t="s">
        <v>82</v>
      </c>
      <c r="I1784" s="50">
        <v>4.7</v>
      </c>
    </row>
    <row r="1785" spans="1:9" x14ac:dyDescent="0.35">
      <c r="A1785" s="52" t="s">
        <v>78</v>
      </c>
      <c r="B1785" s="51" t="s">
        <v>79</v>
      </c>
      <c r="C1785" s="61">
        <v>351203170</v>
      </c>
      <c r="D1785" s="62">
        <v>20</v>
      </c>
      <c r="E1785" s="51">
        <v>202408</v>
      </c>
      <c r="F1785" s="51" t="s">
        <v>38</v>
      </c>
      <c r="G1785" s="51" t="s">
        <v>97</v>
      </c>
      <c r="H1785" s="51" t="s">
        <v>82</v>
      </c>
      <c r="I1785" s="50">
        <v>4.7</v>
      </c>
    </row>
    <row r="1786" spans="1:9" x14ac:dyDescent="0.35">
      <c r="A1786" s="52" t="s">
        <v>78</v>
      </c>
      <c r="B1786" s="51" t="s">
        <v>79</v>
      </c>
      <c r="C1786" s="61">
        <v>351204065</v>
      </c>
      <c r="D1786" s="62">
        <v>20</v>
      </c>
      <c r="E1786" s="51">
        <v>202408</v>
      </c>
      <c r="F1786" s="51" t="s">
        <v>38</v>
      </c>
      <c r="G1786" s="51" t="s">
        <v>97</v>
      </c>
      <c r="H1786" s="51" t="s">
        <v>82</v>
      </c>
      <c r="I1786" s="50">
        <v>4.7</v>
      </c>
    </row>
    <row r="1787" spans="1:9" x14ac:dyDescent="0.35">
      <c r="A1787" s="52" t="s">
        <v>78</v>
      </c>
      <c r="B1787" s="51" t="s">
        <v>79</v>
      </c>
      <c r="C1787" s="61">
        <v>353405376</v>
      </c>
      <c r="D1787" s="62">
        <v>20</v>
      </c>
      <c r="E1787" s="51">
        <v>202408</v>
      </c>
      <c r="F1787" s="51" t="s">
        <v>38</v>
      </c>
      <c r="G1787" s="51" t="s">
        <v>97</v>
      </c>
      <c r="H1787" s="51" t="s">
        <v>82</v>
      </c>
      <c r="I1787" s="50">
        <v>4.7</v>
      </c>
    </row>
    <row r="1788" spans="1:9" x14ac:dyDescent="0.35">
      <c r="A1788" s="52" t="s">
        <v>78</v>
      </c>
      <c r="B1788" s="51" t="s">
        <v>79</v>
      </c>
      <c r="C1788" s="61">
        <v>353704532</v>
      </c>
      <c r="D1788" s="62">
        <v>20</v>
      </c>
      <c r="E1788" s="51">
        <v>202408</v>
      </c>
      <c r="F1788" s="51" t="s">
        <v>38</v>
      </c>
      <c r="G1788" s="51" t="s">
        <v>97</v>
      </c>
      <c r="H1788" s="51" t="s">
        <v>82</v>
      </c>
      <c r="I1788" s="50">
        <v>4.7</v>
      </c>
    </row>
    <row r="1789" spans="1:9" x14ac:dyDescent="0.35">
      <c r="A1789" s="52" t="s">
        <v>78</v>
      </c>
      <c r="B1789" s="51" t="s">
        <v>79</v>
      </c>
      <c r="C1789" s="61">
        <v>353792980</v>
      </c>
      <c r="D1789" s="62">
        <v>20</v>
      </c>
      <c r="E1789" s="51">
        <v>202408</v>
      </c>
      <c r="F1789" s="51" t="s">
        <v>38</v>
      </c>
      <c r="G1789" s="51" t="s">
        <v>97</v>
      </c>
      <c r="H1789" s="51" t="s">
        <v>82</v>
      </c>
      <c r="I1789" s="50">
        <v>4.7</v>
      </c>
    </row>
    <row r="1790" spans="1:9" x14ac:dyDescent="0.35">
      <c r="A1790" s="52" t="s">
        <v>78</v>
      </c>
      <c r="B1790" s="51" t="s">
        <v>79</v>
      </c>
      <c r="C1790" s="61">
        <v>354233503</v>
      </c>
      <c r="D1790" s="62">
        <v>20</v>
      </c>
      <c r="E1790" s="51">
        <v>202408</v>
      </c>
      <c r="F1790" s="51" t="s">
        <v>38</v>
      </c>
      <c r="G1790" s="51" t="s">
        <v>97</v>
      </c>
      <c r="H1790" s="51" t="s">
        <v>82</v>
      </c>
      <c r="I1790" s="50">
        <v>4.7</v>
      </c>
    </row>
    <row r="1791" spans="1:9" x14ac:dyDescent="0.35">
      <c r="A1791" s="52" t="s">
        <v>78</v>
      </c>
      <c r="B1791" s="51" t="s">
        <v>79</v>
      </c>
      <c r="C1791" s="61">
        <v>354301624</v>
      </c>
      <c r="D1791" s="62">
        <v>20</v>
      </c>
      <c r="E1791" s="51">
        <v>202408</v>
      </c>
      <c r="F1791" s="51" t="s">
        <v>38</v>
      </c>
      <c r="G1791" s="51" t="s">
        <v>97</v>
      </c>
      <c r="H1791" s="51" t="s">
        <v>82</v>
      </c>
      <c r="I1791" s="50">
        <v>4.7</v>
      </c>
    </row>
    <row r="1792" spans="1:9" x14ac:dyDescent="0.35">
      <c r="A1792" s="52" t="s">
        <v>78</v>
      </c>
      <c r="B1792" s="51" t="s">
        <v>79</v>
      </c>
      <c r="C1792" s="61">
        <v>354402055</v>
      </c>
      <c r="D1792" s="62">
        <v>20</v>
      </c>
      <c r="E1792" s="51">
        <v>202408</v>
      </c>
      <c r="F1792" s="51" t="s">
        <v>38</v>
      </c>
      <c r="G1792" s="51" t="s">
        <v>97</v>
      </c>
      <c r="H1792" s="51" t="s">
        <v>82</v>
      </c>
      <c r="I1792" s="50">
        <v>4.7</v>
      </c>
    </row>
    <row r="1793" spans="1:9" x14ac:dyDescent="0.35">
      <c r="A1793" s="52" t="s">
        <v>78</v>
      </c>
      <c r="B1793" s="51" t="s">
        <v>79</v>
      </c>
      <c r="C1793" s="61">
        <v>355016321</v>
      </c>
      <c r="D1793" s="62">
        <v>20</v>
      </c>
      <c r="E1793" s="51">
        <v>202408</v>
      </c>
      <c r="F1793" s="51" t="s">
        <v>38</v>
      </c>
      <c r="G1793" s="51" t="s">
        <v>97</v>
      </c>
      <c r="H1793" s="51" t="s">
        <v>82</v>
      </c>
      <c r="I1793" s="50">
        <v>4.7</v>
      </c>
    </row>
    <row r="1794" spans="1:9" x14ac:dyDescent="0.35">
      <c r="A1794" s="52" t="s">
        <v>78</v>
      </c>
      <c r="B1794" s="51" t="s">
        <v>79</v>
      </c>
      <c r="C1794" s="61">
        <v>355300238</v>
      </c>
      <c r="D1794" s="62">
        <v>20</v>
      </c>
      <c r="E1794" s="51">
        <v>202408</v>
      </c>
      <c r="F1794" s="51" t="s">
        <v>38</v>
      </c>
      <c r="G1794" s="51" t="s">
        <v>97</v>
      </c>
      <c r="H1794" s="51" t="s">
        <v>82</v>
      </c>
      <c r="I1794" s="50">
        <v>4.7</v>
      </c>
    </row>
    <row r="1795" spans="1:9" x14ac:dyDescent="0.35">
      <c r="A1795" s="52" t="s">
        <v>78</v>
      </c>
      <c r="B1795" s="51" t="s">
        <v>79</v>
      </c>
      <c r="C1795" s="61">
        <v>355405539</v>
      </c>
      <c r="D1795" s="62">
        <v>20</v>
      </c>
      <c r="E1795" s="51">
        <v>202408</v>
      </c>
      <c r="F1795" s="51" t="s">
        <v>38</v>
      </c>
      <c r="G1795" s="51" t="s">
        <v>97</v>
      </c>
      <c r="H1795" s="51" t="s">
        <v>82</v>
      </c>
      <c r="I1795" s="50">
        <v>4.7</v>
      </c>
    </row>
    <row r="1796" spans="1:9" x14ac:dyDescent="0.35">
      <c r="A1796" s="52" t="s">
        <v>78</v>
      </c>
      <c r="B1796" s="51" t="s">
        <v>79</v>
      </c>
      <c r="C1796" s="61">
        <v>355605083</v>
      </c>
      <c r="D1796" s="62">
        <v>20</v>
      </c>
      <c r="E1796" s="51">
        <v>202408</v>
      </c>
      <c r="F1796" s="51" t="s">
        <v>38</v>
      </c>
      <c r="G1796" s="51" t="s">
        <v>97</v>
      </c>
      <c r="H1796" s="51" t="s">
        <v>82</v>
      </c>
      <c r="I1796" s="50">
        <v>4.7</v>
      </c>
    </row>
    <row r="1797" spans="1:9" x14ac:dyDescent="0.35">
      <c r="A1797" s="52" t="s">
        <v>78</v>
      </c>
      <c r="B1797" s="51" t="s">
        <v>79</v>
      </c>
      <c r="C1797" s="61">
        <v>356000341</v>
      </c>
      <c r="D1797" s="62">
        <v>20</v>
      </c>
      <c r="E1797" s="51">
        <v>202408</v>
      </c>
      <c r="F1797" s="51" t="s">
        <v>38</v>
      </c>
      <c r="G1797" s="51" t="s">
        <v>97</v>
      </c>
      <c r="H1797" s="51" t="s">
        <v>82</v>
      </c>
      <c r="I1797" s="50">
        <v>4.7</v>
      </c>
    </row>
    <row r="1798" spans="1:9" x14ac:dyDescent="0.35">
      <c r="A1798" s="52" t="s">
        <v>78</v>
      </c>
      <c r="B1798" s="51" t="s">
        <v>79</v>
      </c>
      <c r="C1798" s="61">
        <v>358869501</v>
      </c>
      <c r="D1798" s="62">
        <v>20</v>
      </c>
      <c r="E1798" s="51">
        <v>202408</v>
      </c>
      <c r="F1798" s="51" t="s">
        <v>38</v>
      </c>
      <c r="G1798" s="51" t="s">
        <v>97</v>
      </c>
      <c r="H1798" s="51" t="s">
        <v>82</v>
      </c>
      <c r="I1798" s="50">
        <v>4.7</v>
      </c>
    </row>
    <row r="1799" spans="1:9" x14ac:dyDescent="0.35">
      <c r="A1799" s="52" t="s">
        <v>78</v>
      </c>
      <c r="B1799" s="51" t="s">
        <v>79</v>
      </c>
      <c r="C1799" s="61">
        <v>359342143</v>
      </c>
      <c r="D1799" s="62">
        <v>20</v>
      </c>
      <c r="E1799" s="51">
        <v>202408</v>
      </c>
      <c r="F1799" s="51" t="s">
        <v>38</v>
      </c>
      <c r="G1799" s="51" t="s">
        <v>97</v>
      </c>
      <c r="H1799" s="51" t="s">
        <v>82</v>
      </c>
      <c r="I1799" s="50">
        <v>4.7</v>
      </c>
    </row>
    <row r="1800" spans="1:9" x14ac:dyDescent="0.35">
      <c r="A1800" s="52" t="s">
        <v>78</v>
      </c>
      <c r="B1800" s="51" t="s">
        <v>79</v>
      </c>
      <c r="C1800" s="61">
        <v>359627418</v>
      </c>
      <c r="D1800" s="62">
        <v>20</v>
      </c>
      <c r="E1800" s="51">
        <v>202408</v>
      </c>
      <c r="F1800" s="51" t="s">
        <v>38</v>
      </c>
      <c r="G1800" s="51" t="s">
        <v>97</v>
      </c>
      <c r="H1800" s="51" t="s">
        <v>82</v>
      </c>
      <c r="I1800" s="50">
        <v>30</v>
      </c>
    </row>
    <row r="1801" spans="1:9" x14ac:dyDescent="0.35">
      <c r="A1801" s="52" t="s">
        <v>78</v>
      </c>
      <c r="B1801" s="51" t="s">
        <v>79</v>
      </c>
      <c r="C1801" s="61">
        <v>360301387</v>
      </c>
      <c r="D1801" s="62">
        <v>20</v>
      </c>
      <c r="E1801" s="51">
        <v>202408</v>
      </c>
      <c r="F1801" s="51" t="s">
        <v>38</v>
      </c>
      <c r="G1801" s="51" t="s">
        <v>97</v>
      </c>
      <c r="H1801" s="51" t="s">
        <v>82</v>
      </c>
      <c r="I1801" s="50">
        <v>4.7</v>
      </c>
    </row>
    <row r="1802" spans="1:9" x14ac:dyDescent="0.35">
      <c r="A1802" s="52" t="s">
        <v>78</v>
      </c>
      <c r="B1802" s="51" t="s">
        <v>79</v>
      </c>
      <c r="C1802" s="61">
        <v>360902620</v>
      </c>
      <c r="D1802" s="62">
        <v>20</v>
      </c>
      <c r="E1802" s="51">
        <v>202408</v>
      </c>
      <c r="F1802" s="51" t="s">
        <v>38</v>
      </c>
      <c r="G1802" s="51" t="s">
        <v>97</v>
      </c>
      <c r="H1802" s="51" t="s">
        <v>82</v>
      </c>
      <c r="I1802" s="50">
        <v>4.7</v>
      </c>
    </row>
    <row r="1803" spans="1:9" x14ac:dyDescent="0.35">
      <c r="A1803" s="52" t="s">
        <v>78</v>
      </c>
      <c r="B1803" s="51" t="s">
        <v>79</v>
      </c>
      <c r="C1803" s="61">
        <v>361205526</v>
      </c>
      <c r="D1803" s="62">
        <v>20</v>
      </c>
      <c r="E1803" s="51">
        <v>202408</v>
      </c>
      <c r="F1803" s="51" t="s">
        <v>38</v>
      </c>
      <c r="G1803" s="51" t="s">
        <v>97</v>
      </c>
      <c r="H1803" s="51" t="s">
        <v>82</v>
      </c>
      <c r="I1803" s="50">
        <v>4.7</v>
      </c>
    </row>
    <row r="1804" spans="1:9" x14ac:dyDescent="0.35">
      <c r="A1804" s="52" t="s">
        <v>78</v>
      </c>
      <c r="B1804" s="51" t="s">
        <v>79</v>
      </c>
      <c r="C1804" s="61">
        <v>362123790</v>
      </c>
      <c r="D1804" s="62">
        <v>20</v>
      </c>
      <c r="E1804" s="51">
        <v>202408</v>
      </c>
      <c r="F1804" s="51" t="s">
        <v>38</v>
      </c>
      <c r="G1804" s="51" t="s">
        <v>97</v>
      </c>
      <c r="H1804" s="51" t="s">
        <v>82</v>
      </c>
      <c r="I1804" s="50">
        <v>4.7</v>
      </c>
    </row>
    <row r="1805" spans="1:9" x14ac:dyDescent="0.35">
      <c r="A1805" s="52" t="s">
        <v>78</v>
      </c>
      <c r="B1805" s="51" t="s">
        <v>79</v>
      </c>
      <c r="C1805" s="61">
        <v>363062780</v>
      </c>
      <c r="D1805" s="62">
        <v>20</v>
      </c>
      <c r="E1805" s="51">
        <v>202408</v>
      </c>
      <c r="F1805" s="51" t="s">
        <v>38</v>
      </c>
      <c r="G1805" s="51" t="s">
        <v>97</v>
      </c>
      <c r="H1805" s="51" t="s">
        <v>82</v>
      </c>
      <c r="I1805" s="50">
        <v>4.7</v>
      </c>
    </row>
    <row r="1806" spans="1:9" x14ac:dyDescent="0.35">
      <c r="A1806" s="52" t="s">
        <v>78</v>
      </c>
      <c r="B1806" s="51" t="s">
        <v>79</v>
      </c>
      <c r="C1806" s="61">
        <v>363101218</v>
      </c>
      <c r="D1806" s="62">
        <v>20</v>
      </c>
      <c r="E1806" s="51">
        <v>202408</v>
      </c>
      <c r="F1806" s="51" t="s">
        <v>38</v>
      </c>
      <c r="G1806" s="51" t="s">
        <v>97</v>
      </c>
      <c r="H1806" s="51" t="s">
        <v>82</v>
      </c>
      <c r="I1806" s="50">
        <v>4.7</v>
      </c>
    </row>
    <row r="1807" spans="1:9" x14ac:dyDescent="0.35">
      <c r="A1807" s="52" t="s">
        <v>78</v>
      </c>
      <c r="B1807" s="51" t="s">
        <v>79</v>
      </c>
      <c r="C1807" s="61">
        <v>363101743</v>
      </c>
      <c r="D1807" s="62">
        <v>20</v>
      </c>
      <c r="E1807" s="51">
        <v>202408</v>
      </c>
      <c r="F1807" s="51" t="s">
        <v>38</v>
      </c>
      <c r="G1807" s="51" t="s">
        <v>97</v>
      </c>
      <c r="H1807" s="51" t="s">
        <v>82</v>
      </c>
      <c r="I1807" s="50">
        <v>4.7</v>
      </c>
    </row>
    <row r="1808" spans="1:9" x14ac:dyDescent="0.35">
      <c r="A1808" s="52" t="s">
        <v>78</v>
      </c>
      <c r="B1808" s="51" t="s">
        <v>79</v>
      </c>
      <c r="C1808" s="61">
        <v>364360510</v>
      </c>
      <c r="D1808" s="62">
        <v>20</v>
      </c>
      <c r="E1808" s="51">
        <v>202408</v>
      </c>
      <c r="F1808" s="51" t="s">
        <v>38</v>
      </c>
      <c r="G1808" s="51" t="s">
        <v>97</v>
      </c>
      <c r="H1808" s="51" t="s">
        <v>82</v>
      </c>
      <c r="I1808" s="50">
        <v>4.7</v>
      </c>
    </row>
    <row r="1809" spans="1:9" x14ac:dyDescent="0.35">
      <c r="A1809" s="52" t="s">
        <v>78</v>
      </c>
      <c r="B1809" s="51" t="s">
        <v>79</v>
      </c>
      <c r="C1809" s="61">
        <v>364404483</v>
      </c>
      <c r="D1809" s="62">
        <v>20</v>
      </c>
      <c r="E1809" s="51">
        <v>202408</v>
      </c>
      <c r="F1809" s="51" t="s">
        <v>38</v>
      </c>
      <c r="G1809" s="51" t="s">
        <v>97</v>
      </c>
      <c r="H1809" s="51" t="s">
        <v>82</v>
      </c>
      <c r="I1809" s="50">
        <v>4.7</v>
      </c>
    </row>
    <row r="1810" spans="1:9" x14ac:dyDescent="0.35">
      <c r="A1810" s="52" t="s">
        <v>78</v>
      </c>
      <c r="B1810" s="51" t="s">
        <v>79</v>
      </c>
      <c r="C1810" s="61">
        <v>365977801</v>
      </c>
      <c r="D1810" s="62">
        <v>20</v>
      </c>
      <c r="E1810" s="51">
        <v>202408</v>
      </c>
      <c r="F1810" s="51" t="s">
        <v>38</v>
      </c>
      <c r="G1810" s="51" t="s">
        <v>97</v>
      </c>
      <c r="H1810" s="51" t="s">
        <v>82</v>
      </c>
      <c r="I1810" s="50">
        <v>4.7</v>
      </c>
    </row>
    <row r="1811" spans="1:9" x14ac:dyDescent="0.35">
      <c r="A1811" s="52" t="s">
        <v>78</v>
      </c>
      <c r="B1811" s="51" t="s">
        <v>79</v>
      </c>
      <c r="C1811" s="61">
        <v>367099371</v>
      </c>
      <c r="D1811" s="62">
        <v>20</v>
      </c>
      <c r="E1811" s="51">
        <v>202408</v>
      </c>
      <c r="F1811" s="51" t="s">
        <v>38</v>
      </c>
      <c r="G1811" s="51" t="s">
        <v>97</v>
      </c>
      <c r="H1811" s="51" t="s">
        <v>82</v>
      </c>
      <c r="I1811" s="50">
        <v>4.7</v>
      </c>
    </row>
    <row r="1812" spans="1:9" x14ac:dyDescent="0.35">
      <c r="A1812" s="52" t="s">
        <v>78</v>
      </c>
      <c r="B1812" s="51" t="s">
        <v>79</v>
      </c>
      <c r="C1812" s="61">
        <v>367099372</v>
      </c>
      <c r="D1812" s="62">
        <v>20</v>
      </c>
      <c r="E1812" s="51">
        <v>202408</v>
      </c>
      <c r="F1812" s="51" t="s">
        <v>38</v>
      </c>
      <c r="G1812" s="51" t="s">
        <v>97</v>
      </c>
      <c r="H1812" s="51" t="s">
        <v>82</v>
      </c>
      <c r="I1812" s="50">
        <v>4.7</v>
      </c>
    </row>
    <row r="1813" spans="1:9" x14ac:dyDescent="0.35">
      <c r="A1813" s="52" t="s">
        <v>78</v>
      </c>
      <c r="B1813" s="51" t="s">
        <v>79</v>
      </c>
      <c r="C1813" s="61">
        <v>367199638</v>
      </c>
      <c r="D1813" s="62">
        <v>20</v>
      </c>
      <c r="E1813" s="51">
        <v>202408</v>
      </c>
      <c r="F1813" s="51" t="s">
        <v>38</v>
      </c>
      <c r="G1813" s="51" t="s">
        <v>97</v>
      </c>
      <c r="H1813" s="51" t="s">
        <v>82</v>
      </c>
      <c r="I1813" s="50">
        <v>4.7</v>
      </c>
    </row>
    <row r="1814" spans="1:9" x14ac:dyDescent="0.35">
      <c r="A1814" s="52" t="s">
        <v>78</v>
      </c>
      <c r="B1814" s="51" t="s">
        <v>79</v>
      </c>
      <c r="C1814" s="61">
        <v>368204644</v>
      </c>
      <c r="D1814" s="62">
        <v>20</v>
      </c>
      <c r="E1814" s="51">
        <v>202408</v>
      </c>
      <c r="F1814" s="51" t="s">
        <v>38</v>
      </c>
      <c r="G1814" s="51" t="s">
        <v>97</v>
      </c>
      <c r="H1814" s="51" t="s">
        <v>82</v>
      </c>
      <c r="I1814" s="50">
        <v>4.7</v>
      </c>
    </row>
    <row r="1815" spans="1:9" x14ac:dyDescent="0.35">
      <c r="A1815" s="52" t="s">
        <v>78</v>
      </c>
      <c r="B1815" s="51" t="s">
        <v>79</v>
      </c>
      <c r="C1815" s="61">
        <v>368932286</v>
      </c>
      <c r="D1815" s="62">
        <v>20</v>
      </c>
      <c r="E1815" s="51">
        <v>202408</v>
      </c>
      <c r="F1815" s="51" t="s">
        <v>38</v>
      </c>
      <c r="G1815" s="51" t="s">
        <v>97</v>
      </c>
      <c r="H1815" s="51" t="s">
        <v>82</v>
      </c>
      <c r="I1815" s="50">
        <v>4.7</v>
      </c>
    </row>
    <row r="1816" spans="1:9" x14ac:dyDescent="0.35">
      <c r="A1816" s="52" t="s">
        <v>78</v>
      </c>
      <c r="B1816" s="51" t="s">
        <v>79</v>
      </c>
      <c r="C1816" s="61">
        <v>369301694</v>
      </c>
      <c r="D1816" s="62">
        <v>20</v>
      </c>
      <c r="E1816" s="51">
        <v>202408</v>
      </c>
      <c r="F1816" s="51" t="s">
        <v>38</v>
      </c>
      <c r="G1816" s="51" t="s">
        <v>97</v>
      </c>
      <c r="H1816" s="51" t="s">
        <v>82</v>
      </c>
      <c r="I1816" s="50">
        <v>4.7</v>
      </c>
    </row>
    <row r="1817" spans="1:9" x14ac:dyDescent="0.35">
      <c r="A1817" s="52" t="s">
        <v>78</v>
      </c>
      <c r="B1817" s="51" t="s">
        <v>79</v>
      </c>
      <c r="C1817" s="61">
        <v>370504779</v>
      </c>
      <c r="D1817" s="62">
        <v>20</v>
      </c>
      <c r="E1817" s="51">
        <v>202408</v>
      </c>
      <c r="F1817" s="51" t="s">
        <v>38</v>
      </c>
      <c r="G1817" s="51" t="s">
        <v>97</v>
      </c>
      <c r="H1817" s="51" t="s">
        <v>82</v>
      </c>
      <c r="I1817" s="50">
        <v>4.7</v>
      </c>
    </row>
    <row r="1818" spans="1:9" x14ac:dyDescent="0.35">
      <c r="A1818" s="52" t="s">
        <v>78</v>
      </c>
      <c r="B1818" s="51" t="s">
        <v>79</v>
      </c>
      <c r="C1818" s="61">
        <v>372300593</v>
      </c>
      <c r="D1818" s="62">
        <v>20</v>
      </c>
      <c r="E1818" s="51">
        <v>202408</v>
      </c>
      <c r="F1818" s="51" t="s">
        <v>38</v>
      </c>
      <c r="G1818" s="51" t="s">
        <v>97</v>
      </c>
      <c r="H1818" s="51" t="s">
        <v>82</v>
      </c>
      <c r="I1818" s="50">
        <v>30</v>
      </c>
    </row>
    <row r="1819" spans="1:9" x14ac:dyDescent="0.35">
      <c r="A1819" s="52" t="s">
        <v>78</v>
      </c>
      <c r="B1819" s="51" t="s">
        <v>79</v>
      </c>
      <c r="C1819" s="61">
        <v>375193156</v>
      </c>
      <c r="D1819" s="62">
        <v>20</v>
      </c>
      <c r="E1819" s="51">
        <v>202408</v>
      </c>
      <c r="F1819" s="51" t="s">
        <v>38</v>
      </c>
      <c r="G1819" s="51" t="s">
        <v>97</v>
      </c>
      <c r="H1819" s="51" t="s">
        <v>82</v>
      </c>
      <c r="I1819" s="50">
        <v>4.7</v>
      </c>
    </row>
    <row r="1820" spans="1:9" x14ac:dyDescent="0.35">
      <c r="A1820" s="52" t="s">
        <v>78</v>
      </c>
      <c r="B1820" s="51" t="s">
        <v>79</v>
      </c>
      <c r="C1820" s="61">
        <v>375707291</v>
      </c>
      <c r="D1820" s="62">
        <v>20</v>
      </c>
      <c r="E1820" s="51">
        <v>202408</v>
      </c>
      <c r="F1820" s="51" t="s">
        <v>38</v>
      </c>
      <c r="G1820" s="51" t="s">
        <v>97</v>
      </c>
      <c r="H1820" s="51" t="s">
        <v>82</v>
      </c>
      <c r="I1820" s="50">
        <v>4.7</v>
      </c>
    </row>
    <row r="1821" spans="1:9" x14ac:dyDescent="0.35">
      <c r="A1821" s="52" t="s">
        <v>78</v>
      </c>
      <c r="B1821" s="51" t="s">
        <v>79</v>
      </c>
      <c r="C1821" s="61">
        <v>377419111</v>
      </c>
      <c r="D1821" s="62">
        <v>20</v>
      </c>
      <c r="E1821" s="51">
        <v>202408</v>
      </c>
      <c r="F1821" s="51" t="s">
        <v>38</v>
      </c>
      <c r="G1821" s="51" t="s">
        <v>97</v>
      </c>
      <c r="H1821" s="51" t="s">
        <v>82</v>
      </c>
      <c r="I1821" s="50">
        <v>4.7</v>
      </c>
    </row>
    <row r="1822" spans="1:9" x14ac:dyDescent="0.35">
      <c r="A1822" s="52" t="s">
        <v>78</v>
      </c>
      <c r="B1822" s="51" t="s">
        <v>79</v>
      </c>
      <c r="C1822" s="61">
        <v>378900420</v>
      </c>
      <c r="D1822" s="62">
        <v>20</v>
      </c>
      <c r="E1822" s="51">
        <v>202408</v>
      </c>
      <c r="F1822" s="51" t="s">
        <v>38</v>
      </c>
      <c r="G1822" s="51" t="s">
        <v>97</v>
      </c>
      <c r="H1822" s="51" t="s">
        <v>82</v>
      </c>
      <c r="I1822" s="50">
        <v>4.7</v>
      </c>
    </row>
    <row r="1823" spans="1:9" x14ac:dyDescent="0.35">
      <c r="A1823" s="52" t="s">
        <v>78</v>
      </c>
      <c r="B1823" s="51" t="s">
        <v>79</v>
      </c>
      <c r="C1823" s="61">
        <v>380153528</v>
      </c>
      <c r="D1823" s="62">
        <v>20</v>
      </c>
      <c r="E1823" s="51">
        <v>202408</v>
      </c>
      <c r="F1823" s="51" t="s">
        <v>38</v>
      </c>
      <c r="G1823" s="51" t="s">
        <v>97</v>
      </c>
      <c r="H1823" s="51" t="s">
        <v>82</v>
      </c>
      <c r="I1823" s="50">
        <v>4.7</v>
      </c>
    </row>
    <row r="1824" spans="1:9" x14ac:dyDescent="0.35">
      <c r="A1824" s="52" t="s">
        <v>78</v>
      </c>
      <c r="B1824" s="51" t="s">
        <v>79</v>
      </c>
      <c r="C1824" s="61">
        <v>381002867</v>
      </c>
      <c r="D1824" s="62">
        <v>20</v>
      </c>
      <c r="E1824" s="51">
        <v>202408</v>
      </c>
      <c r="F1824" s="51" t="s">
        <v>38</v>
      </c>
      <c r="G1824" s="51" t="s">
        <v>97</v>
      </c>
      <c r="H1824" s="51" t="s">
        <v>82</v>
      </c>
      <c r="I1824" s="50">
        <v>4.7</v>
      </c>
    </row>
    <row r="1825" spans="1:9" x14ac:dyDescent="0.35">
      <c r="A1825" s="52" t="s">
        <v>78</v>
      </c>
      <c r="B1825" s="51" t="s">
        <v>79</v>
      </c>
      <c r="C1825" s="61">
        <v>381217642</v>
      </c>
      <c r="D1825" s="62">
        <v>20</v>
      </c>
      <c r="E1825" s="51">
        <v>202408</v>
      </c>
      <c r="F1825" s="51" t="s">
        <v>38</v>
      </c>
      <c r="G1825" s="51" t="s">
        <v>97</v>
      </c>
      <c r="H1825" s="51" t="s">
        <v>82</v>
      </c>
      <c r="I1825" s="50">
        <v>4.7</v>
      </c>
    </row>
    <row r="1826" spans="1:9" x14ac:dyDescent="0.35">
      <c r="A1826" s="52" t="s">
        <v>78</v>
      </c>
      <c r="B1826" s="51" t="s">
        <v>79</v>
      </c>
      <c r="C1826" s="61">
        <v>383301690</v>
      </c>
      <c r="D1826" s="62">
        <v>20</v>
      </c>
      <c r="E1826" s="51">
        <v>202408</v>
      </c>
      <c r="F1826" s="51" t="s">
        <v>38</v>
      </c>
      <c r="G1826" s="51" t="s">
        <v>97</v>
      </c>
      <c r="H1826" s="51" t="s">
        <v>82</v>
      </c>
      <c r="I1826" s="50">
        <v>4.7</v>
      </c>
    </row>
    <row r="1827" spans="1:9" x14ac:dyDescent="0.35">
      <c r="A1827" s="52" t="s">
        <v>78</v>
      </c>
      <c r="B1827" s="51" t="s">
        <v>79</v>
      </c>
      <c r="C1827" s="61">
        <v>383603150</v>
      </c>
      <c r="D1827" s="62">
        <v>20</v>
      </c>
      <c r="E1827" s="51">
        <v>202408</v>
      </c>
      <c r="F1827" s="51" t="s">
        <v>38</v>
      </c>
      <c r="G1827" s="51" t="s">
        <v>97</v>
      </c>
      <c r="H1827" s="51" t="s">
        <v>82</v>
      </c>
      <c r="I1827" s="50">
        <v>4.7</v>
      </c>
    </row>
    <row r="1828" spans="1:9" x14ac:dyDescent="0.35">
      <c r="A1828" s="52" t="s">
        <v>78</v>
      </c>
      <c r="B1828" s="51" t="s">
        <v>79</v>
      </c>
      <c r="C1828" s="61">
        <v>385102894</v>
      </c>
      <c r="D1828" s="62">
        <v>20</v>
      </c>
      <c r="E1828" s="51">
        <v>202408</v>
      </c>
      <c r="F1828" s="51" t="s">
        <v>38</v>
      </c>
      <c r="G1828" s="51" t="s">
        <v>97</v>
      </c>
      <c r="H1828" s="51" t="s">
        <v>82</v>
      </c>
      <c r="I1828" s="50">
        <v>4.7</v>
      </c>
    </row>
    <row r="1829" spans="1:9" x14ac:dyDescent="0.35">
      <c r="A1829" s="52" t="s">
        <v>78</v>
      </c>
      <c r="B1829" s="51" t="s">
        <v>79</v>
      </c>
      <c r="C1829" s="61">
        <v>385116598</v>
      </c>
      <c r="D1829" s="62">
        <v>20</v>
      </c>
      <c r="E1829" s="51">
        <v>202408</v>
      </c>
      <c r="F1829" s="51" t="s">
        <v>38</v>
      </c>
      <c r="G1829" s="51" t="s">
        <v>97</v>
      </c>
      <c r="H1829" s="51" t="s">
        <v>82</v>
      </c>
      <c r="I1829" s="50">
        <v>4.7</v>
      </c>
    </row>
    <row r="1830" spans="1:9" x14ac:dyDescent="0.35">
      <c r="A1830" s="52" t="s">
        <v>78</v>
      </c>
      <c r="B1830" s="51" t="s">
        <v>79</v>
      </c>
      <c r="C1830" s="61">
        <v>385232434</v>
      </c>
      <c r="D1830" s="62">
        <v>20</v>
      </c>
      <c r="E1830" s="51">
        <v>202408</v>
      </c>
      <c r="F1830" s="51" t="s">
        <v>38</v>
      </c>
      <c r="G1830" s="51" t="s">
        <v>97</v>
      </c>
      <c r="H1830" s="51" t="s">
        <v>82</v>
      </c>
      <c r="I1830" s="50">
        <v>30</v>
      </c>
    </row>
    <row r="1831" spans="1:9" x14ac:dyDescent="0.35">
      <c r="A1831" s="52" t="s">
        <v>78</v>
      </c>
      <c r="B1831" s="51" t="s">
        <v>79</v>
      </c>
      <c r="C1831" s="61">
        <v>385700009</v>
      </c>
      <c r="D1831" s="62">
        <v>20</v>
      </c>
      <c r="E1831" s="51">
        <v>202408</v>
      </c>
      <c r="F1831" s="51" t="s">
        <v>38</v>
      </c>
      <c r="G1831" s="51" t="s">
        <v>97</v>
      </c>
      <c r="H1831" s="51" t="s">
        <v>82</v>
      </c>
      <c r="I1831" s="50">
        <v>4.7</v>
      </c>
    </row>
    <row r="1832" spans="1:9" x14ac:dyDescent="0.35">
      <c r="A1832" s="52" t="s">
        <v>78</v>
      </c>
      <c r="B1832" s="51" t="s">
        <v>79</v>
      </c>
      <c r="C1832" s="61">
        <v>385860430</v>
      </c>
      <c r="D1832" s="62">
        <v>20</v>
      </c>
      <c r="E1832" s="51">
        <v>202408</v>
      </c>
      <c r="F1832" s="51" t="s">
        <v>38</v>
      </c>
      <c r="G1832" s="51" t="s">
        <v>97</v>
      </c>
      <c r="H1832" s="51" t="s">
        <v>82</v>
      </c>
      <c r="I1832" s="50">
        <v>4.7</v>
      </c>
    </row>
    <row r="1833" spans="1:9" x14ac:dyDescent="0.35">
      <c r="A1833" s="52" t="s">
        <v>78</v>
      </c>
      <c r="B1833" s="51" t="s">
        <v>79</v>
      </c>
      <c r="C1833" s="61">
        <v>387691700</v>
      </c>
      <c r="D1833" s="62">
        <v>20</v>
      </c>
      <c r="E1833" s="51">
        <v>202408</v>
      </c>
      <c r="F1833" s="51" t="s">
        <v>38</v>
      </c>
      <c r="G1833" s="51" t="s">
        <v>97</v>
      </c>
      <c r="H1833" s="51" t="s">
        <v>82</v>
      </c>
      <c r="I1833" s="50">
        <v>4.7</v>
      </c>
    </row>
    <row r="1834" spans="1:9" x14ac:dyDescent="0.35">
      <c r="A1834" s="52" t="s">
        <v>78</v>
      </c>
      <c r="B1834" s="51" t="s">
        <v>79</v>
      </c>
      <c r="C1834" s="61">
        <v>389000835</v>
      </c>
      <c r="D1834" s="62">
        <v>20</v>
      </c>
      <c r="E1834" s="51">
        <v>202408</v>
      </c>
      <c r="F1834" s="51" t="s">
        <v>38</v>
      </c>
      <c r="G1834" s="51" t="s">
        <v>97</v>
      </c>
      <c r="H1834" s="51" t="s">
        <v>82</v>
      </c>
      <c r="I1834" s="50">
        <v>4.7</v>
      </c>
    </row>
    <row r="1835" spans="1:9" x14ac:dyDescent="0.35">
      <c r="A1835" s="52" t="s">
        <v>78</v>
      </c>
      <c r="B1835" s="51" t="s">
        <v>79</v>
      </c>
      <c r="C1835" s="61">
        <v>389013362</v>
      </c>
      <c r="D1835" s="62">
        <v>20</v>
      </c>
      <c r="E1835" s="51">
        <v>202408</v>
      </c>
      <c r="F1835" s="51" t="s">
        <v>38</v>
      </c>
      <c r="G1835" s="51" t="s">
        <v>97</v>
      </c>
      <c r="H1835" s="51" t="s">
        <v>82</v>
      </c>
      <c r="I1835" s="50">
        <v>30</v>
      </c>
    </row>
    <row r="1836" spans="1:9" x14ac:dyDescent="0.35">
      <c r="A1836" s="52" t="s">
        <v>78</v>
      </c>
      <c r="B1836" s="51" t="s">
        <v>79</v>
      </c>
      <c r="C1836" s="61">
        <v>389228450</v>
      </c>
      <c r="D1836" s="62">
        <v>20</v>
      </c>
      <c r="E1836" s="51">
        <v>202408</v>
      </c>
      <c r="F1836" s="51" t="s">
        <v>38</v>
      </c>
      <c r="G1836" s="51" t="s">
        <v>97</v>
      </c>
      <c r="H1836" s="51" t="s">
        <v>82</v>
      </c>
      <c r="I1836" s="50">
        <v>4.7</v>
      </c>
    </row>
    <row r="1837" spans="1:9" x14ac:dyDescent="0.35">
      <c r="A1837" s="52" t="s">
        <v>78</v>
      </c>
      <c r="B1837" s="51" t="s">
        <v>79</v>
      </c>
      <c r="C1837" s="61">
        <v>389300504</v>
      </c>
      <c r="D1837" s="62">
        <v>20</v>
      </c>
      <c r="E1837" s="51">
        <v>202408</v>
      </c>
      <c r="F1837" s="51" t="s">
        <v>38</v>
      </c>
      <c r="G1837" s="51" t="s">
        <v>97</v>
      </c>
      <c r="H1837" s="51" t="s">
        <v>82</v>
      </c>
      <c r="I1837" s="50">
        <v>4.7</v>
      </c>
    </row>
    <row r="1838" spans="1:9" x14ac:dyDescent="0.35">
      <c r="A1838" s="52" t="s">
        <v>78</v>
      </c>
      <c r="B1838" s="51" t="s">
        <v>79</v>
      </c>
      <c r="C1838" s="61">
        <v>389451060</v>
      </c>
      <c r="D1838" s="62">
        <v>20</v>
      </c>
      <c r="E1838" s="51">
        <v>202408</v>
      </c>
      <c r="F1838" s="51" t="s">
        <v>38</v>
      </c>
      <c r="G1838" s="51" t="s">
        <v>97</v>
      </c>
      <c r="H1838" s="51" t="s">
        <v>82</v>
      </c>
      <c r="I1838" s="50">
        <v>4.7</v>
      </c>
    </row>
    <row r="1839" spans="1:9" x14ac:dyDescent="0.35">
      <c r="A1839" s="52" t="s">
        <v>78</v>
      </c>
      <c r="B1839" s="51" t="s">
        <v>79</v>
      </c>
      <c r="C1839" s="61">
        <v>391704941</v>
      </c>
      <c r="D1839" s="62">
        <v>20</v>
      </c>
      <c r="E1839" s="51">
        <v>202408</v>
      </c>
      <c r="F1839" s="51" t="s">
        <v>38</v>
      </c>
      <c r="G1839" s="51" t="s">
        <v>97</v>
      </c>
      <c r="H1839" s="51" t="s">
        <v>82</v>
      </c>
      <c r="I1839" s="50">
        <v>95</v>
      </c>
    </row>
    <row r="1840" spans="1:9" x14ac:dyDescent="0.35">
      <c r="A1840" s="52" t="s">
        <v>78</v>
      </c>
      <c r="B1840" s="51" t="s">
        <v>79</v>
      </c>
      <c r="C1840" s="61">
        <v>392800559</v>
      </c>
      <c r="D1840" s="62">
        <v>20</v>
      </c>
      <c r="E1840" s="51">
        <v>202408</v>
      </c>
      <c r="F1840" s="51" t="s">
        <v>38</v>
      </c>
      <c r="G1840" s="51" t="s">
        <v>97</v>
      </c>
      <c r="H1840" s="51" t="s">
        <v>82</v>
      </c>
      <c r="I1840" s="50">
        <v>4.7</v>
      </c>
    </row>
    <row r="1841" spans="1:9" x14ac:dyDescent="0.35">
      <c r="A1841" s="52" t="s">
        <v>78</v>
      </c>
      <c r="B1841" s="51" t="s">
        <v>79</v>
      </c>
      <c r="C1841" s="61">
        <v>394344560</v>
      </c>
      <c r="D1841" s="62">
        <v>20</v>
      </c>
      <c r="E1841" s="51">
        <v>202408</v>
      </c>
      <c r="F1841" s="51" t="s">
        <v>38</v>
      </c>
      <c r="G1841" s="51" t="s">
        <v>97</v>
      </c>
      <c r="H1841" s="51" t="s">
        <v>82</v>
      </c>
      <c r="I1841" s="50">
        <v>4.7</v>
      </c>
    </row>
    <row r="1842" spans="1:9" x14ac:dyDescent="0.35">
      <c r="A1842" s="52" t="s">
        <v>78</v>
      </c>
      <c r="B1842" s="51" t="s">
        <v>79</v>
      </c>
      <c r="C1842" s="61">
        <v>395831581</v>
      </c>
      <c r="D1842" s="62">
        <v>20</v>
      </c>
      <c r="E1842" s="51">
        <v>202408</v>
      </c>
      <c r="F1842" s="51" t="s">
        <v>38</v>
      </c>
      <c r="G1842" s="51" t="s">
        <v>97</v>
      </c>
      <c r="H1842" s="51" t="s">
        <v>82</v>
      </c>
      <c r="I1842" s="50">
        <v>4.7</v>
      </c>
    </row>
    <row r="1843" spans="1:9" x14ac:dyDescent="0.35">
      <c r="A1843" s="52" t="s">
        <v>78</v>
      </c>
      <c r="B1843" s="51" t="s">
        <v>79</v>
      </c>
      <c r="C1843" s="61">
        <v>396001640</v>
      </c>
      <c r="D1843" s="62">
        <v>20</v>
      </c>
      <c r="E1843" s="51">
        <v>202408</v>
      </c>
      <c r="F1843" s="51" t="s">
        <v>38</v>
      </c>
      <c r="G1843" s="51" t="s">
        <v>97</v>
      </c>
      <c r="H1843" s="51" t="s">
        <v>82</v>
      </c>
      <c r="I1843" s="50">
        <v>4.7</v>
      </c>
    </row>
    <row r="1844" spans="1:9" x14ac:dyDescent="0.35">
      <c r="A1844" s="52" t="s">
        <v>78</v>
      </c>
      <c r="B1844" s="51" t="s">
        <v>79</v>
      </c>
      <c r="C1844" s="61">
        <v>397944739</v>
      </c>
      <c r="D1844" s="62">
        <v>20</v>
      </c>
      <c r="E1844" s="51">
        <v>202408</v>
      </c>
      <c r="F1844" s="51" t="s">
        <v>38</v>
      </c>
      <c r="G1844" s="51" t="s">
        <v>97</v>
      </c>
      <c r="H1844" s="51" t="s">
        <v>82</v>
      </c>
      <c r="I1844" s="50">
        <v>4.7</v>
      </c>
    </row>
    <row r="1845" spans="1:9" x14ac:dyDescent="0.35">
      <c r="A1845" s="52" t="s">
        <v>78</v>
      </c>
      <c r="B1845" s="51" t="s">
        <v>79</v>
      </c>
      <c r="C1845" s="61">
        <v>399321713</v>
      </c>
      <c r="D1845" s="62">
        <v>20</v>
      </c>
      <c r="E1845" s="51">
        <v>202408</v>
      </c>
      <c r="F1845" s="51" t="s">
        <v>38</v>
      </c>
      <c r="G1845" s="51" t="s">
        <v>97</v>
      </c>
      <c r="H1845" s="51" t="s">
        <v>82</v>
      </c>
      <c r="I1845" s="50">
        <v>4.7</v>
      </c>
    </row>
    <row r="1846" spans="1:9" x14ac:dyDescent="0.35">
      <c r="A1846" s="52" t="s">
        <v>78</v>
      </c>
      <c r="B1846" s="51" t="s">
        <v>79</v>
      </c>
      <c r="C1846" s="61">
        <v>307847750</v>
      </c>
      <c r="D1846" s="62">
        <v>211</v>
      </c>
      <c r="E1846" s="51">
        <v>202408</v>
      </c>
      <c r="F1846" s="51" t="s">
        <v>38</v>
      </c>
      <c r="G1846" s="51" t="s">
        <v>97</v>
      </c>
      <c r="H1846" s="51" t="s">
        <v>82</v>
      </c>
      <c r="I1846" s="50">
        <v>30</v>
      </c>
    </row>
    <row r="1847" spans="1:9" x14ac:dyDescent="0.35">
      <c r="A1847" s="52" t="s">
        <v>78</v>
      </c>
      <c r="B1847" s="51" t="s">
        <v>79</v>
      </c>
      <c r="C1847" s="61">
        <v>310302363</v>
      </c>
      <c r="D1847" s="62">
        <v>211</v>
      </c>
      <c r="E1847" s="51">
        <v>202408</v>
      </c>
      <c r="F1847" s="51" t="s">
        <v>38</v>
      </c>
      <c r="G1847" s="51" t="s">
        <v>97</v>
      </c>
      <c r="H1847" s="51" t="s">
        <v>82</v>
      </c>
      <c r="I1847" s="50">
        <v>4.7</v>
      </c>
    </row>
    <row r="1848" spans="1:9" x14ac:dyDescent="0.35">
      <c r="A1848" s="52" t="s">
        <v>78</v>
      </c>
      <c r="B1848" s="51" t="s">
        <v>79</v>
      </c>
      <c r="C1848" s="61">
        <v>320124474</v>
      </c>
      <c r="D1848" s="62">
        <v>211</v>
      </c>
      <c r="E1848" s="51">
        <v>202408</v>
      </c>
      <c r="F1848" s="51" t="s">
        <v>38</v>
      </c>
      <c r="G1848" s="51" t="s">
        <v>97</v>
      </c>
      <c r="H1848" s="51" t="s">
        <v>82</v>
      </c>
      <c r="I1848" s="50">
        <v>4.7</v>
      </c>
    </row>
    <row r="1849" spans="1:9" x14ac:dyDescent="0.35">
      <c r="A1849" s="52" t="s">
        <v>78</v>
      </c>
      <c r="B1849" s="51" t="s">
        <v>79</v>
      </c>
      <c r="C1849" s="61">
        <v>323802942</v>
      </c>
      <c r="D1849" s="62">
        <v>211</v>
      </c>
      <c r="E1849" s="51">
        <v>202408</v>
      </c>
      <c r="F1849" s="51" t="s">
        <v>38</v>
      </c>
      <c r="G1849" s="51" t="s">
        <v>97</v>
      </c>
      <c r="H1849" s="51" t="s">
        <v>82</v>
      </c>
      <c r="I1849" s="50">
        <v>4.7</v>
      </c>
    </row>
    <row r="1850" spans="1:9" x14ac:dyDescent="0.35">
      <c r="A1850" s="52" t="s">
        <v>78</v>
      </c>
      <c r="B1850" s="51" t="s">
        <v>79</v>
      </c>
      <c r="C1850" s="61">
        <v>331604830</v>
      </c>
      <c r="D1850" s="62">
        <v>211</v>
      </c>
      <c r="E1850" s="51">
        <v>202408</v>
      </c>
      <c r="F1850" s="51" t="s">
        <v>38</v>
      </c>
      <c r="G1850" s="51" t="s">
        <v>97</v>
      </c>
      <c r="H1850" s="51" t="s">
        <v>82</v>
      </c>
      <c r="I1850" s="50">
        <v>4.7</v>
      </c>
    </row>
    <row r="1851" spans="1:9" x14ac:dyDescent="0.35">
      <c r="A1851" s="52" t="s">
        <v>78</v>
      </c>
      <c r="B1851" s="51" t="s">
        <v>79</v>
      </c>
      <c r="C1851" s="61">
        <v>332429350</v>
      </c>
      <c r="D1851" s="62">
        <v>211</v>
      </c>
      <c r="E1851" s="51">
        <v>202408</v>
      </c>
      <c r="F1851" s="51" t="s">
        <v>38</v>
      </c>
      <c r="G1851" s="51" t="s">
        <v>97</v>
      </c>
      <c r="H1851" s="51" t="s">
        <v>82</v>
      </c>
      <c r="I1851" s="50">
        <v>4.7</v>
      </c>
    </row>
    <row r="1852" spans="1:9" x14ac:dyDescent="0.35">
      <c r="A1852" s="52" t="s">
        <v>78</v>
      </c>
      <c r="B1852" s="51" t="s">
        <v>79</v>
      </c>
      <c r="C1852" s="61">
        <v>335114468</v>
      </c>
      <c r="D1852" s="62">
        <v>211</v>
      </c>
      <c r="E1852" s="51">
        <v>202408</v>
      </c>
      <c r="F1852" s="51" t="s">
        <v>38</v>
      </c>
      <c r="G1852" s="51" t="s">
        <v>97</v>
      </c>
      <c r="H1852" s="51" t="s">
        <v>82</v>
      </c>
      <c r="I1852" s="50">
        <v>4.7</v>
      </c>
    </row>
    <row r="1853" spans="1:9" x14ac:dyDescent="0.35">
      <c r="A1853" s="52" t="s">
        <v>78</v>
      </c>
      <c r="B1853" s="51" t="s">
        <v>79</v>
      </c>
      <c r="C1853" s="61">
        <v>338471662</v>
      </c>
      <c r="D1853" s="62">
        <v>211</v>
      </c>
      <c r="E1853" s="51">
        <v>202408</v>
      </c>
      <c r="F1853" s="51" t="s">
        <v>38</v>
      </c>
      <c r="G1853" s="51" t="s">
        <v>97</v>
      </c>
      <c r="H1853" s="51" t="s">
        <v>82</v>
      </c>
      <c r="I1853" s="50">
        <v>4.7</v>
      </c>
    </row>
    <row r="1854" spans="1:9" x14ac:dyDescent="0.35">
      <c r="A1854" s="52" t="s">
        <v>78</v>
      </c>
      <c r="B1854" s="51" t="s">
        <v>79</v>
      </c>
      <c r="C1854" s="61">
        <v>347702325</v>
      </c>
      <c r="D1854" s="62">
        <v>211</v>
      </c>
      <c r="E1854" s="51">
        <v>202408</v>
      </c>
      <c r="F1854" s="51" t="s">
        <v>38</v>
      </c>
      <c r="G1854" s="51" t="s">
        <v>97</v>
      </c>
      <c r="H1854" s="51" t="s">
        <v>82</v>
      </c>
      <c r="I1854" s="50">
        <v>4.7</v>
      </c>
    </row>
    <row r="1855" spans="1:9" x14ac:dyDescent="0.35">
      <c r="A1855" s="52" t="s">
        <v>78</v>
      </c>
      <c r="B1855" s="51" t="s">
        <v>79</v>
      </c>
      <c r="C1855" s="61">
        <v>361701016</v>
      </c>
      <c r="D1855" s="62">
        <v>211</v>
      </c>
      <c r="E1855" s="51">
        <v>202408</v>
      </c>
      <c r="F1855" s="51" t="s">
        <v>38</v>
      </c>
      <c r="G1855" s="51" t="s">
        <v>97</v>
      </c>
      <c r="H1855" s="51" t="s">
        <v>82</v>
      </c>
      <c r="I1855" s="50">
        <v>4.7</v>
      </c>
    </row>
    <row r="1856" spans="1:9" x14ac:dyDescent="0.35">
      <c r="A1856" s="52" t="s">
        <v>78</v>
      </c>
      <c r="B1856" s="51" t="s">
        <v>79</v>
      </c>
      <c r="C1856" s="61">
        <v>369070260</v>
      </c>
      <c r="D1856" s="62">
        <v>211</v>
      </c>
      <c r="E1856" s="51">
        <v>202408</v>
      </c>
      <c r="F1856" s="51" t="s">
        <v>38</v>
      </c>
      <c r="G1856" s="51" t="s">
        <v>97</v>
      </c>
      <c r="H1856" s="51" t="s">
        <v>82</v>
      </c>
      <c r="I1856" s="50">
        <v>95</v>
      </c>
    </row>
    <row r="1857" spans="1:9" x14ac:dyDescent="0.35">
      <c r="A1857" s="52" t="s">
        <v>78</v>
      </c>
      <c r="B1857" s="51" t="s">
        <v>79</v>
      </c>
      <c r="C1857" s="61">
        <v>373000217</v>
      </c>
      <c r="D1857" s="62">
        <v>211</v>
      </c>
      <c r="E1857" s="51">
        <v>202408</v>
      </c>
      <c r="F1857" s="51" t="s">
        <v>38</v>
      </c>
      <c r="G1857" s="51" t="s">
        <v>97</v>
      </c>
      <c r="H1857" s="51" t="s">
        <v>82</v>
      </c>
      <c r="I1857" s="50">
        <v>4.7</v>
      </c>
    </row>
    <row r="1858" spans="1:9" x14ac:dyDescent="0.35">
      <c r="A1858" s="52" t="s">
        <v>78</v>
      </c>
      <c r="B1858" s="51" t="s">
        <v>79</v>
      </c>
      <c r="C1858" s="61">
        <v>373102683</v>
      </c>
      <c r="D1858" s="62">
        <v>211</v>
      </c>
      <c r="E1858" s="51">
        <v>202408</v>
      </c>
      <c r="F1858" s="51" t="s">
        <v>38</v>
      </c>
      <c r="G1858" s="51" t="s">
        <v>97</v>
      </c>
      <c r="H1858" s="51" t="s">
        <v>82</v>
      </c>
      <c r="I1858" s="50">
        <v>4.7</v>
      </c>
    </row>
    <row r="1859" spans="1:9" x14ac:dyDescent="0.35">
      <c r="A1859" s="52" t="s">
        <v>78</v>
      </c>
      <c r="B1859" s="51" t="s">
        <v>79</v>
      </c>
      <c r="C1859" s="61">
        <v>383644051</v>
      </c>
      <c r="D1859" s="62">
        <v>211</v>
      </c>
      <c r="E1859" s="51">
        <v>202408</v>
      </c>
      <c r="F1859" s="51" t="s">
        <v>38</v>
      </c>
      <c r="G1859" s="51" t="s">
        <v>97</v>
      </c>
      <c r="H1859" s="51" t="s">
        <v>82</v>
      </c>
      <c r="I1859" s="50">
        <v>4.7</v>
      </c>
    </row>
    <row r="1860" spans="1:9" x14ac:dyDescent="0.35">
      <c r="A1860" s="52" t="s">
        <v>78</v>
      </c>
      <c r="B1860" s="51" t="s">
        <v>79</v>
      </c>
      <c r="C1860" s="61">
        <v>396402541</v>
      </c>
      <c r="D1860" s="62">
        <v>211</v>
      </c>
      <c r="E1860" s="51">
        <v>202408</v>
      </c>
      <c r="F1860" s="51" t="s">
        <v>38</v>
      </c>
      <c r="G1860" s="51" t="s">
        <v>97</v>
      </c>
      <c r="H1860" s="51" t="s">
        <v>82</v>
      </c>
      <c r="I1860" s="50">
        <v>4.7</v>
      </c>
    </row>
    <row r="1861" spans="1:9" x14ac:dyDescent="0.35">
      <c r="A1861" s="52" t="s">
        <v>78</v>
      </c>
      <c r="B1861" s="51" t="s">
        <v>79</v>
      </c>
      <c r="C1861" s="61">
        <v>337503184</v>
      </c>
      <c r="D1861" s="62">
        <v>212</v>
      </c>
      <c r="E1861" s="51">
        <v>202408</v>
      </c>
      <c r="F1861" s="51" t="s">
        <v>38</v>
      </c>
      <c r="G1861" s="51" t="s">
        <v>97</v>
      </c>
      <c r="H1861" s="51" t="s">
        <v>82</v>
      </c>
      <c r="I1861" s="50">
        <v>4.7</v>
      </c>
    </row>
    <row r="1862" spans="1:9" x14ac:dyDescent="0.35">
      <c r="A1862" s="52" t="s">
        <v>78</v>
      </c>
      <c r="B1862" s="51" t="s">
        <v>79</v>
      </c>
      <c r="C1862" s="61">
        <v>363899281</v>
      </c>
      <c r="D1862" s="62">
        <v>212</v>
      </c>
      <c r="E1862" s="51">
        <v>202408</v>
      </c>
      <c r="F1862" s="51" t="s">
        <v>38</v>
      </c>
      <c r="G1862" s="51" t="s">
        <v>97</v>
      </c>
      <c r="H1862" s="51" t="s">
        <v>82</v>
      </c>
      <c r="I1862" s="50">
        <v>4.7</v>
      </c>
    </row>
    <row r="1863" spans="1:9" x14ac:dyDescent="0.35">
      <c r="A1863" s="52" t="s">
        <v>78</v>
      </c>
      <c r="B1863" s="51" t="s">
        <v>79</v>
      </c>
      <c r="C1863" s="61">
        <v>309402401</v>
      </c>
      <c r="D1863" s="62">
        <v>221</v>
      </c>
      <c r="E1863" s="51">
        <v>202408</v>
      </c>
      <c r="F1863" s="51" t="s">
        <v>38</v>
      </c>
      <c r="G1863" s="51" t="s">
        <v>97</v>
      </c>
      <c r="H1863" s="51" t="s">
        <v>82</v>
      </c>
      <c r="I1863" s="50">
        <v>4.7</v>
      </c>
    </row>
    <row r="1864" spans="1:9" x14ac:dyDescent="0.35">
      <c r="A1864" s="52" t="s">
        <v>78</v>
      </c>
      <c r="B1864" s="51" t="s">
        <v>79</v>
      </c>
      <c r="C1864" s="61">
        <v>302702285</v>
      </c>
      <c r="D1864" s="62">
        <v>10</v>
      </c>
      <c r="E1864" s="51">
        <v>202409</v>
      </c>
      <c r="F1864" s="51" t="s">
        <v>38</v>
      </c>
      <c r="G1864" s="51" t="s">
        <v>97</v>
      </c>
      <c r="H1864" s="51" t="s">
        <v>82</v>
      </c>
      <c r="I1864" s="50">
        <v>4.7</v>
      </c>
    </row>
    <row r="1865" spans="1:9" x14ac:dyDescent="0.35">
      <c r="A1865" s="52" t="s">
        <v>78</v>
      </c>
      <c r="B1865" s="51" t="s">
        <v>79</v>
      </c>
      <c r="C1865" s="61">
        <v>303705360</v>
      </c>
      <c r="D1865" s="62">
        <v>10</v>
      </c>
      <c r="E1865" s="51">
        <v>202409</v>
      </c>
      <c r="F1865" s="51" t="s">
        <v>38</v>
      </c>
      <c r="G1865" s="51" t="s">
        <v>97</v>
      </c>
      <c r="H1865" s="51" t="s">
        <v>82</v>
      </c>
      <c r="I1865" s="50">
        <v>95</v>
      </c>
    </row>
    <row r="1866" spans="1:9" x14ac:dyDescent="0.35">
      <c r="A1866" s="52" t="s">
        <v>78</v>
      </c>
      <c r="B1866" s="51" t="s">
        <v>79</v>
      </c>
      <c r="C1866" s="61">
        <v>304131713</v>
      </c>
      <c r="D1866" s="62">
        <v>10</v>
      </c>
      <c r="E1866" s="51">
        <v>202409</v>
      </c>
      <c r="F1866" s="51" t="s">
        <v>38</v>
      </c>
      <c r="G1866" s="51" t="s">
        <v>97</v>
      </c>
      <c r="H1866" s="51" t="s">
        <v>82</v>
      </c>
      <c r="I1866" s="50">
        <v>4.7</v>
      </c>
    </row>
    <row r="1867" spans="1:9" x14ac:dyDescent="0.35">
      <c r="A1867" s="52" t="s">
        <v>78</v>
      </c>
      <c r="B1867" s="51" t="s">
        <v>79</v>
      </c>
      <c r="C1867" s="61">
        <v>304202431</v>
      </c>
      <c r="D1867" s="62">
        <v>10</v>
      </c>
      <c r="E1867" s="51">
        <v>202409</v>
      </c>
      <c r="F1867" s="51" t="s">
        <v>38</v>
      </c>
      <c r="G1867" s="51" t="s">
        <v>97</v>
      </c>
      <c r="H1867" s="51" t="s">
        <v>82</v>
      </c>
      <c r="I1867" s="50">
        <v>4.7</v>
      </c>
    </row>
    <row r="1868" spans="1:9" x14ac:dyDescent="0.35">
      <c r="A1868" s="52" t="s">
        <v>78</v>
      </c>
      <c r="B1868" s="51" t="s">
        <v>79</v>
      </c>
      <c r="C1868" s="61">
        <v>304301880</v>
      </c>
      <c r="D1868" s="62">
        <v>10</v>
      </c>
      <c r="E1868" s="51">
        <v>202409</v>
      </c>
      <c r="F1868" s="51" t="s">
        <v>38</v>
      </c>
      <c r="G1868" s="51" t="s">
        <v>97</v>
      </c>
      <c r="H1868" s="51" t="s">
        <v>82</v>
      </c>
      <c r="I1868" s="50">
        <v>4.7</v>
      </c>
    </row>
    <row r="1869" spans="1:9" x14ac:dyDescent="0.35">
      <c r="A1869" s="52" t="s">
        <v>78</v>
      </c>
      <c r="B1869" s="51" t="s">
        <v>79</v>
      </c>
      <c r="C1869" s="61">
        <v>305903162</v>
      </c>
      <c r="D1869" s="62">
        <v>10</v>
      </c>
      <c r="E1869" s="51">
        <v>202409</v>
      </c>
      <c r="F1869" s="51" t="s">
        <v>38</v>
      </c>
      <c r="G1869" s="51" t="s">
        <v>97</v>
      </c>
      <c r="H1869" s="51" t="s">
        <v>82</v>
      </c>
      <c r="I1869" s="50">
        <v>4.7</v>
      </c>
    </row>
    <row r="1870" spans="1:9" x14ac:dyDescent="0.35">
      <c r="A1870" s="52" t="s">
        <v>78</v>
      </c>
      <c r="B1870" s="51" t="s">
        <v>79</v>
      </c>
      <c r="C1870" s="61">
        <v>306400866</v>
      </c>
      <c r="D1870" s="62">
        <v>10</v>
      </c>
      <c r="E1870" s="51">
        <v>202409</v>
      </c>
      <c r="F1870" s="51" t="s">
        <v>38</v>
      </c>
      <c r="G1870" s="51" t="s">
        <v>97</v>
      </c>
      <c r="H1870" s="51" t="s">
        <v>82</v>
      </c>
      <c r="I1870" s="50">
        <v>4.7</v>
      </c>
    </row>
    <row r="1871" spans="1:9" x14ac:dyDescent="0.35">
      <c r="A1871" s="52" t="s">
        <v>78</v>
      </c>
      <c r="B1871" s="51" t="s">
        <v>79</v>
      </c>
      <c r="C1871" s="61">
        <v>308184381</v>
      </c>
      <c r="D1871" s="62">
        <v>10</v>
      </c>
      <c r="E1871" s="51">
        <v>202409</v>
      </c>
      <c r="F1871" s="51" t="s">
        <v>38</v>
      </c>
      <c r="G1871" s="51" t="s">
        <v>97</v>
      </c>
      <c r="H1871" s="51" t="s">
        <v>82</v>
      </c>
      <c r="I1871" s="50">
        <v>4.7</v>
      </c>
    </row>
    <row r="1872" spans="1:9" x14ac:dyDescent="0.35">
      <c r="A1872" s="52" t="s">
        <v>78</v>
      </c>
      <c r="B1872" s="51" t="s">
        <v>79</v>
      </c>
      <c r="C1872" s="61">
        <v>310400027</v>
      </c>
      <c r="D1872" s="62">
        <v>10</v>
      </c>
      <c r="E1872" s="51">
        <v>202409</v>
      </c>
      <c r="F1872" s="51" t="s">
        <v>38</v>
      </c>
      <c r="G1872" s="51" t="s">
        <v>97</v>
      </c>
      <c r="H1872" s="51" t="s">
        <v>82</v>
      </c>
      <c r="I1872" s="50">
        <v>95</v>
      </c>
    </row>
    <row r="1873" spans="1:9" x14ac:dyDescent="0.35">
      <c r="A1873" s="52" t="s">
        <v>78</v>
      </c>
      <c r="B1873" s="51" t="s">
        <v>79</v>
      </c>
      <c r="C1873" s="61">
        <v>310803710</v>
      </c>
      <c r="D1873" s="62">
        <v>10</v>
      </c>
      <c r="E1873" s="51">
        <v>202409</v>
      </c>
      <c r="F1873" s="51" t="s">
        <v>38</v>
      </c>
      <c r="G1873" s="51" t="s">
        <v>97</v>
      </c>
      <c r="H1873" s="51" t="s">
        <v>82</v>
      </c>
      <c r="I1873" s="50">
        <v>30</v>
      </c>
    </row>
    <row r="1874" spans="1:9" x14ac:dyDescent="0.35">
      <c r="A1874" s="52" t="s">
        <v>78</v>
      </c>
      <c r="B1874" s="51" t="s">
        <v>79</v>
      </c>
      <c r="C1874" s="61">
        <v>311200904</v>
      </c>
      <c r="D1874" s="62">
        <v>10</v>
      </c>
      <c r="E1874" s="51">
        <v>202409</v>
      </c>
      <c r="F1874" s="51" t="s">
        <v>38</v>
      </c>
      <c r="G1874" s="51" t="s">
        <v>97</v>
      </c>
      <c r="H1874" s="51" t="s">
        <v>82</v>
      </c>
      <c r="I1874" s="50">
        <v>4.7</v>
      </c>
    </row>
    <row r="1875" spans="1:9" x14ac:dyDescent="0.35">
      <c r="A1875" s="52" t="s">
        <v>78</v>
      </c>
      <c r="B1875" s="51" t="s">
        <v>79</v>
      </c>
      <c r="C1875" s="61">
        <v>312201001</v>
      </c>
      <c r="D1875" s="62">
        <v>10</v>
      </c>
      <c r="E1875" s="51">
        <v>202409</v>
      </c>
      <c r="F1875" s="51" t="s">
        <v>38</v>
      </c>
      <c r="G1875" s="51" t="s">
        <v>97</v>
      </c>
      <c r="H1875" s="51" t="s">
        <v>82</v>
      </c>
      <c r="I1875" s="50">
        <v>30</v>
      </c>
    </row>
    <row r="1876" spans="1:9" x14ac:dyDescent="0.35">
      <c r="A1876" s="52" t="s">
        <v>78</v>
      </c>
      <c r="B1876" s="51" t="s">
        <v>79</v>
      </c>
      <c r="C1876" s="61">
        <v>313703101</v>
      </c>
      <c r="D1876" s="62">
        <v>10</v>
      </c>
      <c r="E1876" s="51">
        <v>202409</v>
      </c>
      <c r="F1876" s="51" t="s">
        <v>38</v>
      </c>
      <c r="G1876" s="51" t="s">
        <v>97</v>
      </c>
      <c r="H1876" s="51" t="s">
        <v>82</v>
      </c>
      <c r="I1876" s="50">
        <v>4.7</v>
      </c>
    </row>
    <row r="1877" spans="1:9" x14ac:dyDescent="0.35">
      <c r="A1877" s="52" t="s">
        <v>78</v>
      </c>
      <c r="B1877" s="51" t="s">
        <v>79</v>
      </c>
      <c r="C1877" s="61">
        <v>315703594</v>
      </c>
      <c r="D1877" s="62">
        <v>10</v>
      </c>
      <c r="E1877" s="51">
        <v>202409</v>
      </c>
      <c r="F1877" s="51" t="s">
        <v>38</v>
      </c>
      <c r="G1877" s="51" t="s">
        <v>97</v>
      </c>
      <c r="H1877" s="51" t="s">
        <v>82</v>
      </c>
      <c r="I1877" s="50">
        <v>4.7</v>
      </c>
    </row>
    <row r="1878" spans="1:9" x14ac:dyDescent="0.35">
      <c r="A1878" s="52" t="s">
        <v>78</v>
      </c>
      <c r="B1878" s="51" t="s">
        <v>79</v>
      </c>
      <c r="C1878" s="61">
        <v>315803614</v>
      </c>
      <c r="D1878" s="62">
        <v>10</v>
      </c>
      <c r="E1878" s="51">
        <v>202409</v>
      </c>
      <c r="F1878" s="51" t="s">
        <v>38</v>
      </c>
      <c r="G1878" s="51" t="s">
        <v>97</v>
      </c>
      <c r="H1878" s="51" t="s">
        <v>82</v>
      </c>
      <c r="I1878" s="50">
        <v>4.7</v>
      </c>
    </row>
    <row r="1879" spans="1:9" x14ac:dyDescent="0.35">
      <c r="A1879" s="52" t="s">
        <v>78</v>
      </c>
      <c r="B1879" s="51" t="s">
        <v>79</v>
      </c>
      <c r="C1879" s="61">
        <v>316200976</v>
      </c>
      <c r="D1879" s="62">
        <v>10</v>
      </c>
      <c r="E1879" s="51">
        <v>202409</v>
      </c>
      <c r="F1879" s="51" t="s">
        <v>38</v>
      </c>
      <c r="G1879" s="51" t="s">
        <v>97</v>
      </c>
      <c r="H1879" s="51" t="s">
        <v>82</v>
      </c>
      <c r="I1879" s="50">
        <v>4.7</v>
      </c>
    </row>
    <row r="1880" spans="1:9" x14ac:dyDescent="0.35">
      <c r="A1880" s="52" t="s">
        <v>78</v>
      </c>
      <c r="B1880" s="51" t="s">
        <v>79</v>
      </c>
      <c r="C1880" s="61">
        <v>317312791</v>
      </c>
      <c r="D1880" s="62">
        <v>10</v>
      </c>
      <c r="E1880" s="51">
        <v>202409</v>
      </c>
      <c r="F1880" s="51" t="s">
        <v>38</v>
      </c>
      <c r="G1880" s="51" t="s">
        <v>97</v>
      </c>
      <c r="H1880" s="51" t="s">
        <v>82</v>
      </c>
      <c r="I1880" s="50">
        <v>30</v>
      </c>
    </row>
    <row r="1881" spans="1:9" x14ac:dyDescent="0.35">
      <c r="A1881" s="52" t="s">
        <v>78</v>
      </c>
      <c r="B1881" s="51" t="s">
        <v>79</v>
      </c>
      <c r="C1881" s="61">
        <v>319402083</v>
      </c>
      <c r="D1881" s="62">
        <v>10</v>
      </c>
      <c r="E1881" s="51">
        <v>202409</v>
      </c>
      <c r="F1881" s="51" t="s">
        <v>38</v>
      </c>
      <c r="G1881" s="51" t="s">
        <v>97</v>
      </c>
      <c r="H1881" s="51" t="s">
        <v>82</v>
      </c>
      <c r="I1881" s="50">
        <v>4.7</v>
      </c>
    </row>
    <row r="1882" spans="1:9" x14ac:dyDescent="0.35">
      <c r="A1882" s="52" t="s">
        <v>78</v>
      </c>
      <c r="B1882" s="51" t="s">
        <v>79</v>
      </c>
      <c r="C1882" s="61">
        <v>322200720</v>
      </c>
      <c r="D1882" s="62">
        <v>10</v>
      </c>
      <c r="E1882" s="51">
        <v>202409</v>
      </c>
      <c r="F1882" s="51" t="s">
        <v>38</v>
      </c>
      <c r="G1882" s="51" t="s">
        <v>97</v>
      </c>
      <c r="H1882" s="51" t="s">
        <v>82</v>
      </c>
      <c r="I1882" s="50">
        <v>4.7</v>
      </c>
    </row>
    <row r="1883" spans="1:9" x14ac:dyDescent="0.35">
      <c r="A1883" s="52" t="s">
        <v>78</v>
      </c>
      <c r="B1883" s="51" t="s">
        <v>79</v>
      </c>
      <c r="C1883" s="61">
        <v>322200720</v>
      </c>
      <c r="D1883" s="62">
        <v>10</v>
      </c>
      <c r="E1883" s="51">
        <v>202409</v>
      </c>
      <c r="F1883" s="51" t="s">
        <v>38</v>
      </c>
      <c r="G1883" s="51" t="s">
        <v>97</v>
      </c>
      <c r="H1883" s="51" t="s">
        <v>82</v>
      </c>
      <c r="I1883" s="50">
        <v>4.7</v>
      </c>
    </row>
    <row r="1884" spans="1:9" x14ac:dyDescent="0.35">
      <c r="A1884" s="52" t="s">
        <v>78</v>
      </c>
      <c r="B1884" s="51" t="s">
        <v>79</v>
      </c>
      <c r="C1884" s="61">
        <v>322200720</v>
      </c>
      <c r="D1884" s="62">
        <v>10</v>
      </c>
      <c r="E1884" s="51">
        <v>202409</v>
      </c>
      <c r="F1884" s="51" t="s">
        <v>38</v>
      </c>
      <c r="G1884" s="51" t="s">
        <v>97</v>
      </c>
      <c r="H1884" s="51" t="s">
        <v>82</v>
      </c>
      <c r="I1884" s="50">
        <v>4.7</v>
      </c>
    </row>
    <row r="1885" spans="1:9" x14ac:dyDescent="0.35">
      <c r="A1885" s="52" t="s">
        <v>78</v>
      </c>
      <c r="B1885" s="51" t="s">
        <v>79</v>
      </c>
      <c r="C1885" s="61">
        <v>323400106</v>
      </c>
      <c r="D1885" s="62">
        <v>10</v>
      </c>
      <c r="E1885" s="51">
        <v>202409</v>
      </c>
      <c r="F1885" s="51" t="s">
        <v>38</v>
      </c>
      <c r="G1885" s="51" t="s">
        <v>97</v>
      </c>
      <c r="H1885" s="51" t="s">
        <v>82</v>
      </c>
      <c r="I1885" s="50">
        <v>4.7</v>
      </c>
    </row>
    <row r="1886" spans="1:9" x14ac:dyDescent="0.35">
      <c r="A1886" s="52" t="s">
        <v>78</v>
      </c>
      <c r="B1886" s="51" t="s">
        <v>79</v>
      </c>
      <c r="C1886" s="61">
        <v>327604082</v>
      </c>
      <c r="D1886" s="62">
        <v>10</v>
      </c>
      <c r="E1886" s="51">
        <v>202409</v>
      </c>
      <c r="F1886" s="51" t="s">
        <v>38</v>
      </c>
      <c r="G1886" s="51" t="s">
        <v>97</v>
      </c>
      <c r="H1886" s="51" t="s">
        <v>82</v>
      </c>
      <c r="I1886" s="50">
        <v>4.7</v>
      </c>
    </row>
    <row r="1887" spans="1:9" x14ac:dyDescent="0.35">
      <c r="A1887" s="52" t="s">
        <v>78</v>
      </c>
      <c r="B1887" s="51" t="s">
        <v>79</v>
      </c>
      <c r="C1887" s="61">
        <v>327804455</v>
      </c>
      <c r="D1887" s="62">
        <v>10</v>
      </c>
      <c r="E1887" s="51">
        <v>202409</v>
      </c>
      <c r="F1887" s="51" t="s">
        <v>38</v>
      </c>
      <c r="G1887" s="51" t="s">
        <v>97</v>
      </c>
      <c r="H1887" s="51" t="s">
        <v>82</v>
      </c>
      <c r="I1887" s="50">
        <v>4.7</v>
      </c>
    </row>
    <row r="1888" spans="1:9" x14ac:dyDescent="0.35">
      <c r="A1888" s="52" t="s">
        <v>78</v>
      </c>
      <c r="B1888" s="51" t="s">
        <v>79</v>
      </c>
      <c r="C1888" s="61">
        <v>330004304</v>
      </c>
      <c r="D1888" s="62">
        <v>10</v>
      </c>
      <c r="E1888" s="51">
        <v>202409</v>
      </c>
      <c r="F1888" s="51" t="s">
        <v>38</v>
      </c>
      <c r="G1888" s="51" t="s">
        <v>97</v>
      </c>
      <c r="H1888" s="51" t="s">
        <v>82</v>
      </c>
      <c r="I1888" s="50">
        <v>4.7</v>
      </c>
    </row>
    <row r="1889" spans="1:9" x14ac:dyDescent="0.35">
      <c r="A1889" s="52" t="s">
        <v>78</v>
      </c>
      <c r="B1889" s="51" t="s">
        <v>79</v>
      </c>
      <c r="C1889" s="61">
        <v>333704912</v>
      </c>
      <c r="D1889" s="62">
        <v>10</v>
      </c>
      <c r="E1889" s="51">
        <v>202409</v>
      </c>
      <c r="F1889" s="51" t="s">
        <v>38</v>
      </c>
      <c r="G1889" s="51" t="s">
        <v>97</v>
      </c>
      <c r="H1889" s="51" t="s">
        <v>82</v>
      </c>
      <c r="I1889" s="50">
        <v>4.7</v>
      </c>
    </row>
    <row r="1890" spans="1:9" x14ac:dyDescent="0.35">
      <c r="A1890" s="52" t="s">
        <v>78</v>
      </c>
      <c r="B1890" s="51" t="s">
        <v>79</v>
      </c>
      <c r="C1890" s="61">
        <v>334404661</v>
      </c>
      <c r="D1890" s="62">
        <v>10</v>
      </c>
      <c r="E1890" s="51">
        <v>202409</v>
      </c>
      <c r="F1890" s="51" t="s">
        <v>38</v>
      </c>
      <c r="G1890" s="51" t="s">
        <v>97</v>
      </c>
      <c r="H1890" s="51" t="s">
        <v>82</v>
      </c>
      <c r="I1890" s="50">
        <v>4.7</v>
      </c>
    </row>
    <row r="1891" spans="1:9" x14ac:dyDescent="0.35">
      <c r="A1891" s="52" t="s">
        <v>78</v>
      </c>
      <c r="B1891" s="51" t="s">
        <v>79</v>
      </c>
      <c r="C1891" s="61">
        <v>334502168</v>
      </c>
      <c r="D1891" s="62">
        <v>10</v>
      </c>
      <c r="E1891" s="51">
        <v>202409</v>
      </c>
      <c r="F1891" s="51" t="s">
        <v>38</v>
      </c>
      <c r="G1891" s="51" t="s">
        <v>97</v>
      </c>
      <c r="H1891" s="51" t="s">
        <v>82</v>
      </c>
      <c r="I1891" s="50">
        <v>30</v>
      </c>
    </row>
    <row r="1892" spans="1:9" x14ac:dyDescent="0.35">
      <c r="A1892" s="52" t="s">
        <v>78</v>
      </c>
      <c r="B1892" s="51" t="s">
        <v>79</v>
      </c>
      <c r="C1892" s="61">
        <v>337601762</v>
      </c>
      <c r="D1892" s="62">
        <v>10</v>
      </c>
      <c r="E1892" s="51">
        <v>202409</v>
      </c>
      <c r="F1892" s="51" t="s">
        <v>38</v>
      </c>
      <c r="G1892" s="51" t="s">
        <v>97</v>
      </c>
      <c r="H1892" s="51" t="s">
        <v>82</v>
      </c>
      <c r="I1892" s="50">
        <v>4.7</v>
      </c>
    </row>
    <row r="1893" spans="1:9" x14ac:dyDescent="0.35">
      <c r="A1893" s="52" t="s">
        <v>78</v>
      </c>
      <c r="B1893" s="51" t="s">
        <v>79</v>
      </c>
      <c r="C1893" s="61">
        <v>338200532</v>
      </c>
      <c r="D1893" s="62">
        <v>10</v>
      </c>
      <c r="E1893" s="51">
        <v>202409</v>
      </c>
      <c r="F1893" s="51" t="s">
        <v>38</v>
      </c>
      <c r="G1893" s="51" t="s">
        <v>97</v>
      </c>
      <c r="H1893" s="51" t="s">
        <v>82</v>
      </c>
      <c r="I1893" s="50">
        <v>4.7</v>
      </c>
    </row>
    <row r="1894" spans="1:9" x14ac:dyDescent="0.35">
      <c r="A1894" s="52" t="s">
        <v>78</v>
      </c>
      <c r="B1894" s="51" t="s">
        <v>79</v>
      </c>
      <c r="C1894" s="61">
        <v>343603358</v>
      </c>
      <c r="D1894" s="62">
        <v>10</v>
      </c>
      <c r="E1894" s="51">
        <v>202409</v>
      </c>
      <c r="F1894" s="51" t="s">
        <v>38</v>
      </c>
      <c r="G1894" s="51" t="s">
        <v>97</v>
      </c>
      <c r="H1894" s="51" t="s">
        <v>82</v>
      </c>
      <c r="I1894" s="50">
        <v>4.7</v>
      </c>
    </row>
    <row r="1895" spans="1:9" x14ac:dyDescent="0.35">
      <c r="A1895" s="52" t="s">
        <v>78</v>
      </c>
      <c r="B1895" s="51" t="s">
        <v>79</v>
      </c>
      <c r="C1895" s="61">
        <v>343702501</v>
      </c>
      <c r="D1895" s="62">
        <v>10</v>
      </c>
      <c r="E1895" s="51">
        <v>202409</v>
      </c>
      <c r="F1895" s="51" t="s">
        <v>38</v>
      </c>
      <c r="G1895" s="51" t="s">
        <v>97</v>
      </c>
      <c r="H1895" s="51" t="s">
        <v>82</v>
      </c>
      <c r="I1895" s="50">
        <v>4.7</v>
      </c>
    </row>
    <row r="1896" spans="1:9" x14ac:dyDescent="0.35">
      <c r="A1896" s="52" t="s">
        <v>78</v>
      </c>
      <c r="B1896" s="51" t="s">
        <v>79</v>
      </c>
      <c r="C1896" s="61">
        <v>344003254</v>
      </c>
      <c r="D1896" s="62">
        <v>10</v>
      </c>
      <c r="E1896" s="51">
        <v>202409</v>
      </c>
      <c r="F1896" s="51" t="s">
        <v>38</v>
      </c>
      <c r="G1896" s="51" t="s">
        <v>97</v>
      </c>
      <c r="H1896" s="51" t="s">
        <v>82</v>
      </c>
      <c r="I1896" s="50">
        <v>4.7</v>
      </c>
    </row>
    <row r="1897" spans="1:9" x14ac:dyDescent="0.35">
      <c r="A1897" s="52" t="s">
        <v>78</v>
      </c>
      <c r="B1897" s="51" t="s">
        <v>79</v>
      </c>
      <c r="C1897" s="61">
        <v>344901973</v>
      </c>
      <c r="D1897" s="62">
        <v>10</v>
      </c>
      <c r="E1897" s="51">
        <v>202409</v>
      </c>
      <c r="F1897" s="51" t="s">
        <v>38</v>
      </c>
      <c r="G1897" s="51" t="s">
        <v>97</v>
      </c>
      <c r="H1897" s="51" t="s">
        <v>82</v>
      </c>
      <c r="I1897" s="50">
        <v>95</v>
      </c>
    </row>
    <row r="1898" spans="1:9" x14ac:dyDescent="0.35">
      <c r="A1898" s="52" t="s">
        <v>78</v>
      </c>
      <c r="B1898" s="51" t="s">
        <v>79</v>
      </c>
      <c r="C1898" s="61">
        <v>347522260</v>
      </c>
      <c r="D1898" s="62">
        <v>10</v>
      </c>
      <c r="E1898" s="51">
        <v>202409</v>
      </c>
      <c r="F1898" s="51" t="s">
        <v>38</v>
      </c>
      <c r="G1898" s="51" t="s">
        <v>97</v>
      </c>
      <c r="H1898" s="51" t="s">
        <v>82</v>
      </c>
      <c r="I1898" s="50">
        <v>4.7</v>
      </c>
    </row>
    <row r="1899" spans="1:9" x14ac:dyDescent="0.35">
      <c r="A1899" s="52" t="s">
        <v>78</v>
      </c>
      <c r="B1899" s="51" t="s">
        <v>79</v>
      </c>
      <c r="C1899" s="61">
        <v>349704398</v>
      </c>
      <c r="D1899" s="62">
        <v>10</v>
      </c>
      <c r="E1899" s="51">
        <v>202409</v>
      </c>
      <c r="F1899" s="51" t="s">
        <v>38</v>
      </c>
      <c r="G1899" s="51" t="s">
        <v>97</v>
      </c>
      <c r="H1899" s="51" t="s">
        <v>82</v>
      </c>
      <c r="I1899" s="50">
        <v>4.7</v>
      </c>
    </row>
    <row r="1900" spans="1:9" x14ac:dyDescent="0.35">
      <c r="A1900" s="52" t="s">
        <v>78</v>
      </c>
      <c r="B1900" s="51" t="s">
        <v>79</v>
      </c>
      <c r="C1900" s="61">
        <v>350000673</v>
      </c>
      <c r="D1900" s="62">
        <v>10</v>
      </c>
      <c r="E1900" s="51">
        <v>202409</v>
      </c>
      <c r="F1900" s="51" t="s">
        <v>38</v>
      </c>
      <c r="G1900" s="51" t="s">
        <v>97</v>
      </c>
      <c r="H1900" s="51" t="s">
        <v>82</v>
      </c>
      <c r="I1900" s="50">
        <v>4.7</v>
      </c>
    </row>
    <row r="1901" spans="1:9" x14ac:dyDescent="0.35">
      <c r="A1901" s="52" t="s">
        <v>78</v>
      </c>
      <c r="B1901" s="51" t="s">
        <v>79</v>
      </c>
      <c r="C1901" s="61">
        <v>351000215</v>
      </c>
      <c r="D1901" s="62">
        <v>10</v>
      </c>
      <c r="E1901" s="51">
        <v>202409</v>
      </c>
      <c r="F1901" s="51" t="s">
        <v>38</v>
      </c>
      <c r="G1901" s="51" t="s">
        <v>97</v>
      </c>
      <c r="H1901" s="51" t="s">
        <v>82</v>
      </c>
      <c r="I1901" s="50">
        <v>30</v>
      </c>
    </row>
    <row r="1902" spans="1:9" x14ac:dyDescent="0.35">
      <c r="A1902" s="52" t="s">
        <v>78</v>
      </c>
      <c r="B1902" s="51" t="s">
        <v>79</v>
      </c>
      <c r="C1902" s="61">
        <v>351104431</v>
      </c>
      <c r="D1902" s="62">
        <v>10</v>
      </c>
      <c r="E1902" s="51">
        <v>202409</v>
      </c>
      <c r="F1902" s="51" t="s">
        <v>38</v>
      </c>
      <c r="G1902" s="51" t="s">
        <v>97</v>
      </c>
      <c r="H1902" s="51" t="s">
        <v>82</v>
      </c>
      <c r="I1902" s="50">
        <v>4.7</v>
      </c>
    </row>
    <row r="1903" spans="1:9" x14ac:dyDescent="0.35">
      <c r="A1903" s="52" t="s">
        <v>78</v>
      </c>
      <c r="B1903" s="51" t="s">
        <v>79</v>
      </c>
      <c r="C1903" s="61">
        <v>353101531</v>
      </c>
      <c r="D1903" s="62">
        <v>10</v>
      </c>
      <c r="E1903" s="51">
        <v>202409</v>
      </c>
      <c r="F1903" s="51" t="s">
        <v>38</v>
      </c>
      <c r="G1903" s="51" t="s">
        <v>97</v>
      </c>
      <c r="H1903" s="51" t="s">
        <v>82</v>
      </c>
      <c r="I1903" s="50">
        <v>4.7</v>
      </c>
    </row>
    <row r="1904" spans="1:9" x14ac:dyDescent="0.35">
      <c r="A1904" s="52" t="s">
        <v>78</v>
      </c>
      <c r="B1904" s="51" t="s">
        <v>79</v>
      </c>
      <c r="C1904" s="61">
        <v>353900581</v>
      </c>
      <c r="D1904" s="62">
        <v>10</v>
      </c>
      <c r="E1904" s="51">
        <v>202409</v>
      </c>
      <c r="F1904" s="51" t="s">
        <v>38</v>
      </c>
      <c r="G1904" s="51" t="s">
        <v>97</v>
      </c>
      <c r="H1904" s="51" t="s">
        <v>82</v>
      </c>
      <c r="I1904" s="50">
        <v>4.7</v>
      </c>
    </row>
    <row r="1905" spans="1:9" x14ac:dyDescent="0.35">
      <c r="A1905" s="52" t="s">
        <v>78</v>
      </c>
      <c r="B1905" s="51" t="s">
        <v>79</v>
      </c>
      <c r="C1905" s="61">
        <v>354200747</v>
      </c>
      <c r="D1905" s="62">
        <v>10</v>
      </c>
      <c r="E1905" s="51">
        <v>202409</v>
      </c>
      <c r="F1905" s="51" t="s">
        <v>38</v>
      </c>
      <c r="G1905" s="51" t="s">
        <v>97</v>
      </c>
      <c r="H1905" s="51" t="s">
        <v>82</v>
      </c>
      <c r="I1905" s="50">
        <v>4.7</v>
      </c>
    </row>
    <row r="1906" spans="1:9" x14ac:dyDescent="0.35">
      <c r="A1906" s="52" t="s">
        <v>78</v>
      </c>
      <c r="B1906" s="51" t="s">
        <v>79</v>
      </c>
      <c r="C1906" s="61">
        <v>354800404</v>
      </c>
      <c r="D1906" s="62">
        <v>10</v>
      </c>
      <c r="E1906" s="51">
        <v>202409</v>
      </c>
      <c r="F1906" s="51" t="s">
        <v>38</v>
      </c>
      <c r="G1906" s="51" t="s">
        <v>97</v>
      </c>
      <c r="H1906" s="51" t="s">
        <v>82</v>
      </c>
      <c r="I1906" s="50">
        <v>30</v>
      </c>
    </row>
    <row r="1907" spans="1:9" x14ac:dyDescent="0.35">
      <c r="A1907" s="52" t="s">
        <v>78</v>
      </c>
      <c r="B1907" s="51" t="s">
        <v>79</v>
      </c>
      <c r="C1907" s="61">
        <v>355405773</v>
      </c>
      <c r="D1907" s="62">
        <v>10</v>
      </c>
      <c r="E1907" s="51">
        <v>202409</v>
      </c>
      <c r="F1907" s="51" t="s">
        <v>38</v>
      </c>
      <c r="G1907" s="51" t="s">
        <v>97</v>
      </c>
      <c r="H1907" s="51" t="s">
        <v>82</v>
      </c>
      <c r="I1907" s="50">
        <v>4.7</v>
      </c>
    </row>
    <row r="1908" spans="1:9" x14ac:dyDescent="0.35">
      <c r="A1908" s="52" t="s">
        <v>78</v>
      </c>
      <c r="B1908" s="51" t="s">
        <v>79</v>
      </c>
      <c r="C1908" s="61">
        <v>356701351</v>
      </c>
      <c r="D1908" s="62">
        <v>10</v>
      </c>
      <c r="E1908" s="51">
        <v>202409</v>
      </c>
      <c r="F1908" s="51" t="s">
        <v>38</v>
      </c>
      <c r="G1908" s="51" t="s">
        <v>97</v>
      </c>
      <c r="H1908" s="51" t="s">
        <v>82</v>
      </c>
      <c r="I1908" s="50">
        <v>4.7</v>
      </c>
    </row>
    <row r="1909" spans="1:9" x14ac:dyDescent="0.35">
      <c r="A1909" s="52" t="s">
        <v>78</v>
      </c>
      <c r="B1909" s="51" t="s">
        <v>79</v>
      </c>
      <c r="C1909" s="61">
        <v>357300280</v>
      </c>
      <c r="D1909" s="62">
        <v>10</v>
      </c>
      <c r="E1909" s="51">
        <v>202409</v>
      </c>
      <c r="F1909" s="51" t="s">
        <v>38</v>
      </c>
      <c r="G1909" s="51" t="s">
        <v>97</v>
      </c>
      <c r="H1909" s="51" t="s">
        <v>82</v>
      </c>
      <c r="I1909" s="50">
        <v>4.7</v>
      </c>
    </row>
    <row r="1910" spans="1:9" x14ac:dyDescent="0.35">
      <c r="A1910" s="52" t="s">
        <v>78</v>
      </c>
      <c r="B1910" s="51" t="s">
        <v>79</v>
      </c>
      <c r="C1910" s="61">
        <v>359559392</v>
      </c>
      <c r="D1910" s="62">
        <v>10</v>
      </c>
      <c r="E1910" s="51">
        <v>202409</v>
      </c>
      <c r="F1910" s="51" t="s">
        <v>38</v>
      </c>
      <c r="G1910" s="51" t="s">
        <v>97</v>
      </c>
      <c r="H1910" s="51" t="s">
        <v>82</v>
      </c>
      <c r="I1910" s="50">
        <v>4.7</v>
      </c>
    </row>
    <row r="1911" spans="1:9" x14ac:dyDescent="0.35">
      <c r="A1911" s="52" t="s">
        <v>78</v>
      </c>
      <c r="B1911" s="51" t="s">
        <v>79</v>
      </c>
      <c r="C1911" s="61">
        <v>361801653</v>
      </c>
      <c r="D1911" s="62">
        <v>10</v>
      </c>
      <c r="E1911" s="51">
        <v>202409</v>
      </c>
      <c r="F1911" s="51" t="s">
        <v>38</v>
      </c>
      <c r="G1911" s="51" t="s">
        <v>97</v>
      </c>
      <c r="H1911" s="51" t="s">
        <v>82</v>
      </c>
      <c r="I1911" s="50">
        <v>4.7</v>
      </c>
    </row>
    <row r="1912" spans="1:9" x14ac:dyDescent="0.35">
      <c r="A1912" s="52" t="s">
        <v>78</v>
      </c>
      <c r="B1912" s="51" t="s">
        <v>79</v>
      </c>
      <c r="C1912" s="61">
        <v>365180244</v>
      </c>
      <c r="D1912" s="62">
        <v>10</v>
      </c>
      <c r="E1912" s="51">
        <v>202409</v>
      </c>
      <c r="F1912" s="51" t="s">
        <v>38</v>
      </c>
      <c r="G1912" s="51" t="s">
        <v>97</v>
      </c>
      <c r="H1912" s="51" t="s">
        <v>82</v>
      </c>
      <c r="I1912" s="50">
        <v>4.7</v>
      </c>
    </row>
    <row r="1913" spans="1:9" x14ac:dyDescent="0.35">
      <c r="A1913" s="52" t="s">
        <v>78</v>
      </c>
      <c r="B1913" s="51" t="s">
        <v>79</v>
      </c>
      <c r="C1913" s="61">
        <v>367300990</v>
      </c>
      <c r="D1913" s="62">
        <v>10</v>
      </c>
      <c r="E1913" s="51">
        <v>202409</v>
      </c>
      <c r="F1913" s="51" t="s">
        <v>38</v>
      </c>
      <c r="G1913" s="51" t="s">
        <v>97</v>
      </c>
      <c r="H1913" s="51" t="s">
        <v>82</v>
      </c>
      <c r="I1913" s="50">
        <v>4.7</v>
      </c>
    </row>
    <row r="1914" spans="1:9" x14ac:dyDescent="0.35">
      <c r="A1914" s="52" t="s">
        <v>78</v>
      </c>
      <c r="B1914" s="51" t="s">
        <v>79</v>
      </c>
      <c r="C1914" s="61">
        <v>367400611</v>
      </c>
      <c r="D1914" s="62">
        <v>10</v>
      </c>
      <c r="E1914" s="51">
        <v>202409</v>
      </c>
      <c r="F1914" s="51" t="s">
        <v>38</v>
      </c>
      <c r="G1914" s="51" t="s">
        <v>97</v>
      </c>
      <c r="H1914" s="51" t="s">
        <v>82</v>
      </c>
      <c r="I1914" s="50">
        <v>95</v>
      </c>
    </row>
    <row r="1915" spans="1:9" x14ac:dyDescent="0.35">
      <c r="A1915" s="52" t="s">
        <v>78</v>
      </c>
      <c r="B1915" s="51" t="s">
        <v>79</v>
      </c>
      <c r="C1915" s="61">
        <v>368900408</v>
      </c>
      <c r="D1915" s="62">
        <v>10</v>
      </c>
      <c r="E1915" s="51">
        <v>202409</v>
      </c>
      <c r="F1915" s="51" t="s">
        <v>38</v>
      </c>
      <c r="G1915" s="51" t="s">
        <v>97</v>
      </c>
      <c r="H1915" s="51" t="s">
        <v>82</v>
      </c>
      <c r="I1915" s="50">
        <v>4.7</v>
      </c>
    </row>
    <row r="1916" spans="1:9" x14ac:dyDescent="0.35">
      <c r="A1916" s="52" t="s">
        <v>78</v>
      </c>
      <c r="B1916" s="51" t="s">
        <v>79</v>
      </c>
      <c r="C1916" s="61">
        <v>369104971</v>
      </c>
      <c r="D1916" s="62">
        <v>10</v>
      </c>
      <c r="E1916" s="51">
        <v>202409</v>
      </c>
      <c r="F1916" s="51" t="s">
        <v>38</v>
      </c>
      <c r="G1916" s="51" t="s">
        <v>97</v>
      </c>
      <c r="H1916" s="51" t="s">
        <v>82</v>
      </c>
      <c r="I1916" s="50">
        <v>95</v>
      </c>
    </row>
    <row r="1917" spans="1:9" x14ac:dyDescent="0.35">
      <c r="A1917" s="52" t="s">
        <v>78</v>
      </c>
      <c r="B1917" s="51" t="s">
        <v>79</v>
      </c>
      <c r="C1917" s="61">
        <v>369144982</v>
      </c>
      <c r="D1917" s="62">
        <v>10</v>
      </c>
      <c r="E1917" s="51">
        <v>202409</v>
      </c>
      <c r="F1917" s="51" t="s">
        <v>38</v>
      </c>
      <c r="G1917" s="51" t="s">
        <v>97</v>
      </c>
      <c r="H1917" s="51" t="s">
        <v>82</v>
      </c>
      <c r="I1917" s="50">
        <v>4.7</v>
      </c>
    </row>
    <row r="1918" spans="1:9" x14ac:dyDescent="0.35">
      <c r="A1918" s="52" t="s">
        <v>78</v>
      </c>
      <c r="B1918" s="51" t="s">
        <v>79</v>
      </c>
      <c r="C1918" s="61">
        <v>369300026</v>
      </c>
      <c r="D1918" s="62">
        <v>10</v>
      </c>
      <c r="E1918" s="51">
        <v>202409</v>
      </c>
      <c r="F1918" s="51" t="s">
        <v>38</v>
      </c>
      <c r="G1918" s="51" t="s">
        <v>97</v>
      </c>
      <c r="H1918" s="51" t="s">
        <v>82</v>
      </c>
      <c r="I1918" s="50">
        <v>4.7</v>
      </c>
    </row>
    <row r="1919" spans="1:9" x14ac:dyDescent="0.35">
      <c r="A1919" s="52" t="s">
        <v>78</v>
      </c>
      <c r="B1919" s="51" t="s">
        <v>79</v>
      </c>
      <c r="C1919" s="61">
        <v>372000600</v>
      </c>
      <c r="D1919" s="62">
        <v>10</v>
      </c>
      <c r="E1919" s="51">
        <v>202409</v>
      </c>
      <c r="F1919" s="51" t="s">
        <v>38</v>
      </c>
      <c r="G1919" s="51" t="s">
        <v>97</v>
      </c>
      <c r="H1919" s="51" t="s">
        <v>82</v>
      </c>
      <c r="I1919" s="50">
        <v>4.7</v>
      </c>
    </row>
    <row r="1920" spans="1:9" x14ac:dyDescent="0.35">
      <c r="A1920" s="52" t="s">
        <v>78</v>
      </c>
      <c r="B1920" s="51" t="s">
        <v>79</v>
      </c>
      <c r="C1920" s="61">
        <v>372800959</v>
      </c>
      <c r="D1920" s="62">
        <v>10</v>
      </c>
      <c r="E1920" s="51">
        <v>202409</v>
      </c>
      <c r="F1920" s="51" t="s">
        <v>38</v>
      </c>
      <c r="G1920" s="51" t="s">
        <v>97</v>
      </c>
      <c r="H1920" s="51" t="s">
        <v>82</v>
      </c>
      <c r="I1920" s="50">
        <v>4.7</v>
      </c>
    </row>
    <row r="1921" spans="1:9" x14ac:dyDescent="0.35">
      <c r="A1921" s="52" t="s">
        <v>78</v>
      </c>
      <c r="B1921" s="51" t="s">
        <v>79</v>
      </c>
      <c r="C1921" s="61">
        <v>372869262</v>
      </c>
      <c r="D1921" s="62">
        <v>10</v>
      </c>
      <c r="E1921" s="51">
        <v>202409</v>
      </c>
      <c r="F1921" s="51" t="s">
        <v>38</v>
      </c>
      <c r="G1921" s="51" t="s">
        <v>97</v>
      </c>
      <c r="H1921" s="51" t="s">
        <v>82</v>
      </c>
      <c r="I1921" s="50">
        <v>4.7</v>
      </c>
    </row>
    <row r="1922" spans="1:9" x14ac:dyDescent="0.35">
      <c r="A1922" s="52" t="s">
        <v>78</v>
      </c>
      <c r="B1922" s="51" t="s">
        <v>79</v>
      </c>
      <c r="C1922" s="61">
        <v>373600680</v>
      </c>
      <c r="D1922" s="62">
        <v>10</v>
      </c>
      <c r="E1922" s="51">
        <v>202409</v>
      </c>
      <c r="F1922" s="51" t="s">
        <v>38</v>
      </c>
      <c r="G1922" s="51" t="s">
        <v>97</v>
      </c>
      <c r="H1922" s="51" t="s">
        <v>82</v>
      </c>
      <c r="I1922" s="50">
        <v>4.7</v>
      </c>
    </row>
    <row r="1923" spans="1:9" x14ac:dyDescent="0.35">
      <c r="A1923" s="52" t="s">
        <v>78</v>
      </c>
      <c r="B1923" s="51" t="s">
        <v>79</v>
      </c>
      <c r="C1923" s="61">
        <v>374093383</v>
      </c>
      <c r="D1923" s="62">
        <v>10</v>
      </c>
      <c r="E1923" s="51">
        <v>202409</v>
      </c>
      <c r="F1923" s="51" t="s">
        <v>38</v>
      </c>
      <c r="G1923" s="51" t="s">
        <v>97</v>
      </c>
      <c r="H1923" s="51" t="s">
        <v>82</v>
      </c>
      <c r="I1923" s="50">
        <v>4.7</v>
      </c>
    </row>
    <row r="1924" spans="1:9" x14ac:dyDescent="0.35">
      <c r="A1924" s="52" t="s">
        <v>78</v>
      </c>
      <c r="B1924" s="51" t="s">
        <v>79</v>
      </c>
      <c r="C1924" s="61">
        <v>374301188</v>
      </c>
      <c r="D1924" s="62">
        <v>10</v>
      </c>
      <c r="E1924" s="51">
        <v>202409</v>
      </c>
      <c r="F1924" s="51" t="s">
        <v>38</v>
      </c>
      <c r="G1924" s="51" t="s">
        <v>97</v>
      </c>
      <c r="H1924" s="51" t="s">
        <v>82</v>
      </c>
      <c r="I1924" s="50">
        <v>4.7</v>
      </c>
    </row>
    <row r="1925" spans="1:9" x14ac:dyDescent="0.35">
      <c r="A1925" s="52" t="s">
        <v>78</v>
      </c>
      <c r="B1925" s="51" t="s">
        <v>79</v>
      </c>
      <c r="C1925" s="61">
        <v>374704751</v>
      </c>
      <c r="D1925" s="62">
        <v>10</v>
      </c>
      <c r="E1925" s="51">
        <v>202409</v>
      </c>
      <c r="F1925" s="51" t="s">
        <v>38</v>
      </c>
      <c r="G1925" s="51" t="s">
        <v>97</v>
      </c>
      <c r="H1925" s="51" t="s">
        <v>82</v>
      </c>
      <c r="I1925" s="50">
        <v>4.7</v>
      </c>
    </row>
    <row r="1926" spans="1:9" x14ac:dyDescent="0.35">
      <c r="A1926" s="52" t="s">
        <v>78</v>
      </c>
      <c r="B1926" s="51" t="s">
        <v>79</v>
      </c>
      <c r="C1926" s="61">
        <v>376701951</v>
      </c>
      <c r="D1926" s="62">
        <v>10</v>
      </c>
      <c r="E1926" s="51">
        <v>202409</v>
      </c>
      <c r="F1926" s="51" t="s">
        <v>38</v>
      </c>
      <c r="G1926" s="51" t="s">
        <v>97</v>
      </c>
      <c r="H1926" s="51" t="s">
        <v>82</v>
      </c>
      <c r="I1926" s="50">
        <v>4.7</v>
      </c>
    </row>
    <row r="1927" spans="1:9" x14ac:dyDescent="0.35">
      <c r="A1927" s="52" t="s">
        <v>78</v>
      </c>
      <c r="B1927" s="51" t="s">
        <v>79</v>
      </c>
      <c r="C1927" s="61">
        <v>376800941</v>
      </c>
      <c r="D1927" s="62">
        <v>10</v>
      </c>
      <c r="E1927" s="51">
        <v>202409</v>
      </c>
      <c r="F1927" s="51" t="s">
        <v>38</v>
      </c>
      <c r="G1927" s="51" t="s">
        <v>97</v>
      </c>
      <c r="H1927" s="51" t="s">
        <v>82</v>
      </c>
      <c r="I1927" s="50">
        <v>30</v>
      </c>
    </row>
    <row r="1928" spans="1:9" x14ac:dyDescent="0.35">
      <c r="A1928" s="52" t="s">
        <v>78</v>
      </c>
      <c r="B1928" s="51" t="s">
        <v>79</v>
      </c>
      <c r="C1928" s="61">
        <v>377504802</v>
      </c>
      <c r="D1928" s="62">
        <v>10</v>
      </c>
      <c r="E1928" s="51">
        <v>202409</v>
      </c>
      <c r="F1928" s="51" t="s">
        <v>38</v>
      </c>
      <c r="G1928" s="51" t="s">
        <v>97</v>
      </c>
      <c r="H1928" s="51" t="s">
        <v>82</v>
      </c>
      <c r="I1928" s="50">
        <v>95</v>
      </c>
    </row>
    <row r="1929" spans="1:9" x14ac:dyDescent="0.35">
      <c r="A1929" s="52" t="s">
        <v>78</v>
      </c>
      <c r="B1929" s="51" t="s">
        <v>79</v>
      </c>
      <c r="C1929" s="61">
        <v>380501486</v>
      </c>
      <c r="D1929" s="62">
        <v>10</v>
      </c>
      <c r="E1929" s="51">
        <v>202409</v>
      </c>
      <c r="F1929" s="51" t="s">
        <v>38</v>
      </c>
      <c r="G1929" s="51" t="s">
        <v>97</v>
      </c>
      <c r="H1929" s="51" t="s">
        <v>82</v>
      </c>
      <c r="I1929" s="50">
        <v>4.7</v>
      </c>
    </row>
    <row r="1930" spans="1:9" x14ac:dyDescent="0.35">
      <c r="A1930" s="52" t="s">
        <v>78</v>
      </c>
      <c r="B1930" s="51" t="s">
        <v>79</v>
      </c>
      <c r="C1930" s="61">
        <v>380701148</v>
      </c>
      <c r="D1930" s="62">
        <v>10</v>
      </c>
      <c r="E1930" s="51">
        <v>202409</v>
      </c>
      <c r="F1930" s="51" t="s">
        <v>38</v>
      </c>
      <c r="G1930" s="51" t="s">
        <v>97</v>
      </c>
      <c r="H1930" s="51" t="s">
        <v>82</v>
      </c>
      <c r="I1930" s="50">
        <v>4.7</v>
      </c>
    </row>
    <row r="1931" spans="1:9" x14ac:dyDescent="0.35">
      <c r="A1931" s="52" t="s">
        <v>78</v>
      </c>
      <c r="B1931" s="51" t="s">
        <v>79</v>
      </c>
      <c r="C1931" s="61">
        <v>381003514</v>
      </c>
      <c r="D1931" s="62">
        <v>10</v>
      </c>
      <c r="E1931" s="51">
        <v>202409</v>
      </c>
      <c r="F1931" s="51" t="s">
        <v>38</v>
      </c>
      <c r="G1931" s="51" t="s">
        <v>97</v>
      </c>
      <c r="H1931" s="51" t="s">
        <v>82</v>
      </c>
      <c r="I1931" s="50">
        <v>4.7</v>
      </c>
    </row>
    <row r="1932" spans="1:9" x14ac:dyDescent="0.35">
      <c r="A1932" s="52" t="s">
        <v>78</v>
      </c>
      <c r="B1932" s="51" t="s">
        <v>79</v>
      </c>
      <c r="C1932" s="61">
        <v>382300718</v>
      </c>
      <c r="D1932" s="62">
        <v>10</v>
      </c>
      <c r="E1932" s="51">
        <v>202409</v>
      </c>
      <c r="F1932" s="51" t="s">
        <v>38</v>
      </c>
      <c r="G1932" s="51" t="s">
        <v>97</v>
      </c>
      <c r="H1932" s="51" t="s">
        <v>82</v>
      </c>
      <c r="I1932" s="50">
        <v>4.7</v>
      </c>
    </row>
    <row r="1933" spans="1:9" x14ac:dyDescent="0.35">
      <c r="A1933" s="52" t="s">
        <v>78</v>
      </c>
      <c r="B1933" s="51" t="s">
        <v>79</v>
      </c>
      <c r="C1933" s="61">
        <v>383804021</v>
      </c>
      <c r="D1933" s="62">
        <v>10</v>
      </c>
      <c r="E1933" s="51">
        <v>202409</v>
      </c>
      <c r="F1933" s="51" t="s">
        <v>38</v>
      </c>
      <c r="G1933" s="51" t="s">
        <v>97</v>
      </c>
      <c r="H1933" s="51" t="s">
        <v>82</v>
      </c>
      <c r="I1933" s="50">
        <v>4.7</v>
      </c>
    </row>
    <row r="1934" spans="1:9" x14ac:dyDescent="0.35">
      <c r="A1934" s="52" t="s">
        <v>78</v>
      </c>
      <c r="B1934" s="51" t="s">
        <v>79</v>
      </c>
      <c r="C1934" s="61">
        <v>385601025</v>
      </c>
      <c r="D1934" s="62">
        <v>10</v>
      </c>
      <c r="E1934" s="51">
        <v>202409</v>
      </c>
      <c r="F1934" s="51" t="s">
        <v>38</v>
      </c>
      <c r="G1934" s="51" t="s">
        <v>97</v>
      </c>
      <c r="H1934" s="51" t="s">
        <v>82</v>
      </c>
      <c r="I1934" s="50">
        <v>4.7</v>
      </c>
    </row>
    <row r="1935" spans="1:9" x14ac:dyDescent="0.35">
      <c r="A1935" s="52" t="s">
        <v>78</v>
      </c>
      <c r="B1935" s="51" t="s">
        <v>79</v>
      </c>
      <c r="C1935" s="61">
        <v>385867250</v>
      </c>
      <c r="D1935" s="62">
        <v>10</v>
      </c>
      <c r="E1935" s="51">
        <v>202409</v>
      </c>
      <c r="F1935" s="51" t="s">
        <v>38</v>
      </c>
      <c r="G1935" s="51" t="s">
        <v>97</v>
      </c>
      <c r="H1935" s="51" t="s">
        <v>82</v>
      </c>
      <c r="I1935" s="50">
        <v>4.7</v>
      </c>
    </row>
    <row r="1936" spans="1:9" x14ac:dyDescent="0.35">
      <c r="A1936" s="52" t="s">
        <v>78</v>
      </c>
      <c r="B1936" s="51" t="s">
        <v>79</v>
      </c>
      <c r="C1936" s="61">
        <v>386703814</v>
      </c>
      <c r="D1936" s="62">
        <v>10</v>
      </c>
      <c r="E1936" s="51">
        <v>202409</v>
      </c>
      <c r="F1936" s="51" t="s">
        <v>38</v>
      </c>
      <c r="G1936" s="51" t="s">
        <v>97</v>
      </c>
      <c r="H1936" s="51" t="s">
        <v>82</v>
      </c>
      <c r="I1936" s="50">
        <v>4.7</v>
      </c>
    </row>
    <row r="1937" spans="1:9" x14ac:dyDescent="0.35">
      <c r="A1937" s="52" t="s">
        <v>78</v>
      </c>
      <c r="B1937" s="51" t="s">
        <v>79</v>
      </c>
      <c r="C1937" s="61">
        <v>387400502</v>
      </c>
      <c r="D1937" s="62">
        <v>10</v>
      </c>
      <c r="E1937" s="51">
        <v>202409</v>
      </c>
      <c r="F1937" s="51" t="s">
        <v>38</v>
      </c>
      <c r="G1937" s="51" t="s">
        <v>97</v>
      </c>
      <c r="H1937" s="51" t="s">
        <v>82</v>
      </c>
      <c r="I1937" s="50">
        <v>4.7</v>
      </c>
    </row>
    <row r="1938" spans="1:9" x14ac:dyDescent="0.35">
      <c r="A1938" s="52" t="s">
        <v>78</v>
      </c>
      <c r="B1938" s="51" t="s">
        <v>79</v>
      </c>
      <c r="C1938" s="61">
        <v>387448460</v>
      </c>
      <c r="D1938" s="62">
        <v>10</v>
      </c>
      <c r="E1938" s="51">
        <v>202409</v>
      </c>
      <c r="F1938" s="51" t="s">
        <v>38</v>
      </c>
      <c r="G1938" s="51" t="s">
        <v>97</v>
      </c>
      <c r="H1938" s="51" t="s">
        <v>82</v>
      </c>
      <c r="I1938" s="50">
        <v>4.7</v>
      </c>
    </row>
    <row r="1939" spans="1:9" x14ac:dyDescent="0.35">
      <c r="A1939" s="52" t="s">
        <v>78</v>
      </c>
      <c r="B1939" s="51" t="s">
        <v>79</v>
      </c>
      <c r="C1939" s="61">
        <v>390501248</v>
      </c>
      <c r="D1939" s="62">
        <v>10</v>
      </c>
      <c r="E1939" s="51">
        <v>202409</v>
      </c>
      <c r="F1939" s="51" t="s">
        <v>38</v>
      </c>
      <c r="G1939" s="51" t="s">
        <v>97</v>
      </c>
      <c r="H1939" s="51" t="s">
        <v>82</v>
      </c>
      <c r="I1939" s="50">
        <v>4.7</v>
      </c>
    </row>
    <row r="1940" spans="1:9" x14ac:dyDescent="0.35">
      <c r="A1940" s="52" t="s">
        <v>78</v>
      </c>
      <c r="B1940" s="51" t="s">
        <v>79</v>
      </c>
      <c r="C1940" s="61">
        <v>392013236</v>
      </c>
      <c r="D1940" s="62">
        <v>10</v>
      </c>
      <c r="E1940" s="51">
        <v>202409</v>
      </c>
      <c r="F1940" s="51" t="s">
        <v>38</v>
      </c>
      <c r="G1940" s="51" t="s">
        <v>97</v>
      </c>
      <c r="H1940" s="51" t="s">
        <v>82</v>
      </c>
      <c r="I1940" s="50">
        <v>4.7</v>
      </c>
    </row>
    <row r="1941" spans="1:9" x14ac:dyDescent="0.35">
      <c r="A1941" s="52" t="s">
        <v>78</v>
      </c>
      <c r="B1941" s="51" t="s">
        <v>79</v>
      </c>
      <c r="C1941" s="61">
        <v>392501103</v>
      </c>
      <c r="D1941" s="62">
        <v>10</v>
      </c>
      <c r="E1941" s="51">
        <v>202409</v>
      </c>
      <c r="F1941" s="51" t="s">
        <v>38</v>
      </c>
      <c r="G1941" s="51" t="s">
        <v>97</v>
      </c>
      <c r="H1941" s="51" t="s">
        <v>82</v>
      </c>
      <c r="I1941" s="50">
        <v>4.7</v>
      </c>
    </row>
    <row r="1942" spans="1:9" x14ac:dyDescent="0.35">
      <c r="A1942" s="52" t="s">
        <v>78</v>
      </c>
      <c r="B1942" s="51" t="s">
        <v>79</v>
      </c>
      <c r="C1942" s="61">
        <v>392900738</v>
      </c>
      <c r="D1942" s="62">
        <v>10</v>
      </c>
      <c r="E1942" s="51">
        <v>202409</v>
      </c>
      <c r="F1942" s="51" t="s">
        <v>38</v>
      </c>
      <c r="G1942" s="51" t="s">
        <v>97</v>
      </c>
      <c r="H1942" s="51" t="s">
        <v>82</v>
      </c>
      <c r="I1942" s="50">
        <v>4.7</v>
      </c>
    </row>
    <row r="1943" spans="1:9" x14ac:dyDescent="0.35">
      <c r="A1943" s="52" t="s">
        <v>78</v>
      </c>
      <c r="B1943" s="51" t="s">
        <v>79</v>
      </c>
      <c r="C1943" s="61">
        <v>393989870</v>
      </c>
      <c r="D1943" s="62">
        <v>10</v>
      </c>
      <c r="E1943" s="51">
        <v>202409</v>
      </c>
      <c r="F1943" s="51" t="s">
        <v>38</v>
      </c>
      <c r="G1943" s="51" t="s">
        <v>97</v>
      </c>
      <c r="H1943" s="51" t="s">
        <v>82</v>
      </c>
      <c r="I1943" s="50">
        <v>4.7</v>
      </c>
    </row>
    <row r="1944" spans="1:9" x14ac:dyDescent="0.35">
      <c r="A1944" s="52" t="s">
        <v>78</v>
      </c>
      <c r="B1944" s="51" t="s">
        <v>79</v>
      </c>
      <c r="C1944" s="61">
        <v>394002323</v>
      </c>
      <c r="D1944" s="62">
        <v>10</v>
      </c>
      <c r="E1944" s="51">
        <v>202409</v>
      </c>
      <c r="F1944" s="51" t="s">
        <v>38</v>
      </c>
      <c r="G1944" s="51" t="s">
        <v>97</v>
      </c>
      <c r="H1944" s="51" t="s">
        <v>82</v>
      </c>
      <c r="I1944" s="50">
        <v>4.7</v>
      </c>
    </row>
    <row r="1945" spans="1:9" x14ac:dyDescent="0.35">
      <c r="A1945" s="52" t="s">
        <v>78</v>
      </c>
      <c r="B1945" s="51" t="s">
        <v>79</v>
      </c>
      <c r="C1945" s="61">
        <v>394268090</v>
      </c>
      <c r="D1945" s="62">
        <v>10</v>
      </c>
      <c r="E1945" s="51">
        <v>202409</v>
      </c>
      <c r="F1945" s="51" t="s">
        <v>38</v>
      </c>
      <c r="G1945" s="51" t="s">
        <v>97</v>
      </c>
      <c r="H1945" s="51" t="s">
        <v>82</v>
      </c>
      <c r="I1945" s="50">
        <v>4.7</v>
      </c>
    </row>
    <row r="1946" spans="1:9" x14ac:dyDescent="0.35">
      <c r="A1946" s="52" t="s">
        <v>78</v>
      </c>
      <c r="B1946" s="51" t="s">
        <v>79</v>
      </c>
      <c r="C1946" s="61">
        <v>394400331</v>
      </c>
      <c r="D1946" s="62">
        <v>10</v>
      </c>
      <c r="E1946" s="51">
        <v>202409</v>
      </c>
      <c r="F1946" s="51" t="s">
        <v>38</v>
      </c>
      <c r="G1946" s="51" t="s">
        <v>97</v>
      </c>
      <c r="H1946" s="51" t="s">
        <v>82</v>
      </c>
      <c r="I1946" s="50">
        <v>30</v>
      </c>
    </row>
    <row r="1947" spans="1:9" x14ac:dyDescent="0.35">
      <c r="A1947" s="52" t="s">
        <v>78</v>
      </c>
      <c r="B1947" s="51" t="s">
        <v>79</v>
      </c>
      <c r="C1947" s="61">
        <v>395101784</v>
      </c>
      <c r="D1947" s="62">
        <v>10</v>
      </c>
      <c r="E1947" s="51">
        <v>202409</v>
      </c>
      <c r="F1947" s="51" t="s">
        <v>38</v>
      </c>
      <c r="G1947" s="51" t="s">
        <v>97</v>
      </c>
      <c r="H1947" s="51" t="s">
        <v>82</v>
      </c>
      <c r="I1947" s="50">
        <v>4.7</v>
      </c>
    </row>
    <row r="1948" spans="1:9" x14ac:dyDescent="0.35">
      <c r="A1948" s="52" t="s">
        <v>78</v>
      </c>
      <c r="B1948" s="51" t="s">
        <v>79</v>
      </c>
      <c r="C1948" s="61">
        <v>395381744</v>
      </c>
      <c r="D1948" s="62">
        <v>10</v>
      </c>
      <c r="E1948" s="51">
        <v>202409</v>
      </c>
      <c r="F1948" s="51" t="s">
        <v>38</v>
      </c>
      <c r="G1948" s="51" t="s">
        <v>97</v>
      </c>
      <c r="H1948" s="51" t="s">
        <v>82</v>
      </c>
      <c r="I1948" s="50">
        <v>4.7</v>
      </c>
    </row>
    <row r="1949" spans="1:9" x14ac:dyDescent="0.35">
      <c r="A1949" s="52" t="s">
        <v>78</v>
      </c>
      <c r="B1949" s="51" t="s">
        <v>79</v>
      </c>
      <c r="C1949" s="61">
        <v>396900520</v>
      </c>
      <c r="D1949" s="62">
        <v>10</v>
      </c>
      <c r="E1949" s="51">
        <v>202409</v>
      </c>
      <c r="F1949" s="51" t="s">
        <v>38</v>
      </c>
      <c r="G1949" s="51" t="s">
        <v>97</v>
      </c>
      <c r="H1949" s="51" t="s">
        <v>82</v>
      </c>
      <c r="I1949" s="50">
        <v>4.7</v>
      </c>
    </row>
    <row r="1950" spans="1:9" x14ac:dyDescent="0.35">
      <c r="A1950" s="52" t="s">
        <v>78</v>
      </c>
      <c r="B1950" s="51" t="s">
        <v>79</v>
      </c>
      <c r="C1950" s="61">
        <v>399500327</v>
      </c>
      <c r="D1950" s="62">
        <v>10</v>
      </c>
      <c r="E1950" s="51">
        <v>202409</v>
      </c>
      <c r="F1950" s="51" t="s">
        <v>38</v>
      </c>
      <c r="G1950" s="51" t="s">
        <v>97</v>
      </c>
      <c r="H1950" s="51" t="s">
        <v>82</v>
      </c>
      <c r="I1950" s="50">
        <v>4.7</v>
      </c>
    </row>
    <row r="1951" spans="1:9" x14ac:dyDescent="0.35">
      <c r="A1951" s="52" t="s">
        <v>78</v>
      </c>
      <c r="B1951" s="51" t="s">
        <v>79</v>
      </c>
      <c r="C1951" s="61">
        <v>300604835</v>
      </c>
      <c r="D1951" s="62">
        <v>20</v>
      </c>
      <c r="E1951" s="51">
        <v>202409</v>
      </c>
      <c r="F1951" s="51" t="s">
        <v>38</v>
      </c>
      <c r="G1951" s="51" t="s">
        <v>97</v>
      </c>
      <c r="H1951" s="51" t="s">
        <v>82</v>
      </c>
      <c r="I1951" s="50">
        <v>4.7</v>
      </c>
    </row>
    <row r="1952" spans="1:9" x14ac:dyDescent="0.35">
      <c r="A1952" s="52" t="s">
        <v>78</v>
      </c>
      <c r="B1952" s="51" t="s">
        <v>79</v>
      </c>
      <c r="C1952" s="61">
        <v>301003794</v>
      </c>
      <c r="D1952" s="62">
        <v>20</v>
      </c>
      <c r="E1952" s="51">
        <v>202409</v>
      </c>
      <c r="F1952" s="51" t="s">
        <v>38</v>
      </c>
      <c r="G1952" s="51" t="s">
        <v>97</v>
      </c>
      <c r="H1952" s="51" t="s">
        <v>82</v>
      </c>
      <c r="I1952" s="50">
        <v>4.7</v>
      </c>
    </row>
    <row r="1953" spans="1:9" x14ac:dyDescent="0.35">
      <c r="A1953" s="52" t="s">
        <v>78</v>
      </c>
      <c r="B1953" s="51" t="s">
        <v>79</v>
      </c>
      <c r="C1953" s="61">
        <v>301004282</v>
      </c>
      <c r="D1953" s="62">
        <v>20</v>
      </c>
      <c r="E1953" s="51">
        <v>202409</v>
      </c>
      <c r="F1953" s="51" t="s">
        <v>38</v>
      </c>
      <c r="G1953" s="51" t="s">
        <v>97</v>
      </c>
      <c r="H1953" s="51" t="s">
        <v>82</v>
      </c>
      <c r="I1953" s="50">
        <v>4.7</v>
      </c>
    </row>
    <row r="1954" spans="1:9" x14ac:dyDescent="0.35">
      <c r="A1954" s="52" t="s">
        <v>78</v>
      </c>
      <c r="B1954" s="51" t="s">
        <v>79</v>
      </c>
      <c r="C1954" s="61">
        <v>301185501</v>
      </c>
      <c r="D1954" s="62">
        <v>20</v>
      </c>
      <c r="E1954" s="51">
        <v>202409</v>
      </c>
      <c r="F1954" s="51" t="s">
        <v>38</v>
      </c>
      <c r="G1954" s="51" t="s">
        <v>97</v>
      </c>
      <c r="H1954" s="51" t="s">
        <v>82</v>
      </c>
      <c r="I1954" s="50">
        <v>4.7</v>
      </c>
    </row>
    <row r="1955" spans="1:9" x14ac:dyDescent="0.35">
      <c r="A1955" s="52" t="s">
        <v>78</v>
      </c>
      <c r="B1955" s="51" t="s">
        <v>79</v>
      </c>
      <c r="C1955" s="61">
        <v>301399221</v>
      </c>
      <c r="D1955" s="62">
        <v>20</v>
      </c>
      <c r="E1955" s="51">
        <v>202409</v>
      </c>
      <c r="F1955" s="51" t="s">
        <v>38</v>
      </c>
      <c r="G1955" s="51" t="s">
        <v>97</v>
      </c>
      <c r="H1955" s="51" t="s">
        <v>82</v>
      </c>
      <c r="I1955" s="50">
        <v>4.7</v>
      </c>
    </row>
    <row r="1956" spans="1:9" x14ac:dyDescent="0.35">
      <c r="A1956" s="52" t="s">
        <v>78</v>
      </c>
      <c r="B1956" s="51" t="s">
        <v>79</v>
      </c>
      <c r="C1956" s="61">
        <v>302100677</v>
      </c>
      <c r="D1956" s="62">
        <v>20</v>
      </c>
      <c r="E1956" s="51">
        <v>202409</v>
      </c>
      <c r="F1956" s="51" t="s">
        <v>38</v>
      </c>
      <c r="G1956" s="51" t="s">
        <v>97</v>
      </c>
      <c r="H1956" s="51" t="s">
        <v>82</v>
      </c>
      <c r="I1956" s="50">
        <v>4.7</v>
      </c>
    </row>
    <row r="1957" spans="1:9" x14ac:dyDescent="0.35">
      <c r="A1957" s="52" t="s">
        <v>78</v>
      </c>
      <c r="B1957" s="51" t="s">
        <v>79</v>
      </c>
      <c r="C1957" s="61">
        <v>302200913</v>
      </c>
      <c r="D1957" s="62">
        <v>20</v>
      </c>
      <c r="E1957" s="51">
        <v>202409</v>
      </c>
      <c r="F1957" s="51" t="s">
        <v>38</v>
      </c>
      <c r="G1957" s="51" t="s">
        <v>97</v>
      </c>
      <c r="H1957" s="51" t="s">
        <v>82</v>
      </c>
      <c r="I1957" s="50">
        <v>4.7</v>
      </c>
    </row>
    <row r="1958" spans="1:9" x14ac:dyDescent="0.35">
      <c r="A1958" s="52" t="s">
        <v>78</v>
      </c>
      <c r="B1958" s="51" t="s">
        <v>79</v>
      </c>
      <c r="C1958" s="61">
        <v>302500175</v>
      </c>
      <c r="D1958" s="62">
        <v>20</v>
      </c>
      <c r="E1958" s="51">
        <v>202409</v>
      </c>
      <c r="F1958" s="51" t="s">
        <v>38</v>
      </c>
      <c r="G1958" s="51" t="s">
        <v>97</v>
      </c>
      <c r="H1958" s="51" t="s">
        <v>82</v>
      </c>
      <c r="I1958" s="50">
        <v>4.7</v>
      </c>
    </row>
    <row r="1959" spans="1:9" x14ac:dyDescent="0.35">
      <c r="A1959" s="52" t="s">
        <v>78</v>
      </c>
      <c r="B1959" s="51" t="s">
        <v>79</v>
      </c>
      <c r="C1959" s="61">
        <v>302903730</v>
      </c>
      <c r="D1959" s="62">
        <v>20</v>
      </c>
      <c r="E1959" s="51">
        <v>202409</v>
      </c>
      <c r="F1959" s="51" t="s">
        <v>38</v>
      </c>
      <c r="G1959" s="51" t="s">
        <v>97</v>
      </c>
      <c r="H1959" s="51" t="s">
        <v>82</v>
      </c>
      <c r="I1959" s="50">
        <v>4.7</v>
      </c>
    </row>
    <row r="1960" spans="1:9" x14ac:dyDescent="0.35">
      <c r="A1960" s="52" t="s">
        <v>78</v>
      </c>
      <c r="B1960" s="51" t="s">
        <v>79</v>
      </c>
      <c r="C1960" s="61">
        <v>303404602</v>
      </c>
      <c r="D1960" s="62">
        <v>20</v>
      </c>
      <c r="E1960" s="51">
        <v>202409</v>
      </c>
      <c r="F1960" s="51" t="s">
        <v>38</v>
      </c>
      <c r="G1960" s="51" t="s">
        <v>97</v>
      </c>
      <c r="H1960" s="51" t="s">
        <v>82</v>
      </c>
      <c r="I1960" s="50">
        <v>4.7</v>
      </c>
    </row>
    <row r="1961" spans="1:9" x14ac:dyDescent="0.35">
      <c r="A1961" s="52" t="s">
        <v>78</v>
      </c>
      <c r="B1961" s="51" t="s">
        <v>79</v>
      </c>
      <c r="C1961" s="61">
        <v>303672592</v>
      </c>
      <c r="D1961" s="62">
        <v>20</v>
      </c>
      <c r="E1961" s="51">
        <v>202409</v>
      </c>
      <c r="F1961" s="51" t="s">
        <v>38</v>
      </c>
      <c r="G1961" s="51" t="s">
        <v>97</v>
      </c>
      <c r="H1961" s="51" t="s">
        <v>82</v>
      </c>
      <c r="I1961" s="50">
        <v>4.7</v>
      </c>
    </row>
    <row r="1962" spans="1:9" x14ac:dyDescent="0.35">
      <c r="A1962" s="52" t="s">
        <v>78</v>
      </c>
      <c r="B1962" s="51" t="s">
        <v>79</v>
      </c>
      <c r="C1962" s="61">
        <v>303900488</v>
      </c>
      <c r="D1962" s="62">
        <v>20</v>
      </c>
      <c r="E1962" s="51">
        <v>202409</v>
      </c>
      <c r="F1962" s="51" t="s">
        <v>38</v>
      </c>
      <c r="G1962" s="51" t="s">
        <v>97</v>
      </c>
      <c r="H1962" s="51" t="s">
        <v>82</v>
      </c>
      <c r="I1962" s="50">
        <v>4.7</v>
      </c>
    </row>
    <row r="1963" spans="1:9" x14ac:dyDescent="0.35">
      <c r="A1963" s="52" t="s">
        <v>78</v>
      </c>
      <c r="B1963" s="51" t="s">
        <v>79</v>
      </c>
      <c r="C1963" s="61">
        <v>304028261</v>
      </c>
      <c r="D1963" s="62">
        <v>20</v>
      </c>
      <c r="E1963" s="51">
        <v>202409</v>
      </c>
      <c r="F1963" s="51" t="s">
        <v>38</v>
      </c>
      <c r="G1963" s="51" t="s">
        <v>97</v>
      </c>
      <c r="H1963" s="51" t="s">
        <v>82</v>
      </c>
      <c r="I1963" s="50">
        <v>95</v>
      </c>
    </row>
    <row r="1964" spans="1:9" x14ac:dyDescent="0.35">
      <c r="A1964" s="52" t="s">
        <v>78</v>
      </c>
      <c r="B1964" s="51" t="s">
        <v>79</v>
      </c>
      <c r="C1964" s="61">
        <v>304423310</v>
      </c>
      <c r="D1964" s="62">
        <v>20</v>
      </c>
      <c r="E1964" s="51">
        <v>202409</v>
      </c>
      <c r="F1964" s="51" t="s">
        <v>38</v>
      </c>
      <c r="G1964" s="51" t="s">
        <v>97</v>
      </c>
      <c r="H1964" s="51" t="s">
        <v>82</v>
      </c>
      <c r="I1964" s="50">
        <v>4.7</v>
      </c>
    </row>
    <row r="1965" spans="1:9" x14ac:dyDescent="0.35">
      <c r="A1965" s="52" t="s">
        <v>78</v>
      </c>
      <c r="B1965" s="51" t="s">
        <v>79</v>
      </c>
      <c r="C1965" s="61">
        <v>305304480</v>
      </c>
      <c r="D1965" s="62">
        <v>20</v>
      </c>
      <c r="E1965" s="51">
        <v>202409</v>
      </c>
      <c r="F1965" s="51" t="s">
        <v>38</v>
      </c>
      <c r="G1965" s="51" t="s">
        <v>97</v>
      </c>
      <c r="H1965" s="51" t="s">
        <v>82</v>
      </c>
      <c r="I1965" s="50">
        <v>4.7</v>
      </c>
    </row>
    <row r="1966" spans="1:9" x14ac:dyDescent="0.35">
      <c r="A1966" s="52" t="s">
        <v>78</v>
      </c>
      <c r="B1966" s="51" t="s">
        <v>79</v>
      </c>
      <c r="C1966" s="61">
        <v>305305713</v>
      </c>
      <c r="D1966" s="62">
        <v>20</v>
      </c>
      <c r="E1966" s="51">
        <v>202409</v>
      </c>
      <c r="F1966" s="51" t="s">
        <v>38</v>
      </c>
      <c r="G1966" s="51" t="s">
        <v>97</v>
      </c>
      <c r="H1966" s="51" t="s">
        <v>82</v>
      </c>
      <c r="I1966" s="50">
        <v>4.7</v>
      </c>
    </row>
    <row r="1967" spans="1:9" x14ac:dyDescent="0.35">
      <c r="A1967" s="52" t="s">
        <v>78</v>
      </c>
      <c r="B1967" s="51" t="s">
        <v>79</v>
      </c>
      <c r="C1967" s="61">
        <v>307800274</v>
      </c>
      <c r="D1967" s="62">
        <v>20</v>
      </c>
      <c r="E1967" s="51">
        <v>202409</v>
      </c>
      <c r="F1967" s="51" t="s">
        <v>38</v>
      </c>
      <c r="G1967" s="51" t="s">
        <v>97</v>
      </c>
      <c r="H1967" s="51" t="s">
        <v>82</v>
      </c>
      <c r="I1967" s="50">
        <v>4.7</v>
      </c>
    </row>
    <row r="1968" spans="1:9" x14ac:dyDescent="0.35">
      <c r="A1968" s="52" t="s">
        <v>78</v>
      </c>
      <c r="B1968" s="51" t="s">
        <v>79</v>
      </c>
      <c r="C1968" s="61">
        <v>309587671</v>
      </c>
      <c r="D1968" s="62">
        <v>20</v>
      </c>
      <c r="E1968" s="51">
        <v>202409</v>
      </c>
      <c r="F1968" s="51" t="s">
        <v>38</v>
      </c>
      <c r="G1968" s="51" t="s">
        <v>97</v>
      </c>
      <c r="H1968" s="51" t="s">
        <v>82</v>
      </c>
      <c r="I1968" s="50">
        <v>95</v>
      </c>
    </row>
    <row r="1969" spans="1:9" x14ac:dyDescent="0.35">
      <c r="A1969" s="52" t="s">
        <v>78</v>
      </c>
      <c r="B1969" s="51" t="s">
        <v>79</v>
      </c>
      <c r="C1969" s="61">
        <v>310235179</v>
      </c>
      <c r="D1969" s="62">
        <v>20</v>
      </c>
      <c r="E1969" s="51">
        <v>202409</v>
      </c>
      <c r="F1969" s="51" t="s">
        <v>38</v>
      </c>
      <c r="G1969" s="51" t="s">
        <v>97</v>
      </c>
      <c r="H1969" s="51" t="s">
        <v>82</v>
      </c>
      <c r="I1969" s="50">
        <v>4.7</v>
      </c>
    </row>
    <row r="1970" spans="1:9" x14ac:dyDescent="0.35">
      <c r="A1970" s="52" t="s">
        <v>78</v>
      </c>
      <c r="B1970" s="51" t="s">
        <v>79</v>
      </c>
      <c r="C1970" s="61">
        <v>310736202</v>
      </c>
      <c r="D1970" s="62">
        <v>20</v>
      </c>
      <c r="E1970" s="51">
        <v>202409</v>
      </c>
      <c r="F1970" s="51" t="s">
        <v>38</v>
      </c>
      <c r="G1970" s="51" t="s">
        <v>97</v>
      </c>
      <c r="H1970" s="51" t="s">
        <v>82</v>
      </c>
      <c r="I1970" s="50">
        <v>4.7</v>
      </c>
    </row>
    <row r="1971" spans="1:9" x14ac:dyDescent="0.35">
      <c r="A1971" s="52" t="s">
        <v>78</v>
      </c>
      <c r="B1971" s="51" t="s">
        <v>79</v>
      </c>
      <c r="C1971" s="61">
        <v>311166707</v>
      </c>
      <c r="D1971" s="62">
        <v>20</v>
      </c>
      <c r="E1971" s="51">
        <v>202409</v>
      </c>
      <c r="F1971" s="51" t="s">
        <v>38</v>
      </c>
      <c r="G1971" s="51" t="s">
        <v>97</v>
      </c>
      <c r="H1971" s="51" t="s">
        <v>82</v>
      </c>
      <c r="I1971" s="50">
        <v>4.7</v>
      </c>
    </row>
    <row r="1972" spans="1:9" x14ac:dyDescent="0.35">
      <c r="A1972" s="52" t="s">
        <v>78</v>
      </c>
      <c r="B1972" s="51" t="s">
        <v>79</v>
      </c>
      <c r="C1972" s="61">
        <v>311905518</v>
      </c>
      <c r="D1972" s="62">
        <v>20</v>
      </c>
      <c r="E1972" s="51">
        <v>202409</v>
      </c>
      <c r="F1972" s="51" t="s">
        <v>38</v>
      </c>
      <c r="G1972" s="51" t="s">
        <v>97</v>
      </c>
      <c r="H1972" s="51" t="s">
        <v>82</v>
      </c>
      <c r="I1972" s="50">
        <v>4.7</v>
      </c>
    </row>
    <row r="1973" spans="1:9" x14ac:dyDescent="0.35">
      <c r="A1973" s="52" t="s">
        <v>78</v>
      </c>
      <c r="B1973" s="51" t="s">
        <v>79</v>
      </c>
      <c r="C1973" s="61">
        <v>312200314</v>
      </c>
      <c r="D1973" s="62">
        <v>20</v>
      </c>
      <c r="E1973" s="51">
        <v>202409</v>
      </c>
      <c r="F1973" s="51" t="s">
        <v>38</v>
      </c>
      <c r="G1973" s="51" t="s">
        <v>97</v>
      </c>
      <c r="H1973" s="51" t="s">
        <v>82</v>
      </c>
      <c r="I1973" s="50">
        <v>30</v>
      </c>
    </row>
    <row r="1974" spans="1:9" x14ac:dyDescent="0.35">
      <c r="A1974" s="52" t="s">
        <v>78</v>
      </c>
      <c r="B1974" s="51" t="s">
        <v>79</v>
      </c>
      <c r="C1974" s="61">
        <v>312402594</v>
      </c>
      <c r="D1974" s="62">
        <v>20</v>
      </c>
      <c r="E1974" s="51">
        <v>202409</v>
      </c>
      <c r="F1974" s="51" t="s">
        <v>38</v>
      </c>
      <c r="G1974" s="51" t="s">
        <v>97</v>
      </c>
      <c r="H1974" s="51" t="s">
        <v>82</v>
      </c>
      <c r="I1974" s="50">
        <v>4.7</v>
      </c>
    </row>
    <row r="1975" spans="1:9" x14ac:dyDescent="0.35">
      <c r="A1975" s="52" t="s">
        <v>78</v>
      </c>
      <c r="B1975" s="51" t="s">
        <v>79</v>
      </c>
      <c r="C1975" s="61">
        <v>312904895</v>
      </c>
      <c r="D1975" s="62">
        <v>20</v>
      </c>
      <c r="E1975" s="51">
        <v>202409</v>
      </c>
      <c r="F1975" s="51" t="s">
        <v>38</v>
      </c>
      <c r="G1975" s="51" t="s">
        <v>97</v>
      </c>
      <c r="H1975" s="51" t="s">
        <v>82</v>
      </c>
      <c r="I1975" s="50">
        <v>4.7</v>
      </c>
    </row>
    <row r="1976" spans="1:9" x14ac:dyDescent="0.35">
      <c r="A1976" s="52" t="s">
        <v>78</v>
      </c>
      <c r="B1976" s="51" t="s">
        <v>79</v>
      </c>
      <c r="C1976" s="61">
        <v>314503330</v>
      </c>
      <c r="D1976" s="62">
        <v>20</v>
      </c>
      <c r="E1976" s="51">
        <v>202409</v>
      </c>
      <c r="F1976" s="51" t="s">
        <v>38</v>
      </c>
      <c r="G1976" s="51" t="s">
        <v>97</v>
      </c>
      <c r="H1976" s="51" t="s">
        <v>82</v>
      </c>
      <c r="I1976" s="50">
        <v>4.7</v>
      </c>
    </row>
    <row r="1977" spans="1:9" x14ac:dyDescent="0.35">
      <c r="A1977" s="52" t="s">
        <v>78</v>
      </c>
      <c r="B1977" s="51" t="s">
        <v>79</v>
      </c>
      <c r="C1977" s="61">
        <v>314603342</v>
      </c>
      <c r="D1977" s="62">
        <v>20</v>
      </c>
      <c r="E1977" s="51">
        <v>202409</v>
      </c>
      <c r="F1977" s="51" t="s">
        <v>38</v>
      </c>
      <c r="G1977" s="51" t="s">
        <v>97</v>
      </c>
      <c r="H1977" s="51" t="s">
        <v>82</v>
      </c>
      <c r="I1977" s="50">
        <v>4.7</v>
      </c>
    </row>
    <row r="1978" spans="1:9" x14ac:dyDescent="0.35">
      <c r="A1978" s="52" t="s">
        <v>78</v>
      </c>
      <c r="B1978" s="51" t="s">
        <v>79</v>
      </c>
      <c r="C1978" s="61">
        <v>315501304</v>
      </c>
      <c r="D1978" s="62">
        <v>20</v>
      </c>
      <c r="E1978" s="51">
        <v>202409</v>
      </c>
      <c r="F1978" s="51" t="s">
        <v>38</v>
      </c>
      <c r="G1978" s="51" t="s">
        <v>97</v>
      </c>
      <c r="H1978" s="51" t="s">
        <v>82</v>
      </c>
      <c r="I1978" s="50">
        <v>4.7</v>
      </c>
    </row>
    <row r="1979" spans="1:9" x14ac:dyDescent="0.35">
      <c r="A1979" s="52" t="s">
        <v>78</v>
      </c>
      <c r="B1979" s="51" t="s">
        <v>79</v>
      </c>
      <c r="C1979" s="61">
        <v>315600404</v>
      </c>
      <c r="D1979" s="62">
        <v>20</v>
      </c>
      <c r="E1979" s="51">
        <v>202409</v>
      </c>
      <c r="F1979" s="51" t="s">
        <v>38</v>
      </c>
      <c r="G1979" s="51" t="s">
        <v>97</v>
      </c>
      <c r="H1979" s="51" t="s">
        <v>82</v>
      </c>
      <c r="I1979" s="50">
        <v>4.7</v>
      </c>
    </row>
    <row r="1980" spans="1:9" x14ac:dyDescent="0.35">
      <c r="A1980" s="52" t="s">
        <v>78</v>
      </c>
      <c r="B1980" s="51" t="s">
        <v>79</v>
      </c>
      <c r="C1980" s="61">
        <v>316336609</v>
      </c>
      <c r="D1980" s="62">
        <v>20</v>
      </c>
      <c r="E1980" s="51">
        <v>202409</v>
      </c>
      <c r="F1980" s="51" t="s">
        <v>38</v>
      </c>
      <c r="G1980" s="51" t="s">
        <v>97</v>
      </c>
      <c r="H1980" s="51" t="s">
        <v>82</v>
      </c>
      <c r="I1980" s="50">
        <v>4.7</v>
      </c>
    </row>
    <row r="1981" spans="1:9" x14ac:dyDescent="0.35">
      <c r="A1981" s="52" t="s">
        <v>78</v>
      </c>
      <c r="B1981" s="51" t="s">
        <v>79</v>
      </c>
      <c r="C1981" s="61">
        <v>317105613</v>
      </c>
      <c r="D1981" s="62">
        <v>20</v>
      </c>
      <c r="E1981" s="51">
        <v>202409</v>
      </c>
      <c r="F1981" s="51" t="s">
        <v>38</v>
      </c>
      <c r="G1981" s="51" t="s">
        <v>97</v>
      </c>
      <c r="H1981" s="51" t="s">
        <v>82</v>
      </c>
      <c r="I1981" s="50">
        <v>4.7</v>
      </c>
    </row>
    <row r="1982" spans="1:9" x14ac:dyDescent="0.35">
      <c r="A1982" s="52" t="s">
        <v>78</v>
      </c>
      <c r="B1982" s="51" t="s">
        <v>79</v>
      </c>
      <c r="C1982" s="61">
        <v>317200646</v>
      </c>
      <c r="D1982" s="62">
        <v>20</v>
      </c>
      <c r="E1982" s="51">
        <v>202409</v>
      </c>
      <c r="F1982" s="51" t="s">
        <v>38</v>
      </c>
      <c r="G1982" s="51" t="s">
        <v>97</v>
      </c>
      <c r="H1982" s="51" t="s">
        <v>82</v>
      </c>
      <c r="I1982" s="50">
        <v>4.7</v>
      </c>
    </row>
    <row r="1983" spans="1:9" x14ac:dyDescent="0.35">
      <c r="A1983" s="52" t="s">
        <v>78</v>
      </c>
      <c r="B1983" s="51" t="s">
        <v>79</v>
      </c>
      <c r="C1983" s="61">
        <v>318257460</v>
      </c>
      <c r="D1983" s="62">
        <v>20</v>
      </c>
      <c r="E1983" s="51">
        <v>202409</v>
      </c>
      <c r="F1983" s="51" t="s">
        <v>38</v>
      </c>
      <c r="G1983" s="51" t="s">
        <v>97</v>
      </c>
      <c r="H1983" s="51" t="s">
        <v>82</v>
      </c>
      <c r="I1983" s="50">
        <v>4.7</v>
      </c>
    </row>
    <row r="1984" spans="1:9" x14ac:dyDescent="0.35">
      <c r="A1984" s="52" t="s">
        <v>78</v>
      </c>
      <c r="B1984" s="51" t="s">
        <v>79</v>
      </c>
      <c r="C1984" s="61">
        <v>318704220</v>
      </c>
      <c r="D1984" s="62">
        <v>20</v>
      </c>
      <c r="E1984" s="51">
        <v>202409</v>
      </c>
      <c r="F1984" s="51" t="s">
        <v>38</v>
      </c>
      <c r="G1984" s="51" t="s">
        <v>97</v>
      </c>
      <c r="H1984" s="51" t="s">
        <v>82</v>
      </c>
      <c r="I1984" s="50">
        <v>4.7</v>
      </c>
    </row>
    <row r="1985" spans="1:9" x14ac:dyDescent="0.35">
      <c r="A1985" s="52" t="s">
        <v>78</v>
      </c>
      <c r="B1985" s="51" t="s">
        <v>79</v>
      </c>
      <c r="C1985" s="61">
        <v>318902946</v>
      </c>
      <c r="D1985" s="62">
        <v>20</v>
      </c>
      <c r="E1985" s="51">
        <v>202409</v>
      </c>
      <c r="F1985" s="51" t="s">
        <v>38</v>
      </c>
      <c r="G1985" s="51" t="s">
        <v>97</v>
      </c>
      <c r="H1985" s="51" t="s">
        <v>82</v>
      </c>
      <c r="I1985" s="50">
        <v>4.7</v>
      </c>
    </row>
    <row r="1986" spans="1:9" x14ac:dyDescent="0.35">
      <c r="A1986" s="52" t="s">
        <v>78</v>
      </c>
      <c r="B1986" s="51" t="s">
        <v>79</v>
      </c>
      <c r="C1986" s="61">
        <v>321758796</v>
      </c>
      <c r="D1986" s="62">
        <v>20</v>
      </c>
      <c r="E1986" s="51">
        <v>202409</v>
      </c>
      <c r="F1986" s="51" t="s">
        <v>38</v>
      </c>
      <c r="G1986" s="51" t="s">
        <v>97</v>
      </c>
      <c r="H1986" s="51" t="s">
        <v>82</v>
      </c>
      <c r="I1986" s="50">
        <v>30</v>
      </c>
    </row>
    <row r="1987" spans="1:9" x14ac:dyDescent="0.35">
      <c r="A1987" s="52" t="s">
        <v>78</v>
      </c>
      <c r="B1987" s="51" t="s">
        <v>79</v>
      </c>
      <c r="C1987" s="61">
        <v>322370051</v>
      </c>
      <c r="D1987" s="62">
        <v>20</v>
      </c>
      <c r="E1987" s="51">
        <v>202409</v>
      </c>
      <c r="F1987" s="51" t="s">
        <v>38</v>
      </c>
      <c r="G1987" s="51" t="s">
        <v>97</v>
      </c>
      <c r="H1987" s="51" t="s">
        <v>82</v>
      </c>
      <c r="I1987" s="50">
        <v>4.7</v>
      </c>
    </row>
    <row r="1988" spans="1:9" x14ac:dyDescent="0.35">
      <c r="A1988" s="52" t="s">
        <v>78</v>
      </c>
      <c r="B1988" s="51" t="s">
        <v>79</v>
      </c>
      <c r="C1988" s="61">
        <v>322501323</v>
      </c>
      <c r="D1988" s="62">
        <v>20</v>
      </c>
      <c r="E1988" s="51">
        <v>202409</v>
      </c>
      <c r="F1988" s="51" t="s">
        <v>38</v>
      </c>
      <c r="G1988" s="51" t="s">
        <v>97</v>
      </c>
      <c r="H1988" s="51" t="s">
        <v>82</v>
      </c>
      <c r="I1988" s="50">
        <v>4.7</v>
      </c>
    </row>
    <row r="1989" spans="1:9" x14ac:dyDescent="0.35">
      <c r="A1989" s="52" t="s">
        <v>78</v>
      </c>
      <c r="B1989" s="51" t="s">
        <v>79</v>
      </c>
      <c r="C1989" s="61">
        <v>322900411</v>
      </c>
      <c r="D1989" s="62">
        <v>20</v>
      </c>
      <c r="E1989" s="51">
        <v>202409</v>
      </c>
      <c r="F1989" s="51" t="s">
        <v>38</v>
      </c>
      <c r="G1989" s="51" t="s">
        <v>97</v>
      </c>
      <c r="H1989" s="51" t="s">
        <v>82</v>
      </c>
      <c r="I1989" s="50">
        <v>4.7</v>
      </c>
    </row>
    <row r="1990" spans="1:9" x14ac:dyDescent="0.35">
      <c r="A1990" s="52" t="s">
        <v>78</v>
      </c>
      <c r="B1990" s="51" t="s">
        <v>79</v>
      </c>
      <c r="C1990" s="61">
        <v>325900325</v>
      </c>
      <c r="D1990" s="62">
        <v>20</v>
      </c>
      <c r="E1990" s="51">
        <v>202409</v>
      </c>
      <c r="F1990" s="51" t="s">
        <v>38</v>
      </c>
      <c r="G1990" s="51" t="s">
        <v>97</v>
      </c>
      <c r="H1990" s="51" t="s">
        <v>82</v>
      </c>
      <c r="I1990" s="50">
        <v>4.7</v>
      </c>
    </row>
    <row r="1991" spans="1:9" x14ac:dyDescent="0.35">
      <c r="A1991" s="52" t="s">
        <v>78</v>
      </c>
      <c r="B1991" s="51" t="s">
        <v>79</v>
      </c>
      <c r="C1991" s="61">
        <v>326468332</v>
      </c>
      <c r="D1991" s="62">
        <v>20</v>
      </c>
      <c r="E1991" s="51">
        <v>202409</v>
      </c>
      <c r="F1991" s="51" t="s">
        <v>38</v>
      </c>
      <c r="G1991" s="51" t="s">
        <v>97</v>
      </c>
      <c r="H1991" s="51" t="s">
        <v>82</v>
      </c>
      <c r="I1991" s="50">
        <v>4.7</v>
      </c>
    </row>
    <row r="1992" spans="1:9" x14ac:dyDescent="0.35">
      <c r="A1992" s="52" t="s">
        <v>78</v>
      </c>
      <c r="B1992" s="51" t="s">
        <v>79</v>
      </c>
      <c r="C1992" s="61">
        <v>326600735</v>
      </c>
      <c r="D1992" s="62">
        <v>20</v>
      </c>
      <c r="E1992" s="51">
        <v>202409</v>
      </c>
      <c r="F1992" s="51" t="s">
        <v>38</v>
      </c>
      <c r="G1992" s="51" t="s">
        <v>97</v>
      </c>
      <c r="H1992" s="51" t="s">
        <v>82</v>
      </c>
      <c r="I1992" s="50">
        <v>4.7</v>
      </c>
    </row>
    <row r="1993" spans="1:9" x14ac:dyDescent="0.35">
      <c r="A1993" s="52" t="s">
        <v>78</v>
      </c>
      <c r="B1993" s="51" t="s">
        <v>79</v>
      </c>
      <c r="C1993" s="61">
        <v>327101889</v>
      </c>
      <c r="D1993" s="62">
        <v>20</v>
      </c>
      <c r="E1993" s="51">
        <v>202409</v>
      </c>
      <c r="F1993" s="51" t="s">
        <v>38</v>
      </c>
      <c r="G1993" s="51" t="s">
        <v>97</v>
      </c>
      <c r="H1993" s="51" t="s">
        <v>82</v>
      </c>
      <c r="I1993" s="50">
        <v>4.7</v>
      </c>
    </row>
    <row r="1994" spans="1:9" x14ac:dyDescent="0.35">
      <c r="A1994" s="52" t="s">
        <v>78</v>
      </c>
      <c r="B1994" s="51" t="s">
        <v>79</v>
      </c>
      <c r="C1994" s="61">
        <v>327352570</v>
      </c>
      <c r="D1994" s="62">
        <v>20</v>
      </c>
      <c r="E1994" s="51">
        <v>202409</v>
      </c>
      <c r="F1994" s="51" t="s">
        <v>38</v>
      </c>
      <c r="G1994" s="51" t="s">
        <v>97</v>
      </c>
      <c r="H1994" s="51" t="s">
        <v>82</v>
      </c>
      <c r="I1994" s="50">
        <v>4.7</v>
      </c>
    </row>
    <row r="1995" spans="1:9" x14ac:dyDescent="0.35">
      <c r="A1995" s="52" t="s">
        <v>78</v>
      </c>
      <c r="B1995" s="51" t="s">
        <v>79</v>
      </c>
      <c r="C1995" s="61">
        <v>327475730</v>
      </c>
      <c r="D1995" s="62">
        <v>20</v>
      </c>
      <c r="E1995" s="51">
        <v>202409</v>
      </c>
      <c r="F1995" s="51" t="s">
        <v>38</v>
      </c>
      <c r="G1995" s="51" t="s">
        <v>97</v>
      </c>
      <c r="H1995" s="51" t="s">
        <v>82</v>
      </c>
      <c r="I1995" s="50">
        <v>4.7</v>
      </c>
    </row>
    <row r="1996" spans="1:9" x14ac:dyDescent="0.35">
      <c r="A1996" s="52" t="s">
        <v>78</v>
      </c>
      <c r="B1996" s="51" t="s">
        <v>79</v>
      </c>
      <c r="C1996" s="61">
        <v>327879731</v>
      </c>
      <c r="D1996" s="62">
        <v>20</v>
      </c>
      <c r="E1996" s="51">
        <v>202409</v>
      </c>
      <c r="F1996" s="51" t="s">
        <v>38</v>
      </c>
      <c r="G1996" s="51" t="s">
        <v>97</v>
      </c>
      <c r="H1996" s="51" t="s">
        <v>82</v>
      </c>
      <c r="I1996" s="50">
        <v>4.7</v>
      </c>
    </row>
    <row r="1997" spans="1:9" x14ac:dyDescent="0.35">
      <c r="A1997" s="52" t="s">
        <v>78</v>
      </c>
      <c r="B1997" s="51" t="s">
        <v>79</v>
      </c>
      <c r="C1997" s="61">
        <v>328011973</v>
      </c>
      <c r="D1997" s="62">
        <v>20</v>
      </c>
      <c r="E1997" s="51">
        <v>202409</v>
      </c>
      <c r="F1997" s="51" t="s">
        <v>38</v>
      </c>
      <c r="G1997" s="51" t="s">
        <v>97</v>
      </c>
      <c r="H1997" s="51" t="s">
        <v>82</v>
      </c>
      <c r="I1997" s="50">
        <v>4.7</v>
      </c>
    </row>
    <row r="1998" spans="1:9" x14ac:dyDescent="0.35">
      <c r="A1998" s="52" t="s">
        <v>78</v>
      </c>
      <c r="B1998" s="51" t="s">
        <v>79</v>
      </c>
      <c r="C1998" s="61">
        <v>328501260</v>
      </c>
      <c r="D1998" s="62">
        <v>20</v>
      </c>
      <c r="E1998" s="51">
        <v>202409</v>
      </c>
      <c r="F1998" s="51" t="s">
        <v>38</v>
      </c>
      <c r="G1998" s="51" t="s">
        <v>97</v>
      </c>
      <c r="H1998" s="51" t="s">
        <v>82</v>
      </c>
      <c r="I1998" s="50">
        <v>4.7</v>
      </c>
    </row>
    <row r="1999" spans="1:9" x14ac:dyDescent="0.35">
      <c r="A1999" s="52" t="s">
        <v>78</v>
      </c>
      <c r="B1999" s="51" t="s">
        <v>79</v>
      </c>
      <c r="C1999" s="61">
        <v>329600853</v>
      </c>
      <c r="D1999" s="62">
        <v>20</v>
      </c>
      <c r="E1999" s="51">
        <v>202409</v>
      </c>
      <c r="F1999" s="51" t="s">
        <v>38</v>
      </c>
      <c r="G1999" s="51" t="s">
        <v>97</v>
      </c>
      <c r="H1999" s="51" t="s">
        <v>82</v>
      </c>
      <c r="I1999" s="50">
        <v>4.7</v>
      </c>
    </row>
    <row r="2000" spans="1:9" x14ac:dyDescent="0.35">
      <c r="A2000" s="52" t="s">
        <v>78</v>
      </c>
      <c r="B2000" s="51" t="s">
        <v>79</v>
      </c>
      <c r="C2000" s="61">
        <v>330003517</v>
      </c>
      <c r="D2000" s="62">
        <v>20</v>
      </c>
      <c r="E2000" s="51">
        <v>202409</v>
      </c>
      <c r="F2000" s="51" t="s">
        <v>38</v>
      </c>
      <c r="G2000" s="51" t="s">
        <v>97</v>
      </c>
      <c r="H2000" s="51" t="s">
        <v>82</v>
      </c>
      <c r="I2000" s="50">
        <v>4.7</v>
      </c>
    </row>
    <row r="2001" spans="1:9" x14ac:dyDescent="0.35">
      <c r="A2001" s="52" t="s">
        <v>78</v>
      </c>
      <c r="B2001" s="51" t="s">
        <v>79</v>
      </c>
      <c r="C2001" s="61">
        <v>330978222</v>
      </c>
      <c r="D2001" s="62">
        <v>20</v>
      </c>
      <c r="E2001" s="51">
        <v>202409</v>
      </c>
      <c r="F2001" s="51" t="s">
        <v>38</v>
      </c>
      <c r="G2001" s="51" t="s">
        <v>97</v>
      </c>
      <c r="H2001" s="51" t="s">
        <v>82</v>
      </c>
      <c r="I2001" s="50">
        <v>4.7</v>
      </c>
    </row>
    <row r="2002" spans="1:9" x14ac:dyDescent="0.35">
      <c r="A2002" s="52" t="s">
        <v>78</v>
      </c>
      <c r="B2002" s="51" t="s">
        <v>79</v>
      </c>
      <c r="C2002" s="61">
        <v>332084675</v>
      </c>
      <c r="D2002" s="62">
        <v>20</v>
      </c>
      <c r="E2002" s="51">
        <v>202409</v>
      </c>
      <c r="F2002" s="51" t="s">
        <v>38</v>
      </c>
      <c r="G2002" s="51" t="s">
        <v>97</v>
      </c>
      <c r="H2002" s="51" t="s">
        <v>82</v>
      </c>
      <c r="I2002" s="50">
        <v>4.7</v>
      </c>
    </row>
    <row r="2003" spans="1:9" x14ac:dyDescent="0.35">
      <c r="A2003" s="52" t="s">
        <v>78</v>
      </c>
      <c r="B2003" s="51" t="s">
        <v>79</v>
      </c>
      <c r="C2003" s="61">
        <v>332645220</v>
      </c>
      <c r="D2003" s="62">
        <v>20</v>
      </c>
      <c r="E2003" s="51">
        <v>202409</v>
      </c>
      <c r="F2003" s="51" t="s">
        <v>38</v>
      </c>
      <c r="G2003" s="51" t="s">
        <v>97</v>
      </c>
      <c r="H2003" s="51" t="s">
        <v>82</v>
      </c>
      <c r="I2003" s="50">
        <v>4.7</v>
      </c>
    </row>
    <row r="2004" spans="1:9" x14ac:dyDescent="0.35">
      <c r="A2004" s="52" t="s">
        <v>78</v>
      </c>
      <c r="B2004" s="51" t="s">
        <v>79</v>
      </c>
      <c r="C2004" s="61">
        <v>335609205</v>
      </c>
      <c r="D2004" s="62">
        <v>20</v>
      </c>
      <c r="E2004" s="51">
        <v>202409</v>
      </c>
      <c r="F2004" s="51" t="s">
        <v>38</v>
      </c>
      <c r="G2004" s="51" t="s">
        <v>97</v>
      </c>
      <c r="H2004" s="51" t="s">
        <v>82</v>
      </c>
      <c r="I2004" s="50">
        <v>4.7</v>
      </c>
    </row>
    <row r="2005" spans="1:9" x14ac:dyDescent="0.35">
      <c r="A2005" s="52" t="s">
        <v>78</v>
      </c>
      <c r="B2005" s="51" t="s">
        <v>79</v>
      </c>
      <c r="C2005" s="61">
        <v>335616642</v>
      </c>
      <c r="D2005" s="62">
        <v>20</v>
      </c>
      <c r="E2005" s="51">
        <v>202409</v>
      </c>
      <c r="F2005" s="51" t="s">
        <v>38</v>
      </c>
      <c r="G2005" s="51" t="s">
        <v>97</v>
      </c>
      <c r="H2005" s="51" t="s">
        <v>82</v>
      </c>
      <c r="I2005" s="50">
        <v>4.7</v>
      </c>
    </row>
    <row r="2006" spans="1:9" x14ac:dyDescent="0.35">
      <c r="A2006" s="52" t="s">
        <v>78</v>
      </c>
      <c r="B2006" s="51" t="s">
        <v>79</v>
      </c>
      <c r="C2006" s="61">
        <v>336117443</v>
      </c>
      <c r="D2006" s="62">
        <v>20</v>
      </c>
      <c r="E2006" s="51">
        <v>202409</v>
      </c>
      <c r="F2006" s="51" t="s">
        <v>38</v>
      </c>
      <c r="G2006" s="51" t="s">
        <v>97</v>
      </c>
      <c r="H2006" s="51" t="s">
        <v>82</v>
      </c>
      <c r="I2006" s="50">
        <v>4.7</v>
      </c>
    </row>
    <row r="2007" spans="1:9" x14ac:dyDescent="0.35">
      <c r="A2007" s="52" t="s">
        <v>78</v>
      </c>
      <c r="B2007" s="51" t="s">
        <v>79</v>
      </c>
      <c r="C2007" s="61">
        <v>336641321</v>
      </c>
      <c r="D2007" s="62">
        <v>20</v>
      </c>
      <c r="E2007" s="51">
        <v>202409</v>
      </c>
      <c r="F2007" s="51" t="s">
        <v>38</v>
      </c>
      <c r="G2007" s="51" t="s">
        <v>97</v>
      </c>
      <c r="H2007" s="51" t="s">
        <v>82</v>
      </c>
      <c r="I2007" s="50">
        <v>4.7</v>
      </c>
    </row>
    <row r="2008" spans="1:9" x14ac:dyDescent="0.35">
      <c r="A2008" s="52" t="s">
        <v>78</v>
      </c>
      <c r="B2008" s="51" t="s">
        <v>79</v>
      </c>
      <c r="C2008" s="61">
        <v>337280231</v>
      </c>
      <c r="D2008" s="62">
        <v>20</v>
      </c>
      <c r="E2008" s="51">
        <v>202409</v>
      </c>
      <c r="F2008" s="51" t="s">
        <v>38</v>
      </c>
      <c r="G2008" s="51" t="s">
        <v>97</v>
      </c>
      <c r="H2008" s="51" t="s">
        <v>82</v>
      </c>
      <c r="I2008" s="50">
        <v>4.7</v>
      </c>
    </row>
    <row r="2009" spans="1:9" x14ac:dyDescent="0.35">
      <c r="A2009" s="52" t="s">
        <v>78</v>
      </c>
      <c r="B2009" s="51" t="s">
        <v>79</v>
      </c>
      <c r="C2009" s="61">
        <v>337501144</v>
      </c>
      <c r="D2009" s="62">
        <v>20</v>
      </c>
      <c r="E2009" s="51">
        <v>202409</v>
      </c>
      <c r="F2009" s="51" t="s">
        <v>38</v>
      </c>
      <c r="G2009" s="51" t="s">
        <v>97</v>
      </c>
      <c r="H2009" s="51" t="s">
        <v>82</v>
      </c>
      <c r="I2009" s="50">
        <v>4.7</v>
      </c>
    </row>
    <row r="2010" spans="1:9" x14ac:dyDescent="0.35">
      <c r="A2010" s="52" t="s">
        <v>78</v>
      </c>
      <c r="B2010" s="51" t="s">
        <v>79</v>
      </c>
      <c r="C2010" s="61">
        <v>337505784</v>
      </c>
      <c r="D2010" s="62">
        <v>20</v>
      </c>
      <c r="E2010" s="51">
        <v>202409</v>
      </c>
      <c r="F2010" s="51" t="s">
        <v>38</v>
      </c>
      <c r="G2010" s="51" t="s">
        <v>97</v>
      </c>
      <c r="H2010" s="51" t="s">
        <v>82</v>
      </c>
      <c r="I2010" s="50">
        <v>4.7</v>
      </c>
    </row>
    <row r="2011" spans="1:9" x14ac:dyDescent="0.35">
      <c r="A2011" s="52" t="s">
        <v>78</v>
      </c>
      <c r="B2011" s="51" t="s">
        <v>79</v>
      </c>
      <c r="C2011" s="61">
        <v>337596580</v>
      </c>
      <c r="D2011" s="62">
        <v>20</v>
      </c>
      <c r="E2011" s="51">
        <v>202409</v>
      </c>
      <c r="F2011" s="51" t="s">
        <v>38</v>
      </c>
      <c r="G2011" s="51" t="s">
        <v>97</v>
      </c>
      <c r="H2011" s="51" t="s">
        <v>82</v>
      </c>
      <c r="I2011" s="50">
        <v>30</v>
      </c>
    </row>
    <row r="2012" spans="1:9" x14ac:dyDescent="0.35">
      <c r="A2012" s="52" t="s">
        <v>78</v>
      </c>
      <c r="B2012" s="51" t="s">
        <v>79</v>
      </c>
      <c r="C2012" s="61">
        <v>337707916</v>
      </c>
      <c r="D2012" s="62">
        <v>20</v>
      </c>
      <c r="E2012" s="51">
        <v>202409</v>
      </c>
      <c r="F2012" s="51" t="s">
        <v>38</v>
      </c>
      <c r="G2012" s="51" t="s">
        <v>97</v>
      </c>
      <c r="H2012" s="51" t="s">
        <v>82</v>
      </c>
      <c r="I2012" s="50">
        <v>30</v>
      </c>
    </row>
    <row r="2013" spans="1:9" x14ac:dyDescent="0.35">
      <c r="A2013" s="52" t="s">
        <v>78</v>
      </c>
      <c r="B2013" s="51" t="s">
        <v>79</v>
      </c>
      <c r="C2013" s="61">
        <v>338005391</v>
      </c>
      <c r="D2013" s="62">
        <v>20</v>
      </c>
      <c r="E2013" s="51">
        <v>202409</v>
      </c>
      <c r="F2013" s="51" t="s">
        <v>38</v>
      </c>
      <c r="G2013" s="51" t="s">
        <v>97</v>
      </c>
      <c r="H2013" s="51" t="s">
        <v>82</v>
      </c>
      <c r="I2013" s="50">
        <v>4.7</v>
      </c>
    </row>
    <row r="2014" spans="1:9" x14ac:dyDescent="0.35">
      <c r="A2014" s="52" t="s">
        <v>78</v>
      </c>
      <c r="B2014" s="51" t="s">
        <v>79</v>
      </c>
      <c r="C2014" s="61">
        <v>338085072</v>
      </c>
      <c r="D2014" s="62">
        <v>20</v>
      </c>
      <c r="E2014" s="51">
        <v>202409</v>
      </c>
      <c r="F2014" s="51" t="s">
        <v>38</v>
      </c>
      <c r="G2014" s="51" t="s">
        <v>97</v>
      </c>
      <c r="H2014" s="51" t="s">
        <v>82</v>
      </c>
      <c r="I2014" s="50">
        <v>4.7</v>
      </c>
    </row>
    <row r="2015" spans="1:9" x14ac:dyDescent="0.35">
      <c r="A2015" s="52" t="s">
        <v>78</v>
      </c>
      <c r="B2015" s="51" t="s">
        <v>79</v>
      </c>
      <c r="C2015" s="61">
        <v>339972940</v>
      </c>
      <c r="D2015" s="62">
        <v>20</v>
      </c>
      <c r="E2015" s="51">
        <v>202409</v>
      </c>
      <c r="F2015" s="51" t="s">
        <v>38</v>
      </c>
      <c r="G2015" s="51" t="s">
        <v>97</v>
      </c>
      <c r="H2015" s="51" t="s">
        <v>82</v>
      </c>
      <c r="I2015" s="50">
        <v>4.7</v>
      </c>
    </row>
    <row r="2016" spans="1:9" x14ac:dyDescent="0.35">
      <c r="A2016" s="52" t="s">
        <v>78</v>
      </c>
      <c r="B2016" s="51" t="s">
        <v>79</v>
      </c>
      <c r="C2016" s="61">
        <v>340712002</v>
      </c>
      <c r="D2016" s="62">
        <v>20</v>
      </c>
      <c r="E2016" s="51">
        <v>202409</v>
      </c>
      <c r="F2016" s="51" t="s">
        <v>38</v>
      </c>
      <c r="G2016" s="51" t="s">
        <v>97</v>
      </c>
      <c r="H2016" s="51" t="s">
        <v>82</v>
      </c>
      <c r="I2016" s="50">
        <v>30</v>
      </c>
    </row>
    <row r="2017" spans="1:9" x14ac:dyDescent="0.35">
      <c r="A2017" s="52" t="s">
        <v>78</v>
      </c>
      <c r="B2017" s="51" t="s">
        <v>79</v>
      </c>
      <c r="C2017" s="61">
        <v>342091922</v>
      </c>
      <c r="D2017" s="62">
        <v>20</v>
      </c>
      <c r="E2017" s="51">
        <v>202409</v>
      </c>
      <c r="F2017" s="51" t="s">
        <v>38</v>
      </c>
      <c r="G2017" s="51" t="s">
        <v>97</v>
      </c>
      <c r="H2017" s="51" t="s">
        <v>82</v>
      </c>
      <c r="I2017" s="50">
        <v>4.7</v>
      </c>
    </row>
    <row r="2018" spans="1:9" x14ac:dyDescent="0.35">
      <c r="A2018" s="52" t="s">
        <v>78</v>
      </c>
      <c r="B2018" s="51" t="s">
        <v>79</v>
      </c>
      <c r="C2018" s="61">
        <v>342626681</v>
      </c>
      <c r="D2018" s="62">
        <v>20</v>
      </c>
      <c r="E2018" s="51">
        <v>202409</v>
      </c>
      <c r="F2018" s="51" t="s">
        <v>38</v>
      </c>
      <c r="G2018" s="51" t="s">
        <v>97</v>
      </c>
      <c r="H2018" s="51" t="s">
        <v>82</v>
      </c>
      <c r="I2018" s="50">
        <v>4.7</v>
      </c>
    </row>
    <row r="2019" spans="1:9" x14ac:dyDescent="0.35">
      <c r="A2019" s="52" t="s">
        <v>78</v>
      </c>
      <c r="B2019" s="51" t="s">
        <v>79</v>
      </c>
      <c r="C2019" s="61">
        <v>343789161</v>
      </c>
      <c r="D2019" s="62">
        <v>20</v>
      </c>
      <c r="E2019" s="51">
        <v>202409</v>
      </c>
      <c r="F2019" s="51" t="s">
        <v>38</v>
      </c>
      <c r="G2019" s="51" t="s">
        <v>97</v>
      </c>
      <c r="H2019" s="51" t="s">
        <v>82</v>
      </c>
      <c r="I2019" s="50">
        <v>4.7</v>
      </c>
    </row>
    <row r="2020" spans="1:9" x14ac:dyDescent="0.35">
      <c r="A2020" s="52" t="s">
        <v>78</v>
      </c>
      <c r="B2020" s="51" t="s">
        <v>79</v>
      </c>
      <c r="C2020" s="61">
        <v>344861624</v>
      </c>
      <c r="D2020" s="62">
        <v>20</v>
      </c>
      <c r="E2020" s="51">
        <v>202409</v>
      </c>
      <c r="F2020" s="51" t="s">
        <v>38</v>
      </c>
      <c r="G2020" s="51" t="s">
        <v>97</v>
      </c>
      <c r="H2020" s="51" t="s">
        <v>82</v>
      </c>
      <c r="I2020" s="50">
        <v>4.7</v>
      </c>
    </row>
    <row r="2021" spans="1:9" x14ac:dyDescent="0.35">
      <c r="A2021" s="52" t="s">
        <v>78</v>
      </c>
      <c r="B2021" s="51" t="s">
        <v>79</v>
      </c>
      <c r="C2021" s="61">
        <v>345600219</v>
      </c>
      <c r="D2021" s="62">
        <v>20</v>
      </c>
      <c r="E2021" s="51">
        <v>202409</v>
      </c>
      <c r="F2021" s="51" t="s">
        <v>38</v>
      </c>
      <c r="G2021" s="51" t="s">
        <v>97</v>
      </c>
      <c r="H2021" s="51" t="s">
        <v>82</v>
      </c>
      <c r="I2021" s="50">
        <v>4.7</v>
      </c>
    </row>
    <row r="2022" spans="1:9" x14ac:dyDescent="0.35">
      <c r="A2022" s="52" t="s">
        <v>78</v>
      </c>
      <c r="B2022" s="51" t="s">
        <v>79</v>
      </c>
      <c r="C2022" s="61">
        <v>346373654</v>
      </c>
      <c r="D2022" s="62">
        <v>20</v>
      </c>
      <c r="E2022" s="51">
        <v>202409</v>
      </c>
      <c r="F2022" s="51" t="s">
        <v>38</v>
      </c>
      <c r="G2022" s="51" t="s">
        <v>97</v>
      </c>
      <c r="H2022" s="51" t="s">
        <v>82</v>
      </c>
      <c r="I2022" s="50">
        <v>4.7</v>
      </c>
    </row>
    <row r="2023" spans="1:9" x14ac:dyDescent="0.35">
      <c r="A2023" s="52" t="s">
        <v>78</v>
      </c>
      <c r="B2023" s="51" t="s">
        <v>79</v>
      </c>
      <c r="C2023" s="61">
        <v>346709831</v>
      </c>
      <c r="D2023" s="62">
        <v>20</v>
      </c>
      <c r="E2023" s="51">
        <v>202409</v>
      </c>
      <c r="F2023" s="51" t="s">
        <v>38</v>
      </c>
      <c r="G2023" s="51" t="s">
        <v>97</v>
      </c>
      <c r="H2023" s="51" t="s">
        <v>82</v>
      </c>
      <c r="I2023" s="50">
        <v>4.7</v>
      </c>
    </row>
    <row r="2024" spans="1:9" x14ac:dyDescent="0.35">
      <c r="A2024" s="52" t="s">
        <v>78</v>
      </c>
      <c r="B2024" s="51" t="s">
        <v>79</v>
      </c>
      <c r="C2024" s="61">
        <v>347300674</v>
      </c>
      <c r="D2024" s="62">
        <v>20</v>
      </c>
      <c r="E2024" s="51">
        <v>202409</v>
      </c>
      <c r="F2024" s="51" t="s">
        <v>38</v>
      </c>
      <c r="G2024" s="51" t="s">
        <v>97</v>
      </c>
      <c r="H2024" s="51" t="s">
        <v>82</v>
      </c>
      <c r="I2024" s="50">
        <v>4.7</v>
      </c>
    </row>
    <row r="2025" spans="1:9" x14ac:dyDescent="0.35">
      <c r="A2025" s="52" t="s">
        <v>78</v>
      </c>
      <c r="B2025" s="51" t="s">
        <v>79</v>
      </c>
      <c r="C2025" s="61">
        <v>347370391</v>
      </c>
      <c r="D2025" s="62">
        <v>20</v>
      </c>
      <c r="E2025" s="51">
        <v>202409</v>
      </c>
      <c r="F2025" s="51" t="s">
        <v>38</v>
      </c>
      <c r="G2025" s="51" t="s">
        <v>97</v>
      </c>
      <c r="H2025" s="51" t="s">
        <v>82</v>
      </c>
      <c r="I2025" s="50">
        <v>4.7</v>
      </c>
    </row>
    <row r="2026" spans="1:9" x14ac:dyDescent="0.35">
      <c r="A2026" s="52" t="s">
        <v>78</v>
      </c>
      <c r="B2026" s="51" t="s">
        <v>79</v>
      </c>
      <c r="C2026" s="61">
        <v>347602525</v>
      </c>
      <c r="D2026" s="62">
        <v>20</v>
      </c>
      <c r="E2026" s="51">
        <v>202409</v>
      </c>
      <c r="F2026" s="51" t="s">
        <v>38</v>
      </c>
      <c r="G2026" s="51" t="s">
        <v>97</v>
      </c>
      <c r="H2026" s="51" t="s">
        <v>82</v>
      </c>
      <c r="I2026" s="50">
        <v>4.7</v>
      </c>
    </row>
    <row r="2027" spans="1:9" x14ac:dyDescent="0.35">
      <c r="A2027" s="52" t="s">
        <v>78</v>
      </c>
      <c r="B2027" s="51" t="s">
        <v>79</v>
      </c>
      <c r="C2027" s="61">
        <v>348005707</v>
      </c>
      <c r="D2027" s="62">
        <v>20</v>
      </c>
      <c r="E2027" s="51">
        <v>202409</v>
      </c>
      <c r="F2027" s="51" t="s">
        <v>38</v>
      </c>
      <c r="G2027" s="51" t="s">
        <v>97</v>
      </c>
      <c r="H2027" s="51" t="s">
        <v>82</v>
      </c>
      <c r="I2027" s="50">
        <v>4.7</v>
      </c>
    </row>
    <row r="2028" spans="1:9" x14ac:dyDescent="0.35">
      <c r="A2028" s="52" t="s">
        <v>78</v>
      </c>
      <c r="B2028" s="51" t="s">
        <v>79</v>
      </c>
      <c r="C2028" s="61">
        <v>348411977</v>
      </c>
      <c r="D2028" s="62">
        <v>20</v>
      </c>
      <c r="E2028" s="51">
        <v>202409</v>
      </c>
      <c r="F2028" s="51" t="s">
        <v>38</v>
      </c>
      <c r="G2028" s="51" t="s">
        <v>97</v>
      </c>
      <c r="H2028" s="51" t="s">
        <v>82</v>
      </c>
      <c r="I2028" s="50">
        <v>4.7</v>
      </c>
    </row>
    <row r="2029" spans="1:9" x14ac:dyDescent="0.35">
      <c r="A2029" s="52" t="s">
        <v>78</v>
      </c>
      <c r="B2029" s="51" t="s">
        <v>79</v>
      </c>
      <c r="C2029" s="61">
        <v>349049131</v>
      </c>
      <c r="D2029" s="62">
        <v>20</v>
      </c>
      <c r="E2029" s="51">
        <v>202409</v>
      </c>
      <c r="F2029" s="51" t="s">
        <v>38</v>
      </c>
      <c r="G2029" s="51" t="s">
        <v>97</v>
      </c>
      <c r="H2029" s="51" t="s">
        <v>82</v>
      </c>
      <c r="I2029" s="50">
        <v>4.7</v>
      </c>
    </row>
    <row r="2030" spans="1:9" x14ac:dyDescent="0.35">
      <c r="A2030" s="52" t="s">
        <v>78</v>
      </c>
      <c r="B2030" s="51" t="s">
        <v>79</v>
      </c>
      <c r="C2030" s="61">
        <v>349302112</v>
      </c>
      <c r="D2030" s="62">
        <v>20</v>
      </c>
      <c r="E2030" s="51">
        <v>202409</v>
      </c>
      <c r="F2030" s="51" t="s">
        <v>38</v>
      </c>
      <c r="G2030" s="51" t="s">
        <v>97</v>
      </c>
      <c r="H2030" s="51" t="s">
        <v>82</v>
      </c>
      <c r="I2030" s="50">
        <v>4.7</v>
      </c>
    </row>
    <row r="2031" spans="1:9" x14ac:dyDescent="0.35">
      <c r="A2031" s="52" t="s">
        <v>78</v>
      </c>
      <c r="B2031" s="51" t="s">
        <v>79</v>
      </c>
      <c r="C2031" s="61">
        <v>349505782</v>
      </c>
      <c r="D2031" s="62">
        <v>20</v>
      </c>
      <c r="E2031" s="51">
        <v>202409</v>
      </c>
      <c r="F2031" s="51" t="s">
        <v>38</v>
      </c>
      <c r="G2031" s="51" t="s">
        <v>97</v>
      </c>
      <c r="H2031" s="51" t="s">
        <v>82</v>
      </c>
      <c r="I2031" s="50">
        <v>4.7</v>
      </c>
    </row>
    <row r="2032" spans="1:9" x14ac:dyDescent="0.35">
      <c r="A2032" s="52" t="s">
        <v>78</v>
      </c>
      <c r="B2032" s="51" t="s">
        <v>79</v>
      </c>
      <c r="C2032" s="61">
        <v>349556424</v>
      </c>
      <c r="D2032" s="62">
        <v>20</v>
      </c>
      <c r="E2032" s="51">
        <v>202409</v>
      </c>
      <c r="F2032" s="51" t="s">
        <v>38</v>
      </c>
      <c r="G2032" s="51" t="s">
        <v>97</v>
      </c>
      <c r="H2032" s="51" t="s">
        <v>82</v>
      </c>
      <c r="I2032" s="50">
        <v>4.7</v>
      </c>
    </row>
    <row r="2033" spans="1:9" x14ac:dyDescent="0.35">
      <c r="A2033" s="52" t="s">
        <v>78</v>
      </c>
      <c r="B2033" s="51" t="s">
        <v>79</v>
      </c>
      <c r="C2033" s="61">
        <v>350060390</v>
      </c>
      <c r="D2033" s="62">
        <v>20</v>
      </c>
      <c r="E2033" s="51">
        <v>202409</v>
      </c>
      <c r="F2033" s="51" t="s">
        <v>38</v>
      </c>
      <c r="G2033" s="51" t="s">
        <v>97</v>
      </c>
      <c r="H2033" s="51" t="s">
        <v>82</v>
      </c>
      <c r="I2033" s="50">
        <v>4.7</v>
      </c>
    </row>
    <row r="2034" spans="1:9" x14ac:dyDescent="0.35">
      <c r="A2034" s="52" t="s">
        <v>78</v>
      </c>
      <c r="B2034" s="51" t="s">
        <v>79</v>
      </c>
      <c r="C2034" s="61">
        <v>350502122</v>
      </c>
      <c r="D2034" s="62">
        <v>20</v>
      </c>
      <c r="E2034" s="51">
        <v>202409</v>
      </c>
      <c r="F2034" s="51" t="s">
        <v>38</v>
      </c>
      <c r="G2034" s="51" t="s">
        <v>97</v>
      </c>
      <c r="H2034" s="51" t="s">
        <v>82</v>
      </c>
      <c r="I2034" s="50">
        <v>30</v>
      </c>
    </row>
    <row r="2035" spans="1:9" x14ac:dyDescent="0.35">
      <c r="A2035" s="52" t="s">
        <v>78</v>
      </c>
      <c r="B2035" s="51" t="s">
        <v>79</v>
      </c>
      <c r="C2035" s="61">
        <v>351302282</v>
      </c>
      <c r="D2035" s="62">
        <v>20</v>
      </c>
      <c r="E2035" s="51">
        <v>202409</v>
      </c>
      <c r="F2035" s="51" t="s">
        <v>38</v>
      </c>
      <c r="G2035" s="51" t="s">
        <v>97</v>
      </c>
      <c r="H2035" s="51" t="s">
        <v>82</v>
      </c>
      <c r="I2035" s="50">
        <v>4.7</v>
      </c>
    </row>
    <row r="2036" spans="1:9" x14ac:dyDescent="0.35">
      <c r="A2036" s="52" t="s">
        <v>78</v>
      </c>
      <c r="B2036" s="51" t="s">
        <v>79</v>
      </c>
      <c r="C2036" s="61">
        <v>351905400</v>
      </c>
      <c r="D2036" s="62">
        <v>20</v>
      </c>
      <c r="E2036" s="51">
        <v>202409</v>
      </c>
      <c r="F2036" s="51" t="s">
        <v>38</v>
      </c>
      <c r="G2036" s="51" t="s">
        <v>97</v>
      </c>
      <c r="H2036" s="51" t="s">
        <v>82</v>
      </c>
      <c r="I2036" s="50">
        <v>4.7</v>
      </c>
    </row>
    <row r="2037" spans="1:9" x14ac:dyDescent="0.35">
      <c r="A2037" s="52" t="s">
        <v>78</v>
      </c>
      <c r="B2037" s="51" t="s">
        <v>79</v>
      </c>
      <c r="C2037" s="61">
        <v>352100285</v>
      </c>
      <c r="D2037" s="62">
        <v>20</v>
      </c>
      <c r="E2037" s="51">
        <v>202409</v>
      </c>
      <c r="F2037" s="51" t="s">
        <v>38</v>
      </c>
      <c r="G2037" s="51" t="s">
        <v>97</v>
      </c>
      <c r="H2037" s="51" t="s">
        <v>82</v>
      </c>
      <c r="I2037" s="50">
        <v>4.7</v>
      </c>
    </row>
    <row r="2038" spans="1:9" x14ac:dyDescent="0.35">
      <c r="A2038" s="52" t="s">
        <v>78</v>
      </c>
      <c r="B2038" s="51" t="s">
        <v>79</v>
      </c>
      <c r="C2038" s="61">
        <v>352273078</v>
      </c>
      <c r="D2038" s="62">
        <v>20</v>
      </c>
      <c r="E2038" s="51">
        <v>202409</v>
      </c>
      <c r="F2038" s="51" t="s">
        <v>38</v>
      </c>
      <c r="G2038" s="51" t="s">
        <v>97</v>
      </c>
      <c r="H2038" s="51" t="s">
        <v>82</v>
      </c>
      <c r="I2038" s="50">
        <v>4.7</v>
      </c>
    </row>
    <row r="2039" spans="1:9" x14ac:dyDescent="0.35">
      <c r="A2039" s="52" t="s">
        <v>78</v>
      </c>
      <c r="B2039" s="51" t="s">
        <v>79</v>
      </c>
      <c r="C2039" s="61">
        <v>353075461</v>
      </c>
      <c r="D2039" s="62">
        <v>20</v>
      </c>
      <c r="E2039" s="51">
        <v>202409</v>
      </c>
      <c r="F2039" s="51" t="s">
        <v>38</v>
      </c>
      <c r="G2039" s="51" t="s">
        <v>97</v>
      </c>
      <c r="H2039" s="51" t="s">
        <v>82</v>
      </c>
      <c r="I2039" s="50">
        <v>4.7</v>
      </c>
    </row>
    <row r="2040" spans="1:9" x14ac:dyDescent="0.35">
      <c r="A2040" s="52" t="s">
        <v>78</v>
      </c>
      <c r="B2040" s="51" t="s">
        <v>79</v>
      </c>
      <c r="C2040" s="61">
        <v>353080351</v>
      </c>
      <c r="D2040" s="62">
        <v>20</v>
      </c>
      <c r="E2040" s="51">
        <v>202409</v>
      </c>
      <c r="F2040" s="51" t="s">
        <v>38</v>
      </c>
      <c r="G2040" s="51" t="s">
        <v>97</v>
      </c>
      <c r="H2040" s="51" t="s">
        <v>82</v>
      </c>
      <c r="I2040" s="50">
        <v>4.7</v>
      </c>
    </row>
    <row r="2041" spans="1:9" x14ac:dyDescent="0.35">
      <c r="A2041" s="52" t="s">
        <v>78</v>
      </c>
      <c r="B2041" s="51" t="s">
        <v>79</v>
      </c>
      <c r="C2041" s="61">
        <v>353475741</v>
      </c>
      <c r="D2041" s="62">
        <v>20</v>
      </c>
      <c r="E2041" s="51">
        <v>202409</v>
      </c>
      <c r="F2041" s="51" t="s">
        <v>38</v>
      </c>
      <c r="G2041" s="51" t="s">
        <v>97</v>
      </c>
      <c r="H2041" s="51" t="s">
        <v>82</v>
      </c>
      <c r="I2041" s="50">
        <v>4.7</v>
      </c>
    </row>
    <row r="2042" spans="1:9" x14ac:dyDescent="0.35">
      <c r="A2042" s="52" t="s">
        <v>78</v>
      </c>
      <c r="B2042" s="51" t="s">
        <v>79</v>
      </c>
      <c r="C2042" s="61">
        <v>353967270</v>
      </c>
      <c r="D2042" s="62">
        <v>20</v>
      </c>
      <c r="E2042" s="51">
        <v>202409</v>
      </c>
      <c r="F2042" s="51" t="s">
        <v>38</v>
      </c>
      <c r="G2042" s="51" t="s">
        <v>97</v>
      </c>
      <c r="H2042" s="51" t="s">
        <v>82</v>
      </c>
      <c r="I2042" s="50">
        <v>4.7</v>
      </c>
    </row>
    <row r="2043" spans="1:9" x14ac:dyDescent="0.35">
      <c r="A2043" s="52" t="s">
        <v>78</v>
      </c>
      <c r="B2043" s="51" t="s">
        <v>79</v>
      </c>
      <c r="C2043" s="61">
        <v>354137473</v>
      </c>
      <c r="D2043" s="62">
        <v>20</v>
      </c>
      <c r="E2043" s="51">
        <v>202409</v>
      </c>
      <c r="F2043" s="51" t="s">
        <v>38</v>
      </c>
      <c r="G2043" s="51" t="s">
        <v>97</v>
      </c>
      <c r="H2043" s="51" t="s">
        <v>82</v>
      </c>
      <c r="I2043" s="50">
        <v>4.7</v>
      </c>
    </row>
    <row r="2044" spans="1:9" x14ac:dyDescent="0.35">
      <c r="A2044" s="52" t="s">
        <v>78</v>
      </c>
      <c r="B2044" s="51" t="s">
        <v>79</v>
      </c>
      <c r="C2044" s="61">
        <v>355601097</v>
      </c>
      <c r="D2044" s="62">
        <v>20</v>
      </c>
      <c r="E2044" s="51">
        <v>202409</v>
      </c>
      <c r="F2044" s="51" t="s">
        <v>38</v>
      </c>
      <c r="G2044" s="51" t="s">
        <v>97</v>
      </c>
      <c r="H2044" s="51" t="s">
        <v>82</v>
      </c>
      <c r="I2044" s="50">
        <v>30</v>
      </c>
    </row>
    <row r="2045" spans="1:9" x14ac:dyDescent="0.35">
      <c r="A2045" s="52" t="s">
        <v>78</v>
      </c>
      <c r="B2045" s="51" t="s">
        <v>79</v>
      </c>
      <c r="C2045" s="61">
        <v>355602810</v>
      </c>
      <c r="D2045" s="62">
        <v>20</v>
      </c>
      <c r="E2045" s="51">
        <v>202409</v>
      </c>
      <c r="F2045" s="51" t="s">
        <v>38</v>
      </c>
      <c r="G2045" s="51" t="s">
        <v>97</v>
      </c>
      <c r="H2045" s="51" t="s">
        <v>82</v>
      </c>
      <c r="I2045" s="50">
        <v>4.7</v>
      </c>
    </row>
    <row r="2046" spans="1:9" x14ac:dyDescent="0.35">
      <c r="A2046" s="52" t="s">
        <v>78</v>
      </c>
      <c r="B2046" s="51" t="s">
        <v>79</v>
      </c>
      <c r="C2046" s="61">
        <v>355654808</v>
      </c>
      <c r="D2046" s="62">
        <v>20</v>
      </c>
      <c r="E2046" s="51">
        <v>202409</v>
      </c>
      <c r="F2046" s="51" t="s">
        <v>38</v>
      </c>
      <c r="G2046" s="51" t="s">
        <v>97</v>
      </c>
      <c r="H2046" s="51" t="s">
        <v>82</v>
      </c>
      <c r="I2046" s="50">
        <v>4.7</v>
      </c>
    </row>
    <row r="2047" spans="1:9" x14ac:dyDescent="0.35">
      <c r="A2047" s="52" t="s">
        <v>78</v>
      </c>
      <c r="B2047" s="51" t="s">
        <v>79</v>
      </c>
      <c r="C2047" s="61">
        <v>357200962</v>
      </c>
      <c r="D2047" s="62">
        <v>20</v>
      </c>
      <c r="E2047" s="51">
        <v>202409</v>
      </c>
      <c r="F2047" s="51" t="s">
        <v>38</v>
      </c>
      <c r="G2047" s="51" t="s">
        <v>97</v>
      </c>
      <c r="H2047" s="51" t="s">
        <v>82</v>
      </c>
      <c r="I2047" s="50">
        <v>4.7</v>
      </c>
    </row>
    <row r="2048" spans="1:9" x14ac:dyDescent="0.35">
      <c r="A2048" s="52" t="s">
        <v>78</v>
      </c>
      <c r="B2048" s="51" t="s">
        <v>79</v>
      </c>
      <c r="C2048" s="61">
        <v>357310932</v>
      </c>
      <c r="D2048" s="62">
        <v>20</v>
      </c>
      <c r="E2048" s="51">
        <v>202409</v>
      </c>
      <c r="F2048" s="51" t="s">
        <v>38</v>
      </c>
      <c r="G2048" s="51" t="s">
        <v>97</v>
      </c>
      <c r="H2048" s="51" t="s">
        <v>82</v>
      </c>
      <c r="I2048" s="50">
        <v>4.7</v>
      </c>
    </row>
    <row r="2049" spans="1:9" x14ac:dyDescent="0.35">
      <c r="A2049" s="52" t="s">
        <v>78</v>
      </c>
      <c r="B2049" s="51" t="s">
        <v>79</v>
      </c>
      <c r="C2049" s="61">
        <v>357731620</v>
      </c>
      <c r="D2049" s="62">
        <v>20</v>
      </c>
      <c r="E2049" s="51">
        <v>202409</v>
      </c>
      <c r="F2049" s="51" t="s">
        <v>38</v>
      </c>
      <c r="G2049" s="51" t="s">
        <v>97</v>
      </c>
      <c r="H2049" s="51" t="s">
        <v>82</v>
      </c>
      <c r="I2049" s="50">
        <v>4.7</v>
      </c>
    </row>
    <row r="2050" spans="1:9" x14ac:dyDescent="0.35">
      <c r="A2050" s="52" t="s">
        <v>78</v>
      </c>
      <c r="B2050" s="51" t="s">
        <v>79</v>
      </c>
      <c r="C2050" s="61">
        <v>358400641</v>
      </c>
      <c r="D2050" s="62">
        <v>20</v>
      </c>
      <c r="E2050" s="51">
        <v>202409</v>
      </c>
      <c r="F2050" s="51" t="s">
        <v>38</v>
      </c>
      <c r="G2050" s="51" t="s">
        <v>97</v>
      </c>
      <c r="H2050" s="51" t="s">
        <v>82</v>
      </c>
      <c r="I2050" s="50">
        <v>4.7</v>
      </c>
    </row>
    <row r="2051" spans="1:9" x14ac:dyDescent="0.35">
      <c r="A2051" s="52" t="s">
        <v>78</v>
      </c>
      <c r="B2051" s="51" t="s">
        <v>79</v>
      </c>
      <c r="C2051" s="61">
        <v>359601632</v>
      </c>
      <c r="D2051" s="62">
        <v>20</v>
      </c>
      <c r="E2051" s="51">
        <v>202409</v>
      </c>
      <c r="F2051" s="51" t="s">
        <v>38</v>
      </c>
      <c r="G2051" s="51" t="s">
        <v>97</v>
      </c>
      <c r="H2051" s="51" t="s">
        <v>82</v>
      </c>
      <c r="I2051" s="50">
        <v>4.7</v>
      </c>
    </row>
    <row r="2052" spans="1:9" x14ac:dyDescent="0.35">
      <c r="A2052" s="52" t="s">
        <v>78</v>
      </c>
      <c r="B2052" s="51" t="s">
        <v>79</v>
      </c>
      <c r="C2052" s="61">
        <v>360804430</v>
      </c>
      <c r="D2052" s="62">
        <v>20</v>
      </c>
      <c r="E2052" s="51">
        <v>202409</v>
      </c>
      <c r="F2052" s="51" t="s">
        <v>38</v>
      </c>
      <c r="G2052" s="51" t="s">
        <v>97</v>
      </c>
      <c r="H2052" s="51" t="s">
        <v>82</v>
      </c>
      <c r="I2052" s="50">
        <v>4.7</v>
      </c>
    </row>
    <row r="2053" spans="1:9" x14ac:dyDescent="0.35">
      <c r="A2053" s="52" t="s">
        <v>78</v>
      </c>
      <c r="B2053" s="51" t="s">
        <v>79</v>
      </c>
      <c r="C2053" s="61">
        <v>361001951</v>
      </c>
      <c r="D2053" s="62">
        <v>20</v>
      </c>
      <c r="E2053" s="51">
        <v>202409</v>
      </c>
      <c r="F2053" s="51" t="s">
        <v>38</v>
      </c>
      <c r="G2053" s="51" t="s">
        <v>97</v>
      </c>
      <c r="H2053" s="51" t="s">
        <v>82</v>
      </c>
      <c r="I2053" s="50">
        <v>4.7</v>
      </c>
    </row>
    <row r="2054" spans="1:9" x14ac:dyDescent="0.35">
      <c r="A2054" s="52" t="s">
        <v>78</v>
      </c>
      <c r="B2054" s="51" t="s">
        <v>79</v>
      </c>
      <c r="C2054" s="61">
        <v>362684587</v>
      </c>
      <c r="D2054" s="62">
        <v>20</v>
      </c>
      <c r="E2054" s="51">
        <v>202409</v>
      </c>
      <c r="F2054" s="51" t="s">
        <v>38</v>
      </c>
      <c r="G2054" s="51" t="s">
        <v>97</v>
      </c>
      <c r="H2054" s="51" t="s">
        <v>82</v>
      </c>
      <c r="I2054" s="50">
        <v>4.7</v>
      </c>
    </row>
    <row r="2055" spans="1:9" x14ac:dyDescent="0.35">
      <c r="A2055" s="52" t="s">
        <v>78</v>
      </c>
      <c r="B2055" s="51" t="s">
        <v>79</v>
      </c>
      <c r="C2055" s="61">
        <v>362759063</v>
      </c>
      <c r="D2055" s="62">
        <v>20</v>
      </c>
      <c r="E2055" s="51">
        <v>202409</v>
      </c>
      <c r="F2055" s="51" t="s">
        <v>38</v>
      </c>
      <c r="G2055" s="51" t="s">
        <v>97</v>
      </c>
      <c r="H2055" s="51" t="s">
        <v>82</v>
      </c>
      <c r="I2055" s="50">
        <v>4.7</v>
      </c>
    </row>
    <row r="2056" spans="1:9" x14ac:dyDescent="0.35">
      <c r="A2056" s="52" t="s">
        <v>78</v>
      </c>
      <c r="B2056" s="51" t="s">
        <v>79</v>
      </c>
      <c r="C2056" s="61">
        <v>364404483</v>
      </c>
      <c r="D2056" s="62">
        <v>20</v>
      </c>
      <c r="E2056" s="51">
        <v>202409</v>
      </c>
      <c r="F2056" s="51" t="s">
        <v>38</v>
      </c>
      <c r="G2056" s="51" t="s">
        <v>97</v>
      </c>
      <c r="H2056" s="51" t="s">
        <v>82</v>
      </c>
      <c r="I2056" s="50">
        <v>4.7</v>
      </c>
    </row>
    <row r="2057" spans="1:9" x14ac:dyDescent="0.35">
      <c r="A2057" s="52" t="s">
        <v>78</v>
      </c>
      <c r="B2057" s="51" t="s">
        <v>79</v>
      </c>
      <c r="C2057" s="61">
        <v>364406433</v>
      </c>
      <c r="D2057" s="62">
        <v>20</v>
      </c>
      <c r="E2057" s="51">
        <v>202409</v>
      </c>
      <c r="F2057" s="51" t="s">
        <v>38</v>
      </c>
      <c r="G2057" s="51" t="s">
        <v>97</v>
      </c>
      <c r="H2057" s="51" t="s">
        <v>82</v>
      </c>
      <c r="I2057" s="50">
        <v>4.7</v>
      </c>
    </row>
    <row r="2058" spans="1:9" x14ac:dyDescent="0.35">
      <c r="A2058" s="52" t="s">
        <v>78</v>
      </c>
      <c r="B2058" s="51" t="s">
        <v>79</v>
      </c>
      <c r="C2058" s="61">
        <v>366102928</v>
      </c>
      <c r="D2058" s="62">
        <v>20</v>
      </c>
      <c r="E2058" s="51">
        <v>202409</v>
      </c>
      <c r="F2058" s="51" t="s">
        <v>38</v>
      </c>
      <c r="G2058" s="51" t="s">
        <v>97</v>
      </c>
      <c r="H2058" s="51" t="s">
        <v>82</v>
      </c>
      <c r="I2058" s="50">
        <v>4.7</v>
      </c>
    </row>
    <row r="2059" spans="1:9" x14ac:dyDescent="0.35">
      <c r="A2059" s="52" t="s">
        <v>78</v>
      </c>
      <c r="B2059" s="51" t="s">
        <v>79</v>
      </c>
      <c r="C2059" s="61">
        <v>366175715</v>
      </c>
      <c r="D2059" s="62">
        <v>20</v>
      </c>
      <c r="E2059" s="51">
        <v>202409</v>
      </c>
      <c r="F2059" s="51" t="s">
        <v>38</v>
      </c>
      <c r="G2059" s="51" t="s">
        <v>97</v>
      </c>
      <c r="H2059" s="51" t="s">
        <v>82</v>
      </c>
      <c r="I2059" s="50">
        <v>4.7</v>
      </c>
    </row>
    <row r="2060" spans="1:9" x14ac:dyDescent="0.35">
      <c r="A2060" s="52" t="s">
        <v>78</v>
      </c>
      <c r="B2060" s="51" t="s">
        <v>79</v>
      </c>
      <c r="C2060" s="61">
        <v>366207303</v>
      </c>
      <c r="D2060" s="62">
        <v>20</v>
      </c>
      <c r="E2060" s="51">
        <v>202409</v>
      </c>
      <c r="F2060" s="51" t="s">
        <v>38</v>
      </c>
      <c r="G2060" s="51" t="s">
        <v>97</v>
      </c>
      <c r="H2060" s="51" t="s">
        <v>82</v>
      </c>
      <c r="I2060" s="50">
        <v>4.7</v>
      </c>
    </row>
    <row r="2061" spans="1:9" x14ac:dyDescent="0.35">
      <c r="A2061" s="52" t="s">
        <v>78</v>
      </c>
      <c r="B2061" s="51" t="s">
        <v>79</v>
      </c>
      <c r="C2061" s="61">
        <v>368401906</v>
      </c>
      <c r="D2061" s="62">
        <v>20</v>
      </c>
      <c r="E2061" s="51">
        <v>202409</v>
      </c>
      <c r="F2061" s="51" t="s">
        <v>38</v>
      </c>
      <c r="G2061" s="51" t="s">
        <v>97</v>
      </c>
      <c r="H2061" s="51" t="s">
        <v>82</v>
      </c>
      <c r="I2061" s="50">
        <v>4.7</v>
      </c>
    </row>
    <row r="2062" spans="1:9" x14ac:dyDescent="0.35">
      <c r="A2062" s="52" t="s">
        <v>78</v>
      </c>
      <c r="B2062" s="51" t="s">
        <v>79</v>
      </c>
      <c r="C2062" s="61">
        <v>368801372</v>
      </c>
      <c r="D2062" s="62">
        <v>20</v>
      </c>
      <c r="E2062" s="51">
        <v>202409</v>
      </c>
      <c r="F2062" s="51" t="s">
        <v>38</v>
      </c>
      <c r="G2062" s="51" t="s">
        <v>97</v>
      </c>
      <c r="H2062" s="51" t="s">
        <v>82</v>
      </c>
      <c r="I2062" s="50">
        <v>30</v>
      </c>
    </row>
    <row r="2063" spans="1:9" x14ac:dyDescent="0.35">
      <c r="A2063" s="52" t="s">
        <v>78</v>
      </c>
      <c r="B2063" s="51" t="s">
        <v>79</v>
      </c>
      <c r="C2063" s="61">
        <v>370065000</v>
      </c>
      <c r="D2063" s="62">
        <v>20</v>
      </c>
      <c r="E2063" s="51">
        <v>202409</v>
      </c>
      <c r="F2063" s="51" t="s">
        <v>38</v>
      </c>
      <c r="G2063" s="51" t="s">
        <v>97</v>
      </c>
      <c r="H2063" s="51" t="s">
        <v>82</v>
      </c>
      <c r="I2063" s="50">
        <v>4.7</v>
      </c>
    </row>
    <row r="2064" spans="1:9" x14ac:dyDescent="0.35">
      <c r="A2064" s="52" t="s">
        <v>78</v>
      </c>
      <c r="B2064" s="51" t="s">
        <v>79</v>
      </c>
      <c r="C2064" s="61">
        <v>370301013</v>
      </c>
      <c r="D2064" s="62">
        <v>20</v>
      </c>
      <c r="E2064" s="51">
        <v>202409</v>
      </c>
      <c r="F2064" s="51" t="s">
        <v>38</v>
      </c>
      <c r="G2064" s="51" t="s">
        <v>97</v>
      </c>
      <c r="H2064" s="51" t="s">
        <v>82</v>
      </c>
      <c r="I2064" s="50">
        <v>4.7</v>
      </c>
    </row>
    <row r="2065" spans="1:9" x14ac:dyDescent="0.35">
      <c r="A2065" s="52" t="s">
        <v>78</v>
      </c>
      <c r="B2065" s="51" t="s">
        <v>79</v>
      </c>
      <c r="C2065" s="61">
        <v>370603830</v>
      </c>
      <c r="D2065" s="62">
        <v>20</v>
      </c>
      <c r="E2065" s="51">
        <v>202409</v>
      </c>
      <c r="F2065" s="51" t="s">
        <v>38</v>
      </c>
      <c r="G2065" s="51" t="s">
        <v>97</v>
      </c>
      <c r="H2065" s="51" t="s">
        <v>82</v>
      </c>
      <c r="I2065" s="50">
        <v>4.7</v>
      </c>
    </row>
    <row r="2066" spans="1:9" x14ac:dyDescent="0.35">
      <c r="A2066" s="52" t="s">
        <v>78</v>
      </c>
      <c r="B2066" s="51" t="s">
        <v>79</v>
      </c>
      <c r="C2066" s="61">
        <v>371001330</v>
      </c>
      <c r="D2066" s="62">
        <v>20</v>
      </c>
      <c r="E2066" s="51">
        <v>202409</v>
      </c>
      <c r="F2066" s="51" t="s">
        <v>38</v>
      </c>
      <c r="G2066" s="51" t="s">
        <v>97</v>
      </c>
      <c r="H2066" s="51" t="s">
        <v>82</v>
      </c>
      <c r="I2066" s="50">
        <v>4.7</v>
      </c>
    </row>
    <row r="2067" spans="1:9" x14ac:dyDescent="0.35">
      <c r="A2067" s="52" t="s">
        <v>78</v>
      </c>
      <c r="B2067" s="51" t="s">
        <v>79</v>
      </c>
      <c r="C2067" s="61">
        <v>371283354</v>
      </c>
      <c r="D2067" s="62">
        <v>20</v>
      </c>
      <c r="E2067" s="51">
        <v>202409</v>
      </c>
      <c r="F2067" s="51" t="s">
        <v>38</v>
      </c>
      <c r="G2067" s="51" t="s">
        <v>97</v>
      </c>
      <c r="H2067" s="51" t="s">
        <v>82</v>
      </c>
      <c r="I2067" s="50">
        <v>4.7</v>
      </c>
    </row>
    <row r="2068" spans="1:9" x14ac:dyDescent="0.35">
      <c r="A2068" s="52" t="s">
        <v>78</v>
      </c>
      <c r="B2068" s="51" t="s">
        <v>79</v>
      </c>
      <c r="C2068" s="61">
        <v>372104703</v>
      </c>
      <c r="D2068" s="62">
        <v>20</v>
      </c>
      <c r="E2068" s="51">
        <v>202409</v>
      </c>
      <c r="F2068" s="51" t="s">
        <v>38</v>
      </c>
      <c r="G2068" s="51" t="s">
        <v>97</v>
      </c>
      <c r="H2068" s="51" t="s">
        <v>82</v>
      </c>
      <c r="I2068" s="50">
        <v>4.7</v>
      </c>
    </row>
    <row r="2069" spans="1:9" x14ac:dyDescent="0.35">
      <c r="A2069" s="52" t="s">
        <v>78</v>
      </c>
      <c r="B2069" s="51" t="s">
        <v>79</v>
      </c>
      <c r="C2069" s="61">
        <v>373477703</v>
      </c>
      <c r="D2069" s="62">
        <v>20</v>
      </c>
      <c r="E2069" s="51">
        <v>202409</v>
      </c>
      <c r="F2069" s="51" t="s">
        <v>38</v>
      </c>
      <c r="G2069" s="51" t="s">
        <v>97</v>
      </c>
      <c r="H2069" s="51" t="s">
        <v>82</v>
      </c>
      <c r="I2069" s="50">
        <v>4.7</v>
      </c>
    </row>
    <row r="2070" spans="1:9" x14ac:dyDescent="0.35">
      <c r="A2070" s="52" t="s">
        <v>78</v>
      </c>
      <c r="B2070" s="51" t="s">
        <v>79</v>
      </c>
      <c r="C2070" s="61">
        <v>374070230</v>
      </c>
      <c r="D2070" s="62">
        <v>20</v>
      </c>
      <c r="E2070" s="51">
        <v>202409</v>
      </c>
      <c r="F2070" s="51" t="s">
        <v>38</v>
      </c>
      <c r="G2070" s="51" t="s">
        <v>97</v>
      </c>
      <c r="H2070" s="51" t="s">
        <v>82</v>
      </c>
      <c r="I2070" s="50">
        <v>4.7</v>
      </c>
    </row>
    <row r="2071" spans="1:9" x14ac:dyDescent="0.35">
      <c r="A2071" s="52" t="s">
        <v>78</v>
      </c>
      <c r="B2071" s="51" t="s">
        <v>79</v>
      </c>
      <c r="C2071" s="61">
        <v>374070230</v>
      </c>
      <c r="D2071" s="62">
        <v>20</v>
      </c>
      <c r="E2071" s="51">
        <v>202409</v>
      </c>
      <c r="F2071" s="51" t="s">
        <v>38</v>
      </c>
      <c r="G2071" s="51" t="s">
        <v>97</v>
      </c>
      <c r="H2071" s="51" t="s">
        <v>82</v>
      </c>
      <c r="I2071" s="50">
        <v>4.7</v>
      </c>
    </row>
    <row r="2072" spans="1:9" x14ac:dyDescent="0.35">
      <c r="A2072" s="52" t="s">
        <v>78</v>
      </c>
      <c r="B2072" s="51" t="s">
        <v>79</v>
      </c>
      <c r="C2072" s="61">
        <v>374272730</v>
      </c>
      <c r="D2072" s="62">
        <v>20</v>
      </c>
      <c r="E2072" s="51">
        <v>202409</v>
      </c>
      <c r="F2072" s="51" t="s">
        <v>38</v>
      </c>
      <c r="G2072" s="51" t="s">
        <v>97</v>
      </c>
      <c r="H2072" s="51" t="s">
        <v>82</v>
      </c>
      <c r="I2072" s="50">
        <v>4.7</v>
      </c>
    </row>
    <row r="2073" spans="1:9" x14ac:dyDescent="0.35">
      <c r="A2073" s="52" t="s">
        <v>78</v>
      </c>
      <c r="B2073" s="51" t="s">
        <v>79</v>
      </c>
      <c r="C2073" s="61">
        <v>374665303</v>
      </c>
      <c r="D2073" s="62">
        <v>20</v>
      </c>
      <c r="E2073" s="51">
        <v>202409</v>
      </c>
      <c r="F2073" s="51" t="s">
        <v>38</v>
      </c>
      <c r="G2073" s="51" t="s">
        <v>97</v>
      </c>
      <c r="H2073" s="51" t="s">
        <v>82</v>
      </c>
      <c r="I2073" s="50">
        <v>4.7</v>
      </c>
    </row>
    <row r="2074" spans="1:9" x14ac:dyDescent="0.35">
      <c r="A2074" s="52" t="s">
        <v>78</v>
      </c>
      <c r="B2074" s="51" t="s">
        <v>79</v>
      </c>
      <c r="C2074" s="61">
        <v>375325864</v>
      </c>
      <c r="D2074" s="62">
        <v>20</v>
      </c>
      <c r="E2074" s="51">
        <v>202409</v>
      </c>
      <c r="F2074" s="51" t="s">
        <v>38</v>
      </c>
      <c r="G2074" s="51" t="s">
        <v>97</v>
      </c>
      <c r="H2074" s="51" t="s">
        <v>82</v>
      </c>
      <c r="I2074" s="50">
        <v>4.7</v>
      </c>
    </row>
    <row r="2075" spans="1:9" x14ac:dyDescent="0.35">
      <c r="A2075" s="52" t="s">
        <v>78</v>
      </c>
      <c r="B2075" s="51" t="s">
        <v>79</v>
      </c>
      <c r="C2075" s="61">
        <v>375429381</v>
      </c>
      <c r="D2075" s="62">
        <v>20</v>
      </c>
      <c r="E2075" s="51">
        <v>202409</v>
      </c>
      <c r="F2075" s="51" t="s">
        <v>38</v>
      </c>
      <c r="G2075" s="51" t="s">
        <v>97</v>
      </c>
      <c r="H2075" s="51" t="s">
        <v>82</v>
      </c>
      <c r="I2075" s="50">
        <v>4.7</v>
      </c>
    </row>
    <row r="2076" spans="1:9" x14ac:dyDescent="0.35">
      <c r="A2076" s="52" t="s">
        <v>78</v>
      </c>
      <c r="B2076" s="51" t="s">
        <v>79</v>
      </c>
      <c r="C2076" s="61">
        <v>376402064</v>
      </c>
      <c r="D2076" s="62">
        <v>20</v>
      </c>
      <c r="E2076" s="51">
        <v>202409</v>
      </c>
      <c r="F2076" s="51" t="s">
        <v>38</v>
      </c>
      <c r="G2076" s="51" t="s">
        <v>97</v>
      </c>
      <c r="H2076" s="51" t="s">
        <v>82</v>
      </c>
      <c r="I2076" s="50">
        <v>4.7</v>
      </c>
    </row>
    <row r="2077" spans="1:9" x14ac:dyDescent="0.35">
      <c r="A2077" s="52" t="s">
        <v>78</v>
      </c>
      <c r="B2077" s="51" t="s">
        <v>79</v>
      </c>
      <c r="C2077" s="61">
        <v>377797421</v>
      </c>
      <c r="D2077" s="62">
        <v>20</v>
      </c>
      <c r="E2077" s="51">
        <v>202409</v>
      </c>
      <c r="F2077" s="51" t="s">
        <v>38</v>
      </c>
      <c r="G2077" s="51" t="s">
        <v>97</v>
      </c>
      <c r="H2077" s="51" t="s">
        <v>82</v>
      </c>
      <c r="I2077" s="50">
        <v>30</v>
      </c>
    </row>
    <row r="2078" spans="1:9" x14ac:dyDescent="0.35">
      <c r="A2078" s="52" t="s">
        <v>78</v>
      </c>
      <c r="B2078" s="51" t="s">
        <v>79</v>
      </c>
      <c r="C2078" s="61">
        <v>378229330</v>
      </c>
      <c r="D2078" s="62">
        <v>20</v>
      </c>
      <c r="E2078" s="51">
        <v>202409</v>
      </c>
      <c r="F2078" s="51" t="s">
        <v>38</v>
      </c>
      <c r="G2078" s="51" t="s">
        <v>97</v>
      </c>
      <c r="H2078" s="51" t="s">
        <v>82</v>
      </c>
      <c r="I2078" s="50">
        <v>4.7</v>
      </c>
    </row>
    <row r="2079" spans="1:9" x14ac:dyDescent="0.35">
      <c r="A2079" s="52" t="s">
        <v>78</v>
      </c>
      <c r="B2079" s="51" t="s">
        <v>79</v>
      </c>
      <c r="C2079" s="61">
        <v>379504521</v>
      </c>
      <c r="D2079" s="62">
        <v>20</v>
      </c>
      <c r="E2079" s="51">
        <v>202409</v>
      </c>
      <c r="F2079" s="51" t="s">
        <v>38</v>
      </c>
      <c r="G2079" s="51" t="s">
        <v>97</v>
      </c>
      <c r="H2079" s="51" t="s">
        <v>82</v>
      </c>
      <c r="I2079" s="50">
        <v>4.7</v>
      </c>
    </row>
    <row r="2080" spans="1:9" x14ac:dyDescent="0.35">
      <c r="A2080" s="52" t="s">
        <v>78</v>
      </c>
      <c r="B2080" s="51" t="s">
        <v>79</v>
      </c>
      <c r="C2080" s="61">
        <v>380200403</v>
      </c>
      <c r="D2080" s="62">
        <v>20</v>
      </c>
      <c r="E2080" s="51">
        <v>202409</v>
      </c>
      <c r="F2080" s="51" t="s">
        <v>38</v>
      </c>
      <c r="G2080" s="51" t="s">
        <v>97</v>
      </c>
      <c r="H2080" s="51" t="s">
        <v>82</v>
      </c>
      <c r="I2080" s="50">
        <v>4.7</v>
      </c>
    </row>
    <row r="2081" spans="1:9" x14ac:dyDescent="0.35">
      <c r="A2081" s="52" t="s">
        <v>78</v>
      </c>
      <c r="B2081" s="51" t="s">
        <v>79</v>
      </c>
      <c r="C2081" s="61">
        <v>380600858</v>
      </c>
      <c r="D2081" s="62">
        <v>20</v>
      </c>
      <c r="E2081" s="51">
        <v>202409</v>
      </c>
      <c r="F2081" s="51" t="s">
        <v>38</v>
      </c>
      <c r="G2081" s="51" t="s">
        <v>97</v>
      </c>
      <c r="H2081" s="51" t="s">
        <v>82</v>
      </c>
      <c r="I2081" s="50">
        <v>4.7</v>
      </c>
    </row>
    <row r="2082" spans="1:9" x14ac:dyDescent="0.35">
      <c r="A2082" s="52" t="s">
        <v>78</v>
      </c>
      <c r="B2082" s="51" t="s">
        <v>79</v>
      </c>
      <c r="C2082" s="61">
        <v>380602513</v>
      </c>
      <c r="D2082" s="62">
        <v>20</v>
      </c>
      <c r="E2082" s="51">
        <v>202409</v>
      </c>
      <c r="F2082" s="51" t="s">
        <v>38</v>
      </c>
      <c r="G2082" s="51" t="s">
        <v>97</v>
      </c>
      <c r="H2082" s="51" t="s">
        <v>82</v>
      </c>
      <c r="I2082" s="50">
        <v>30</v>
      </c>
    </row>
    <row r="2083" spans="1:9" x14ac:dyDescent="0.35">
      <c r="A2083" s="52" t="s">
        <v>78</v>
      </c>
      <c r="B2083" s="51" t="s">
        <v>79</v>
      </c>
      <c r="C2083" s="61">
        <v>380919361</v>
      </c>
      <c r="D2083" s="62">
        <v>20</v>
      </c>
      <c r="E2083" s="51">
        <v>202409</v>
      </c>
      <c r="F2083" s="51" t="s">
        <v>38</v>
      </c>
      <c r="G2083" s="51" t="s">
        <v>97</v>
      </c>
      <c r="H2083" s="51" t="s">
        <v>82</v>
      </c>
      <c r="I2083" s="50">
        <v>4.7</v>
      </c>
    </row>
    <row r="2084" spans="1:9" x14ac:dyDescent="0.35">
      <c r="A2084" s="52" t="s">
        <v>78</v>
      </c>
      <c r="B2084" s="51" t="s">
        <v>79</v>
      </c>
      <c r="C2084" s="61">
        <v>381133311</v>
      </c>
      <c r="D2084" s="62">
        <v>20</v>
      </c>
      <c r="E2084" s="51">
        <v>202409</v>
      </c>
      <c r="F2084" s="51" t="s">
        <v>38</v>
      </c>
      <c r="G2084" s="51" t="s">
        <v>97</v>
      </c>
      <c r="H2084" s="51" t="s">
        <v>82</v>
      </c>
      <c r="I2084" s="50">
        <v>4.7</v>
      </c>
    </row>
    <row r="2085" spans="1:9" x14ac:dyDescent="0.35">
      <c r="A2085" s="52" t="s">
        <v>78</v>
      </c>
      <c r="B2085" s="51" t="s">
        <v>79</v>
      </c>
      <c r="C2085" s="61">
        <v>381272313</v>
      </c>
      <c r="D2085" s="62">
        <v>20</v>
      </c>
      <c r="E2085" s="51">
        <v>202409</v>
      </c>
      <c r="F2085" s="51" t="s">
        <v>38</v>
      </c>
      <c r="G2085" s="51" t="s">
        <v>97</v>
      </c>
      <c r="H2085" s="51" t="s">
        <v>82</v>
      </c>
      <c r="I2085" s="50">
        <v>4.7</v>
      </c>
    </row>
    <row r="2086" spans="1:9" x14ac:dyDescent="0.35">
      <c r="A2086" s="52" t="s">
        <v>78</v>
      </c>
      <c r="B2086" s="51" t="s">
        <v>79</v>
      </c>
      <c r="C2086" s="61">
        <v>381300503</v>
      </c>
      <c r="D2086" s="62">
        <v>20</v>
      </c>
      <c r="E2086" s="51">
        <v>202409</v>
      </c>
      <c r="F2086" s="51" t="s">
        <v>38</v>
      </c>
      <c r="G2086" s="51" t="s">
        <v>97</v>
      </c>
      <c r="H2086" s="51" t="s">
        <v>82</v>
      </c>
      <c r="I2086" s="50">
        <v>4.7</v>
      </c>
    </row>
    <row r="2087" spans="1:9" x14ac:dyDescent="0.35">
      <c r="A2087" s="52" t="s">
        <v>78</v>
      </c>
      <c r="B2087" s="51" t="s">
        <v>79</v>
      </c>
      <c r="C2087" s="61">
        <v>381601748</v>
      </c>
      <c r="D2087" s="62">
        <v>20</v>
      </c>
      <c r="E2087" s="51">
        <v>202409</v>
      </c>
      <c r="F2087" s="51" t="s">
        <v>38</v>
      </c>
      <c r="G2087" s="51" t="s">
        <v>97</v>
      </c>
      <c r="H2087" s="51" t="s">
        <v>82</v>
      </c>
      <c r="I2087" s="50">
        <v>4.7</v>
      </c>
    </row>
    <row r="2088" spans="1:9" x14ac:dyDescent="0.35">
      <c r="A2088" s="52" t="s">
        <v>78</v>
      </c>
      <c r="B2088" s="51" t="s">
        <v>79</v>
      </c>
      <c r="C2088" s="61">
        <v>381700752</v>
      </c>
      <c r="D2088" s="62">
        <v>20</v>
      </c>
      <c r="E2088" s="51">
        <v>202409</v>
      </c>
      <c r="F2088" s="51" t="s">
        <v>38</v>
      </c>
      <c r="G2088" s="51" t="s">
        <v>97</v>
      </c>
      <c r="H2088" s="51" t="s">
        <v>82</v>
      </c>
      <c r="I2088" s="50">
        <v>4.7</v>
      </c>
    </row>
    <row r="2089" spans="1:9" x14ac:dyDescent="0.35">
      <c r="A2089" s="52" t="s">
        <v>78</v>
      </c>
      <c r="B2089" s="51" t="s">
        <v>79</v>
      </c>
      <c r="C2089" s="61">
        <v>384200224</v>
      </c>
      <c r="D2089" s="62">
        <v>20</v>
      </c>
      <c r="E2089" s="51">
        <v>202409</v>
      </c>
      <c r="F2089" s="51" t="s">
        <v>38</v>
      </c>
      <c r="G2089" s="51" t="s">
        <v>97</v>
      </c>
      <c r="H2089" s="51" t="s">
        <v>82</v>
      </c>
      <c r="I2089" s="50">
        <v>4.7</v>
      </c>
    </row>
    <row r="2090" spans="1:9" x14ac:dyDescent="0.35">
      <c r="A2090" s="52" t="s">
        <v>78</v>
      </c>
      <c r="B2090" s="51" t="s">
        <v>79</v>
      </c>
      <c r="C2090" s="61">
        <v>384400252</v>
      </c>
      <c r="D2090" s="62">
        <v>20</v>
      </c>
      <c r="E2090" s="51">
        <v>202409</v>
      </c>
      <c r="F2090" s="51" t="s">
        <v>38</v>
      </c>
      <c r="G2090" s="51" t="s">
        <v>97</v>
      </c>
      <c r="H2090" s="51" t="s">
        <v>82</v>
      </c>
      <c r="I2090" s="50">
        <v>4.7</v>
      </c>
    </row>
    <row r="2091" spans="1:9" x14ac:dyDescent="0.35">
      <c r="A2091" s="52" t="s">
        <v>78</v>
      </c>
      <c r="B2091" s="51" t="s">
        <v>79</v>
      </c>
      <c r="C2091" s="61">
        <v>384601052</v>
      </c>
      <c r="D2091" s="62">
        <v>20</v>
      </c>
      <c r="E2091" s="51">
        <v>202409</v>
      </c>
      <c r="F2091" s="51" t="s">
        <v>38</v>
      </c>
      <c r="G2091" s="51" t="s">
        <v>97</v>
      </c>
      <c r="H2091" s="51" t="s">
        <v>82</v>
      </c>
      <c r="I2091" s="50">
        <v>4.7</v>
      </c>
    </row>
    <row r="2092" spans="1:9" x14ac:dyDescent="0.35">
      <c r="A2092" s="52" t="s">
        <v>78</v>
      </c>
      <c r="B2092" s="51" t="s">
        <v>79</v>
      </c>
      <c r="C2092" s="61">
        <v>387064365</v>
      </c>
      <c r="D2092" s="62">
        <v>20</v>
      </c>
      <c r="E2092" s="51">
        <v>202409</v>
      </c>
      <c r="F2092" s="51" t="s">
        <v>38</v>
      </c>
      <c r="G2092" s="51" t="s">
        <v>97</v>
      </c>
      <c r="H2092" s="51" t="s">
        <v>82</v>
      </c>
      <c r="I2092" s="50">
        <v>4.7</v>
      </c>
    </row>
    <row r="2093" spans="1:9" x14ac:dyDescent="0.35">
      <c r="A2093" s="52" t="s">
        <v>78</v>
      </c>
      <c r="B2093" s="51" t="s">
        <v>79</v>
      </c>
      <c r="C2093" s="61">
        <v>388004640</v>
      </c>
      <c r="D2093" s="62">
        <v>20</v>
      </c>
      <c r="E2093" s="51">
        <v>202409</v>
      </c>
      <c r="F2093" s="51" t="s">
        <v>38</v>
      </c>
      <c r="G2093" s="51" t="s">
        <v>97</v>
      </c>
      <c r="H2093" s="51" t="s">
        <v>82</v>
      </c>
      <c r="I2093" s="50">
        <v>95</v>
      </c>
    </row>
    <row r="2094" spans="1:9" x14ac:dyDescent="0.35">
      <c r="A2094" s="52" t="s">
        <v>78</v>
      </c>
      <c r="B2094" s="51" t="s">
        <v>79</v>
      </c>
      <c r="C2094" s="61">
        <v>388703941</v>
      </c>
      <c r="D2094" s="62">
        <v>20</v>
      </c>
      <c r="E2094" s="51">
        <v>202409</v>
      </c>
      <c r="F2094" s="51" t="s">
        <v>38</v>
      </c>
      <c r="G2094" s="51" t="s">
        <v>97</v>
      </c>
      <c r="H2094" s="51" t="s">
        <v>82</v>
      </c>
      <c r="I2094" s="50">
        <v>4.7</v>
      </c>
    </row>
    <row r="2095" spans="1:9" x14ac:dyDescent="0.35">
      <c r="A2095" s="52" t="s">
        <v>78</v>
      </c>
      <c r="B2095" s="51" t="s">
        <v>79</v>
      </c>
      <c r="C2095" s="61">
        <v>390700842</v>
      </c>
      <c r="D2095" s="62">
        <v>20</v>
      </c>
      <c r="E2095" s="51">
        <v>202409</v>
      </c>
      <c r="F2095" s="51" t="s">
        <v>38</v>
      </c>
      <c r="G2095" s="51" t="s">
        <v>97</v>
      </c>
      <c r="H2095" s="51" t="s">
        <v>82</v>
      </c>
      <c r="I2095" s="50">
        <v>4.7</v>
      </c>
    </row>
    <row r="2096" spans="1:9" x14ac:dyDescent="0.35">
      <c r="A2096" s="52" t="s">
        <v>78</v>
      </c>
      <c r="B2096" s="51" t="s">
        <v>79</v>
      </c>
      <c r="C2096" s="61">
        <v>391124034</v>
      </c>
      <c r="D2096" s="62">
        <v>20</v>
      </c>
      <c r="E2096" s="51">
        <v>202409</v>
      </c>
      <c r="F2096" s="51" t="s">
        <v>38</v>
      </c>
      <c r="G2096" s="51" t="s">
        <v>97</v>
      </c>
      <c r="H2096" s="51" t="s">
        <v>82</v>
      </c>
      <c r="I2096" s="50">
        <v>4.7</v>
      </c>
    </row>
    <row r="2097" spans="1:9" x14ac:dyDescent="0.35">
      <c r="A2097" s="52" t="s">
        <v>78</v>
      </c>
      <c r="B2097" s="51" t="s">
        <v>79</v>
      </c>
      <c r="C2097" s="61">
        <v>392204272</v>
      </c>
      <c r="D2097" s="62">
        <v>20</v>
      </c>
      <c r="E2097" s="51">
        <v>202409</v>
      </c>
      <c r="F2097" s="51" t="s">
        <v>38</v>
      </c>
      <c r="G2097" s="51" t="s">
        <v>97</v>
      </c>
      <c r="H2097" s="51" t="s">
        <v>82</v>
      </c>
      <c r="I2097" s="50">
        <v>4.7</v>
      </c>
    </row>
    <row r="2098" spans="1:9" x14ac:dyDescent="0.35">
      <c r="A2098" s="52" t="s">
        <v>78</v>
      </c>
      <c r="B2098" s="51" t="s">
        <v>79</v>
      </c>
      <c r="C2098" s="61">
        <v>392400663</v>
      </c>
      <c r="D2098" s="62">
        <v>20</v>
      </c>
      <c r="E2098" s="51">
        <v>202409</v>
      </c>
      <c r="F2098" s="51" t="s">
        <v>38</v>
      </c>
      <c r="G2098" s="51" t="s">
        <v>97</v>
      </c>
      <c r="H2098" s="51" t="s">
        <v>82</v>
      </c>
      <c r="I2098" s="50">
        <v>4.7</v>
      </c>
    </row>
    <row r="2099" spans="1:9" x14ac:dyDescent="0.35">
      <c r="A2099" s="52" t="s">
        <v>78</v>
      </c>
      <c r="B2099" s="51" t="s">
        <v>79</v>
      </c>
      <c r="C2099" s="61">
        <v>392602509</v>
      </c>
      <c r="D2099" s="62">
        <v>20</v>
      </c>
      <c r="E2099" s="51">
        <v>202409</v>
      </c>
      <c r="F2099" s="51" t="s">
        <v>38</v>
      </c>
      <c r="G2099" s="51" t="s">
        <v>97</v>
      </c>
      <c r="H2099" s="51" t="s">
        <v>82</v>
      </c>
      <c r="I2099" s="50">
        <v>4.7</v>
      </c>
    </row>
    <row r="2100" spans="1:9" x14ac:dyDescent="0.35">
      <c r="A2100" s="52" t="s">
        <v>78</v>
      </c>
      <c r="B2100" s="51" t="s">
        <v>79</v>
      </c>
      <c r="C2100" s="61">
        <v>394201803</v>
      </c>
      <c r="D2100" s="62">
        <v>20</v>
      </c>
      <c r="E2100" s="51">
        <v>202409</v>
      </c>
      <c r="F2100" s="51" t="s">
        <v>38</v>
      </c>
      <c r="G2100" s="51" t="s">
        <v>97</v>
      </c>
      <c r="H2100" s="51" t="s">
        <v>82</v>
      </c>
      <c r="I2100" s="50">
        <v>4.7</v>
      </c>
    </row>
    <row r="2101" spans="1:9" x14ac:dyDescent="0.35">
      <c r="A2101" s="52" t="s">
        <v>78</v>
      </c>
      <c r="B2101" s="51" t="s">
        <v>79</v>
      </c>
      <c r="C2101" s="61">
        <v>394537990</v>
      </c>
      <c r="D2101" s="62">
        <v>20</v>
      </c>
      <c r="E2101" s="51">
        <v>202409</v>
      </c>
      <c r="F2101" s="51" t="s">
        <v>38</v>
      </c>
      <c r="G2101" s="51" t="s">
        <v>97</v>
      </c>
      <c r="H2101" s="51" t="s">
        <v>82</v>
      </c>
      <c r="I2101" s="50">
        <v>30</v>
      </c>
    </row>
    <row r="2102" spans="1:9" x14ac:dyDescent="0.35">
      <c r="A2102" s="52" t="s">
        <v>78</v>
      </c>
      <c r="B2102" s="51" t="s">
        <v>79</v>
      </c>
      <c r="C2102" s="61">
        <v>395600644</v>
      </c>
      <c r="D2102" s="62">
        <v>20</v>
      </c>
      <c r="E2102" s="51">
        <v>202409</v>
      </c>
      <c r="F2102" s="51" t="s">
        <v>38</v>
      </c>
      <c r="G2102" s="51" t="s">
        <v>97</v>
      </c>
      <c r="H2102" s="51" t="s">
        <v>82</v>
      </c>
      <c r="I2102" s="50">
        <v>4.7</v>
      </c>
    </row>
    <row r="2103" spans="1:9" x14ac:dyDescent="0.35">
      <c r="A2103" s="52" t="s">
        <v>78</v>
      </c>
      <c r="B2103" s="51" t="s">
        <v>79</v>
      </c>
      <c r="C2103" s="61">
        <v>396204129</v>
      </c>
      <c r="D2103" s="62">
        <v>20</v>
      </c>
      <c r="E2103" s="51">
        <v>202409</v>
      </c>
      <c r="F2103" s="51" t="s">
        <v>38</v>
      </c>
      <c r="G2103" s="51" t="s">
        <v>97</v>
      </c>
      <c r="H2103" s="51" t="s">
        <v>82</v>
      </c>
      <c r="I2103" s="50">
        <v>95</v>
      </c>
    </row>
    <row r="2104" spans="1:9" x14ac:dyDescent="0.35">
      <c r="A2104" s="52" t="s">
        <v>78</v>
      </c>
      <c r="B2104" s="51" t="s">
        <v>79</v>
      </c>
      <c r="C2104" s="61">
        <v>396795351</v>
      </c>
      <c r="D2104" s="62">
        <v>20</v>
      </c>
      <c r="E2104" s="51">
        <v>202409</v>
      </c>
      <c r="F2104" s="51" t="s">
        <v>38</v>
      </c>
      <c r="G2104" s="51" t="s">
        <v>97</v>
      </c>
      <c r="H2104" s="51" t="s">
        <v>82</v>
      </c>
      <c r="I2104" s="50">
        <v>4.7</v>
      </c>
    </row>
    <row r="2105" spans="1:9" x14ac:dyDescent="0.35">
      <c r="A2105" s="52" t="s">
        <v>78</v>
      </c>
      <c r="B2105" s="51" t="s">
        <v>79</v>
      </c>
      <c r="C2105" s="61">
        <v>397900500</v>
      </c>
      <c r="D2105" s="62">
        <v>20</v>
      </c>
      <c r="E2105" s="51">
        <v>202409</v>
      </c>
      <c r="F2105" s="51" t="s">
        <v>38</v>
      </c>
      <c r="G2105" s="51" t="s">
        <v>97</v>
      </c>
      <c r="H2105" s="51" t="s">
        <v>82</v>
      </c>
      <c r="I2105" s="50">
        <v>4.7</v>
      </c>
    </row>
    <row r="2106" spans="1:9" x14ac:dyDescent="0.35">
      <c r="A2106" s="52" t="s">
        <v>78</v>
      </c>
      <c r="B2106" s="51" t="s">
        <v>79</v>
      </c>
      <c r="C2106" s="61">
        <v>398030759</v>
      </c>
      <c r="D2106" s="62">
        <v>20</v>
      </c>
      <c r="E2106" s="51">
        <v>202409</v>
      </c>
      <c r="F2106" s="51" t="s">
        <v>38</v>
      </c>
      <c r="G2106" s="51" t="s">
        <v>97</v>
      </c>
      <c r="H2106" s="51" t="s">
        <v>82</v>
      </c>
      <c r="I2106" s="50">
        <v>4.7</v>
      </c>
    </row>
    <row r="2107" spans="1:9" x14ac:dyDescent="0.35">
      <c r="A2107" s="52" t="s">
        <v>78</v>
      </c>
      <c r="B2107" s="51" t="s">
        <v>79</v>
      </c>
      <c r="C2107" s="61">
        <v>399305674</v>
      </c>
      <c r="D2107" s="62">
        <v>20</v>
      </c>
      <c r="E2107" s="51">
        <v>202409</v>
      </c>
      <c r="F2107" s="51" t="s">
        <v>38</v>
      </c>
      <c r="G2107" s="51" t="s">
        <v>97</v>
      </c>
      <c r="H2107" s="51" t="s">
        <v>82</v>
      </c>
      <c r="I2107" s="50">
        <v>4.7</v>
      </c>
    </row>
    <row r="2108" spans="1:9" x14ac:dyDescent="0.35">
      <c r="A2108" s="52" t="s">
        <v>78</v>
      </c>
      <c r="B2108" s="51" t="s">
        <v>79</v>
      </c>
      <c r="C2108" s="61">
        <v>399703678</v>
      </c>
      <c r="D2108" s="62">
        <v>20</v>
      </c>
      <c r="E2108" s="51">
        <v>202409</v>
      </c>
      <c r="F2108" s="51" t="s">
        <v>38</v>
      </c>
      <c r="G2108" s="51" t="s">
        <v>97</v>
      </c>
      <c r="H2108" s="51" t="s">
        <v>82</v>
      </c>
      <c r="I2108" s="50">
        <v>4.7</v>
      </c>
    </row>
    <row r="2109" spans="1:9" x14ac:dyDescent="0.35">
      <c r="A2109" s="52" t="s">
        <v>78</v>
      </c>
      <c r="B2109" s="51" t="s">
        <v>79</v>
      </c>
      <c r="C2109" s="61">
        <v>306771560</v>
      </c>
      <c r="D2109" s="62">
        <v>211</v>
      </c>
      <c r="E2109" s="51">
        <v>202409</v>
      </c>
      <c r="F2109" s="51" t="s">
        <v>38</v>
      </c>
      <c r="G2109" s="51" t="s">
        <v>97</v>
      </c>
      <c r="H2109" s="51" t="s">
        <v>82</v>
      </c>
      <c r="I2109" s="50">
        <v>95</v>
      </c>
    </row>
    <row r="2110" spans="1:9" x14ac:dyDescent="0.35">
      <c r="A2110" s="52" t="s">
        <v>78</v>
      </c>
      <c r="B2110" s="51" t="s">
        <v>79</v>
      </c>
      <c r="C2110" s="61">
        <v>309402402</v>
      </c>
      <c r="D2110" s="62">
        <v>211</v>
      </c>
      <c r="E2110" s="51">
        <v>202409</v>
      </c>
      <c r="F2110" s="51" t="s">
        <v>38</v>
      </c>
      <c r="G2110" s="51" t="s">
        <v>97</v>
      </c>
      <c r="H2110" s="51" t="s">
        <v>82</v>
      </c>
      <c r="I2110" s="50">
        <v>4.7</v>
      </c>
    </row>
    <row r="2111" spans="1:9" x14ac:dyDescent="0.35">
      <c r="A2111" s="52" t="s">
        <v>78</v>
      </c>
      <c r="B2111" s="51" t="s">
        <v>79</v>
      </c>
      <c r="C2111" s="61">
        <v>310302363</v>
      </c>
      <c r="D2111" s="62">
        <v>211</v>
      </c>
      <c r="E2111" s="51">
        <v>202409</v>
      </c>
      <c r="F2111" s="51" t="s">
        <v>38</v>
      </c>
      <c r="G2111" s="51" t="s">
        <v>97</v>
      </c>
      <c r="H2111" s="51" t="s">
        <v>82</v>
      </c>
      <c r="I2111" s="50">
        <v>4.7</v>
      </c>
    </row>
    <row r="2112" spans="1:9" x14ac:dyDescent="0.35">
      <c r="A2112" s="52" t="s">
        <v>78</v>
      </c>
      <c r="B2112" s="51" t="s">
        <v>79</v>
      </c>
      <c r="C2112" s="61">
        <v>310583180</v>
      </c>
      <c r="D2112" s="62">
        <v>211</v>
      </c>
      <c r="E2112" s="51">
        <v>202409</v>
      </c>
      <c r="F2112" s="51" t="s">
        <v>38</v>
      </c>
      <c r="G2112" s="51" t="s">
        <v>97</v>
      </c>
      <c r="H2112" s="51" t="s">
        <v>82</v>
      </c>
      <c r="I2112" s="50">
        <v>30</v>
      </c>
    </row>
    <row r="2113" spans="1:9" x14ac:dyDescent="0.35">
      <c r="A2113" s="52" t="s">
        <v>78</v>
      </c>
      <c r="B2113" s="51" t="s">
        <v>79</v>
      </c>
      <c r="C2113" s="61">
        <v>316259370</v>
      </c>
      <c r="D2113" s="62">
        <v>211</v>
      </c>
      <c r="E2113" s="51">
        <v>202409</v>
      </c>
      <c r="F2113" s="51" t="s">
        <v>38</v>
      </c>
      <c r="G2113" s="51" t="s">
        <v>97</v>
      </c>
      <c r="H2113" s="51" t="s">
        <v>82</v>
      </c>
      <c r="I2113" s="50">
        <v>124</v>
      </c>
    </row>
    <row r="2114" spans="1:9" x14ac:dyDescent="0.35">
      <c r="A2114" s="52" t="s">
        <v>78</v>
      </c>
      <c r="B2114" s="51" t="s">
        <v>79</v>
      </c>
      <c r="C2114" s="61">
        <v>328293500</v>
      </c>
      <c r="D2114" s="62">
        <v>211</v>
      </c>
      <c r="E2114" s="51">
        <v>202409</v>
      </c>
      <c r="F2114" s="51" t="s">
        <v>38</v>
      </c>
      <c r="G2114" s="51" t="s">
        <v>97</v>
      </c>
      <c r="H2114" s="51" t="s">
        <v>82</v>
      </c>
      <c r="I2114" s="50">
        <v>4.7</v>
      </c>
    </row>
    <row r="2115" spans="1:9" x14ac:dyDescent="0.35">
      <c r="A2115" s="52" t="s">
        <v>78</v>
      </c>
      <c r="B2115" s="51" t="s">
        <v>79</v>
      </c>
      <c r="C2115" s="61">
        <v>329742780</v>
      </c>
      <c r="D2115" s="62">
        <v>211</v>
      </c>
      <c r="E2115" s="51">
        <v>202409</v>
      </c>
      <c r="F2115" s="51" t="s">
        <v>38</v>
      </c>
      <c r="G2115" s="51" t="s">
        <v>97</v>
      </c>
      <c r="H2115" s="51" t="s">
        <v>82</v>
      </c>
      <c r="I2115" s="50">
        <v>4.7</v>
      </c>
    </row>
    <row r="2116" spans="1:9" x14ac:dyDescent="0.35">
      <c r="A2116" s="52" t="s">
        <v>78</v>
      </c>
      <c r="B2116" s="51" t="s">
        <v>79</v>
      </c>
      <c r="C2116" s="61">
        <v>334604521</v>
      </c>
      <c r="D2116" s="62">
        <v>211</v>
      </c>
      <c r="E2116" s="51">
        <v>202409</v>
      </c>
      <c r="F2116" s="51" t="s">
        <v>38</v>
      </c>
      <c r="G2116" s="51" t="s">
        <v>97</v>
      </c>
      <c r="H2116" s="51" t="s">
        <v>82</v>
      </c>
      <c r="I2116" s="50">
        <v>4.7</v>
      </c>
    </row>
    <row r="2117" spans="1:9" x14ac:dyDescent="0.35">
      <c r="A2117" s="52" t="s">
        <v>78</v>
      </c>
      <c r="B2117" s="51" t="s">
        <v>79</v>
      </c>
      <c r="C2117" s="61">
        <v>343026590</v>
      </c>
      <c r="D2117" s="62">
        <v>211</v>
      </c>
      <c r="E2117" s="51">
        <v>202409</v>
      </c>
      <c r="F2117" s="51" t="s">
        <v>38</v>
      </c>
      <c r="G2117" s="51" t="s">
        <v>97</v>
      </c>
      <c r="H2117" s="51" t="s">
        <v>82</v>
      </c>
      <c r="I2117" s="50">
        <v>95</v>
      </c>
    </row>
    <row r="2118" spans="1:9" x14ac:dyDescent="0.35">
      <c r="A2118" s="52" t="s">
        <v>78</v>
      </c>
      <c r="B2118" s="51" t="s">
        <v>79</v>
      </c>
      <c r="C2118" s="61">
        <v>345312850</v>
      </c>
      <c r="D2118" s="62">
        <v>211</v>
      </c>
      <c r="E2118" s="51">
        <v>202409</v>
      </c>
      <c r="F2118" s="51" t="s">
        <v>38</v>
      </c>
      <c r="G2118" s="51" t="s">
        <v>97</v>
      </c>
      <c r="H2118" s="51" t="s">
        <v>82</v>
      </c>
      <c r="I2118" s="50">
        <v>4.7</v>
      </c>
    </row>
    <row r="2119" spans="1:9" x14ac:dyDescent="0.35">
      <c r="A2119" s="52" t="s">
        <v>78</v>
      </c>
      <c r="B2119" s="51" t="s">
        <v>79</v>
      </c>
      <c r="C2119" s="61">
        <v>346301330</v>
      </c>
      <c r="D2119" s="62">
        <v>211</v>
      </c>
      <c r="E2119" s="51">
        <v>202409</v>
      </c>
      <c r="F2119" s="51" t="s">
        <v>38</v>
      </c>
      <c r="G2119" s="51" t="s">
        <v>97</v>
      </c>
      <c r="H2119" s="51" t="s">
        <v>82</v>
      </c>
      <c r="I2119" s="50">
        <v>4.7</v>
      </c>
    </row>
    <row r="2120" spans="1:9" x14ac:dyDescent="0.35">
      <c r="A2120" s="52" t="s">
        <v>78</v>
      </c>
      <c r="B2120" s="51" t="s">
        <v>79</v>
      </c>
      <c r="C2120" s="61">
        <v>349718160</v>
      </c>
      <c r="D2120" s="62">
        <v>211</v>
      </c>
      <c r="E2120" s="51">
        <v>202409</v>
      </c>
      <c r="F2120" s="51" t="s">
        <v>38</v>
      </c>
      <c r="G2120" s="51" t="s">
        <v>97</v>
      </c>
      <c r="H2120" s="51" t="s">
        <v>82</v>
      </c>
      <c r="I2120" s="50">
        <v>124</v>
      </c>
    </row>
    <row r="2121" spans="1:9" x14ac:dyDescent="0.35">
      <c r="A2121" s="52" t="s">
        <v>78</v>
      </c>
      <c r="B2121" s="51" t="s">
        <v>79</v>
      </c>
      <c r="C2121" s="61">
        <v>350043747</v>
      </c>
      <c r="D2121" s="62">
        <v>211</v>
      </c>
      <c r="E2121" s="51">
        <v>202409</v>
      </c>
      <c r="F2121" s="51" t="s">
        <v>38</v>
      </c>
      <c r="G2121" s="51" t="s">
        <v>97</v>
      </c>
      <c r="H2121" s="51" t="s">
        <v>82</v>
      </c>
      <c r="I2121" s="50">
        <v>4.7</v>
      </c>
    </row>
    <row r="2122" spans="1:9" x14ac:dyDescent="0.35">
      <c r="A2122" s="52" t="s">
        <v>78</v>
      </c>
      <c r="B2122" s="51" t="s">
        <v>79</v>
      </c>
      <c r="C2122" s="61">
        <v>353105671</v>
      </c>
      <c r="D2122" s="62">
        <v>211</v>
      </c>
      <c r="E2122" s="51">
        <v>202409</v>
      </c>
      <c r="F2122" s="51" t="s">
        <v>38</v>
      </c>
      <c r="G2122" s="51" t="s">
        <v>97</v>
      </c>
      <c r="H2122" s="51" t="s">
        <v>82</v>
      </c>
      <c r="I2122" s="50">
        <v>4.7</v>
      </c>
    </row>
    <row r="2123" spans="1:9" x14ac:dyDescent="0.35">
      <c r="A2123" s="52" t="s">
        <v>78</v>
      </c>
      <c r="B2123" s="51" t="s">
        <v>79</v>
      </c>
      <c r="C2123" s="61">
        <v>353500861</v>
      </c>
      <c r="D2123" s="62">
        <v>211</v>
      </c>
      <c r="E2123" s="51">
        <v>202409</v>
      </c>
      <c r="F2123" s="51" t="s">
        <v>38</v>
      </c>
      <c r="G2123" s="51" t="s">
        <v>97</v>
      </c>
      <c r="H2123" s="51" t="s">
        <v>82</v>
      </c>
      <c r="I2123" s="50">
        <v>4.7</v>
      </c>
    </row>
    <row r="2124" spans="1:9" x14ac:dyDescent="0.35">
      <c r="A2124" s="52" t="s">
        <v>78</v>
      </c>
      <c r="B2124" s="51" t="s">
        <v>79</v>
      </c>
      <c r="C2124" s="61">
        <v>364792289</v>
      </c>
      <c r="D2124" s="62">
        <v>211</v>
      </c>
      <c r="E2124" s="51">
        <v>202409</v>
      </c>
      <c r="F2124" s="51" t="s">
        <v>38</v>
      </c>
      <c r="G2124" s="51" t="s">
        <v>97</v>
      </c>
      <c r="H2124" s="51" t="s">
        <v>82</v>
      </c>
      <c r="I2124" s="50">
        <v>4.7</v>
      </c>
    </row>
    <row r="2125" spans="1:9" x14ac:dyDescent="0.35">
      <c r="A2125" s="52" t="s">
        <v>78</v>
      </c>
      <c r="B2125" s="51" t="s">
        <v>79</v>
      </c>
      <c r="C2125" s="61">
        <v>373811081</v>
      </c>
      <c r="D2125" s="62">
        <v>211</v>
      </c>
      <c r="E2125" s="51">
        <v>202409</v>
      </c>
      <c r="F2125" s="51" t="s">
        <v>38</v>
      </c>
      <c r="G2125" s="51" t="s">
        <v>97</v>
      </c>
      <c r="H2125" s="51" t="s">
        <v>82</v>
      </c>
      <c r="I2125" s="50">
        <v>4.7</v>
      </c>
    </row>
    <row r="2126" spans="1:9" x14ac:dyDescent="0.35">
      <c r="A2126" s="52" t="s">
        <v>78</v>
      </c>
      <c r="B2126" s="51" t="s">
        <v>79</v>
      </c>
      <c r="C2126" s="61">
        <v>374202555</v>
      </c>
      <c r="D2126" s="62">
        <v>211</v>
      </c>
      <c r="E2126" s="51">
        <v>202409</v>
      </c>
      <c r="F2126" s="51" t="s">
        <v>38</v>
      </c>
      <c r="G2126" s="51" t="s">
        <v>97</v>
      </c>
      <c r="H2126" s="51" t="s">
        <v>82</v>
      </c>
      <c r="I2126" s="50">
        <v>4.7</v>
      </c>
    </row>
    <row r="2127" spans="1:9" x14ac:dyDescent="0.35">
      <c r="A2127" s="52" t="s">
        <v>78</v>
      </c>
      <c r="B2127" s="51" t="s">
        <v>79</v>
      </c>
      <c r="C2127" s="61">
        <v>383002200</v>
      </c>
      <c r="D2127" s="62">
        <v>211</v>
      </c>
      <c r="E2127" s="51">
        <v>202409</v>
      </c>
      <c r="F2127" s="51" t="s">
        <v>38</v>
      </c>
      <c r="G2127" s="51" t="s">
        <v>97</v>
      </c>
      <c r="H2127" s="51" t="s">
        <v>82</v>
      </c>
      <c r="I2127" s="50">
        <v>4.7</v>
      </c>
    </row>
    <row r="2128" spans="1:9" x14ac:dyDescent="0.35">
      <c r="A2128" s="52" t="s">
        <v>78</v>
      </c>
      <c r="B2128" s="51" t="s">
        <v>79</v>
      </c>
      <c r="C2128" s="61">
        <v>385198286</v>
      </c>
      <c r="D2128" s="62">
        <v>211</v>
      </c>
      <c r="E2128" s="51">
        <v>202409</v>
      </c>
      <c r="F2128" s="51" t="s">
        <v>38</v>
      </c>
      <c r="G2128" s="51" t="s">
        <v>97</v>
      </c>
      <c r="H2128" s="51" t="s">
        <v>82</v>
      </c>
      <c r="I2128" s="50">
        <v>4.7</v>
      </c>
    </row>
    <row r="2129" spans="1:9" x14ac:dyDescent="0.35">
      <c r="A2129" s="52" t="s">
        <v>78</v>
      </c>
      <c r="B2129" s="51" t="s">
        <v>79</v>
      </c>
      <c r="C2129" s="61">
        <v>386978621</v>
      </c>
      <c r="D2129" s="62">
        <v>211</v>
      </c>
      <c r="E2129" s="51">
        <v>202409</v>
      </c>
      <c r="F2129" s="51" t="s">
        <v>38</v>
      </c>
      <c r="G2129" s="51" t="s">
        <v>97</v>
      </c>
      <c r="H2129" s="51" t="s">
        <v>82</v>
      </c>
      <c r="I2129" s="50">
        <v>30</v>
      </c>
    </row>
    <row r="2130" spans="1:9" x14ac:dyDescent="0.35">
      <c r="A2130" s="52" t="s">
        <v>78</v>
      </c>
      <c r="B2130" s="51" t="s">
        <v>79</v>
      </c>
      <c r="C2130" s="61">
        <v>395849835</v>
      </c>
      <c r="D2130" s="62">
        <v>211</v>
      </c>
      <c r="E2130" s="51">
        <v>202409</v>
      </c>
      <c r="F2130" s="51" t="s">
        <v>38</v>
      </c>
      <c r="G2130" s="51" t="s">
        <v>97</v>
      </c>
      <c r="H2130" s="51" t="s">
        <v>82</v>
      </c>
      <c r="I2130" s="50">
        <v>4.7</v>
      </c>
    </row>
    <row r="2131" spans="1:9" x14ac:dyDescent="0.35">
      <c r="A2131" s="52" t="s">
        <v>78</v>
      </c>
      <c r="B2131" s="51" t="s">
        <v>79</v>
      </c>
      <c r="C2131" s="61">
        <v>397134081</v>
      </c>
      <c r="D2131" s="62">
        <v>211</v>
      </c>
      <c r="E2131" s="51">
        <v>202409</v>
      </c>
      <c r="F2131" s="51" t="s">
        <v>38</v>
      </c>
      <c r="G2131" s="51" t="s">
        <v>97</v>
      </c>
      <c r="H2131" s="51" t="s">
        <v>82</v>
      </c>
      <c r="I2131" s="50">
        <v>4.7</v>
      </c>
    </row>
    <row r="2132" spans="1:9" x14ac:dyDescent="0.35">
      <c r="A2132" s="52" t="s">
        <v>78</v>
      </c>
      <c r="B2132" s="51" t="s">
        <v>79</v>
      </c>
      <c r="C2132" s="61">
        <v>303804461</v>
      </c>
      <c r="D2132" s="62">
        <v>10</v>
      </c>
      <c r="E2132" s="51">
        <v>202410</v>
      </c>
      <c r="F2132" s="51" t="s">
        <v>38</v>
      </c>
      <c r="G2132" s="51" t="s">
        <v>97</v>
      </c>
      <c r="H2132" s="51" t="s">
        <v>82</v>
      </c>
      <c r="I2132" s="50">
        <v>4.7</v>
      </c>
    </row>
    <row r="2133" spans="1:9" x14ac:dyDescent="0.35">
      <c r="A2133" s="52" t="s">
        <v>78</v>
      </c>
      <c r="B2133" s="51" t="s">
        <v>79</v>
      </c>
      <c r="C2133" s="61">
        <v>303905241</v>
      </c>
      <c r="D2133" s="62">
        <v>10</v>
      </c>
      <c r="E2133" s="51">
        <v>202410</v>
      </c>
      <c r="F2133" s="51" t="s">
        <v>38</v>
      </c>
      <c r="G2133" s="51" t="s">
        <v>97</v>
      </c>
      <c r="H2133" s="51" t="s">
        <v>82</v>
      </c>
      <c r="I2133" s="50">
        <v>30</v>
      </c>
    </row>
    <row r="2134" spans="1:9" x14ac:dyDescent="0.35">
      <c r="A2134" s="52" t="s">
        <v>78</v>
      </c>
      <c r="B2134" s="51" t="s">
        <v>79</v>
      </c>
      <c r="C2134" s="61">
        <v>304601644</v>
      </c>
      <c r="D2134" s="62">
        <v>10</v>
      </c>
      <c r="E2134" s="51">
        <v>202410</v>
      </c>
      <c r="F2134" s="51" t="s">
        <v>38</v>
      </c>
      <c r="G2134" s="51" t="s">
        <v>97</v>
      </c>
      <c r="H2134" s="51" t="s">
        <v>82</v>
      </c>
      <c r="I2134" s="50">
        <v>4.7</v>
      </c>
    </row>
    <row r="2135" spans="1:9" x14ac:dyDescent="0.35">
      <c r="A2135" s="52" t="s">
        <v>78</v>
      </c>
      <c r="B2135" s="51" t="s">
        <v>79</v>
      </c>
      <c r="C2135" s="61">
        <v>304601644</v>
      </c>
      <c r="D2135" s="62">
        <v>10</v>
      </c>
      <c r="E2135" s="51">
        <v>202410</v>
      </c>
      <c r="F2135" s="51" t="s">
        <v>38</v>
      </c>
      <c r="G2135" s="51" t="s">
        <v>97</v>
      </c>
      <c r="H2135" s="51" t="s">
        <v>82</v>
      </c>
      <c r="I2135" s="50">
        <v>4.7</v>
      </c>
    </row>
    <row r="2136" spans="1:9" x14ac:dyDescent="0.35">
      <c r="A2136" s="52" t="s">
        <v>78</v>
      </c>
      <c r="B2136" s="51" t="s">
        <v>79</v>
      </c>
      <c r="C2136" s="61">
        <v>304601644</v>
      </c>
      <c r="D2136" s="62">
        <v>10</v>
      </c>
      <c r="E2136" s="51">
        <v>202410</v>
      </c>
      <c r="F2136" s="51" t="s">
        <v>38</v>
      </c>
      <c r="G2136" s="51" t="s">
        <v>97</v>
      </c>
      <c r="H2136" s="51" t="s">
        <v>82</v>
      </c>
      <c r="I2136" s="50">
        <v>4.7</v>
      </c>
    </row>
    <row r="2137" spans="1:9" x14ac:dyDescent="0.35">
      <c r="A2137" s="52" t="s">
        <v>78</v>
      </c>
      <c r="B2137" s="51" t="s">
        <v>79</v>
      </c>
      <c r="C2137" s="61">
        <v>306405754</v>
      </c>
      <c r="D2137" s="62">
        <v>10</v>
      </c>
      <c r="E2137" s="51">
        <v>202410</v>
      </c>
      <c r="F2137" s="51" t="s">
        <v>38</v>
      </c>
      <c r="G2137" s="51" t="s">
        <v>97</v>
      </c>
      <c r="H2137" s="51" t="s">
        <v>82</v>
      </c>
      <c r="I2137" s="50">
        <v>4.7</v>
      </c>
    </row>
    <row r="2138" spans="1:9" x14ac:dyDescent="0.35">
      <c r="A2138" s="52" t="s">
        <v>78</v>
      </c>
      <c r="B2138" s="51" t="s">
        <v>79</v>
      </c>
      <c r="C2138" s="61">
        <v>307305571</v>
      </c>
      <c r="D2138" s="62">
        <v>10</v>
      </c>
      <c r="E2138" s="51">
        <v>202410</v>
      </c>
      <c r="F2138" s="51" t="s">
        <v>38</v>
      </c>
      <c r="G2138" s="51" t="s">
        <v>97</v>
      </c>
      <c r="H2138" s="51" t="s">
        <v>82</v>
      </c>
      <c r="I2138" s="50">
        <v>4.7</v>
      </c>
    </row>
    <row r="2139" spans="1:9" x14ac:dyDescent="0.35">
      <c r="A2139" s="52" t="s">
        <v>78</v>
      </c>
      <c r="B2139" s="51" t="s">
        <v>79</v>
      </c>
      <c r="C2139" s="61">
        <v>308605564</v>
      </c>
      <c r="D2139" s="62">
        <v>10</v>
      </c>
      <c r="E2139" s="51">
        <v>202410</v>
      </c>
      <c r="F2139" s="51" t="s">
        <v>38</v>
      </c>
      <c r="G2139" s="51" t="s">
        <v>97</v>
      </c>
      <c r="H2139" s="51" t="s">
        <v>82</v>
      </c>
      <c r="I2139" s="50">
        <v>4.7</v>
      </c>
    </row>
    <row r="2140" spans="1:9" x14ac:dyDescent="0.35">
      <c r="A2140" s="52" t="s">
        <v>78</v>
      </c>
      <c r="B2140" s="51" t="s">
        <v>79</v>
      </c>
      <c r="C2140" s="61">
        <v>309404751</v>
      </c>
      <c r="D2140" s="62">
        <v>10</v>
      </c>
      <c r="E2140" s="51">
        <v>202410</v>
      </c>
      <c r="F2140" s="51" t="s">
        <v>38</v>
      </c>
      <c r="G2140" s="51" t="s">
        <v>97</v>
      </c>
      <c r="H2140" s="51" t="s">
        <v>82</v>
      </c>
      <c r="I2140" s="50">
        <v>4.7</v>
      </c>
    </row>
    <row r="2141" spans="1:9" x14ac:dyDescent="0.35">
      <c r="A2141" s="52" t="s">
        <v>78</v>
      </c>
      <c r="B2141" s="51" t="s">
        <v>79</v>
      </c>
      <c r="C2141" s="61">
        <v>310202673</v>
      </c>
      <c r="D2141" s="62">
        <v>10</v>
      </c>
      <c r="E2141" s="51">
        <v>202410</v>
      </c>
      <c r="F2141" s="51" t="s">
        <v>38</v>
      </c>
      <c r="G2141" s="51" t="s">
        <v>97</v>
      </c>
      <c r="H2141" s="51" t="s">
        <v>82</v>
      </c>
      <c r="I2141" s="50">
        <v>4.7</v>
      </c>
    </row>
    <row r="2142" spans="1:9" x14ac:dyDescent="0.35">
      <c r="A2142" s="52" t="s">
        <v>78</v>
      </c>
      <c r="B2142" s="51" t="s">
        <v>79</v>
      </c>
      <c r="C2142" s="61">
        <v>311447020</v>
      </c>
      <c r="D2142" s="62">
        <v>10</v>
      </c>
      <c r="E2142" s="51">
        <v>202410</v>
      </c>
      <c r="F2142" s="51" t="s">
        <v>38</v>
      </c>
      <c r="G2142" s="51" t="s">
        <v>97</v>
      </c>
      <c r="H2142" s="51" t="s">
        <v>82</v>
      </c>
      <c r="I2142" s="50">
        <v>4.7</v>
      </c>
    </row>
    <row r="2143" spans="1:9" x14ac:dyDescent="0.35">
      <c r="A2143" s="52" t="s">
        <v>78</v>
      </c>
      <c r="B2143" s="51" t="s">
        <v>79</v>
      </c>
      <c r="C2143" s="61">
        <v>312602682</v>
      </c>
      <c r="D2143" s="62">
        <v>10</v>
      </c>
      <c r="E2143" s="51">
        <v>202410</v>
      </c>
      <c r="F2143" s="51" t="s">
        <v>38</v>
      </c>
      <c r="G2143" s="51" t="s">
        <v>97</v>
      </c>
      <c r="H2143" s="51" t="s">
        <v>82</v>
      </c>
      <c r="I2143" s="50">
        <v>4.7</v>
      </c>
    </row>
    <row r="2144" spans="1:9" x14ac:dyDescent="0.35">
      <c r="A2144" s="52" t="s">
        <v>78</v>
      </c>
      <c r="B2144" s="51" t="s">
        <v>79</v>
      </c>
      <c r="C2144" s="61">
        <v>313801753</v>
      </c>
      <c r="D2144" s="62">
        <v>10</v>
      </c>
      <c r="E2144" s="51">
        <v>202410</v>
      </c>
      <c r="F2144" s="51" t="s">
        <v>38</v>
      </c>
      <c r="G2144" s="51" t="s">
        <v>97</v>
      </c>
      <c r="H2144" s="51" t="s">
        <v>82</v>
      </c>
      <c r="I2144" s="50">
        <v>4.7</v>
      </c>
    </row>
    <row r="2145" spans="1:9" x14ac:dyDescent="0.35">
      <c r="A2145" s="52" t="s">
        <v>78</v>
      </c>
      <c r="B2145" s="51" t="s">
        <v>79</v>
      </c>
      <c r="C2145" s="61">
        <v>316402591</v>
      </c>
      <c r="D2145" s="62">
        <v>10</v>
      </c>
      <c r="E2145" s="51">
        <v>202410</v>
      </c>
      <c r="F2145" s="51" t="s">
        <v>38</v>
      </c>
      <c r="G2145" s="51" t="s">
        <v>97</v>
      </c>
      <c r="H2145" s="51" t="s">
        <v>82</v>
      </c>
      <c r="I2145" s="50">
        <v>4.7</v>
      </c>
    </row>
    <row r="2146" spans="1:9" x14ac:dyDescent="0.35">
      <c r="A2146" s="52" t="s">
        <v>78</v>
      </c>
      <c r="B2146" s="51" t="s">
        <v>79</v>
      </c>
      <c r="C2146" s="61">
        <v>316800709</v>
      </c>
      <c r="D2146" s="62">
        <v>10</v>
      </c>
      <c r="E2146" s="51">
        <v>202410</v>
      </c>
      <c r="F2146" s="51" t="s">
        <v>38</v>
      </c>
      <c r="G2146" s="51" t="s">
        <v>97</v>
      </c>
      <c r="H2146" s="51" t="s">
        <v>82</v>
      </c>
      <c r="I2146" s="50">
        <v>4.7</v>
      </c>
    </row>
    <row r="2147" spans="1:9" x14ac:dyDescent="0.35">
      <c r="A2147" s="52" t="s">
        <v>78</v>
      </c>
      <c r="B2147" s="51" t="s">
        <v>79</v>
      </c>
      <c r="C2147" s="61">
        <v>317505519</v>
      </c>
      <c r="D2147" s="62">
        <v>10</v>
      </c>
      <c r="E2147" s="51">
        <v>202410</v>
      </c>
      <c r="F2147" s="51" t="s">
        <v>38</v>
      </c>
      <c r="G2147" s="51" t="s">
        <v>97</v>
      </c>
      <c r="H2147" s="51" t="s">
        <v>82</v>
      </c>
      <c r="I2147" s="50">
        <v>4.7</v>
      </c>
    </row>
    <row r="2148" spans="1:9" x14ac:dyDescent="0.35">
      <c r="A2148" s="52" t="s">
        <v>78</v>
      </c>
      <c r="B2148" s="51" t="s">
        <v>79</v>
      </c>
      <c r="C2148" s="61">
        <v>320102686</v>
      </c>
      <c r="D2148" s="62">
        <v>10</v>
      </c>
      <c r="E2148" s="51">
        <v>202410</v>
      </c>
      <c r="F2148" s="51" t="s">
        <v>38</v>
      </c>
      <c r="G2148" s="51" t="s">
        <v>97</v>
      </c>
      <c r="H2148" s="51" t="s">
        <v>82</v>
      </c>
      <c r="I2148" s="50">
        <v>4.7</v>
      </c>
    </row>
    <row r="2149" spans="1:9" x14ac:dyDescent="0.35">
      <c r="A2149" s="52" t="s">
        <v>78</v>
      </c>
      <c r="B2149" s="51" t="s">
        <v>79</v>
      </c>
      <c r="C2149" s="61">
        <v>321204274</v>
      </c>
      <c r="D2149" s="62">
        <v>10</v>
      </c>
      <c r="E2149" s="51">
        <v>202410</v>
      </c>
      <c r="F2149" s="51" t="s">
        <v>38</v>
      </c>
      <c r="G2149" s="51" t="s">
        <v>97</v>
      </c>
      <c r="H2149" s="51" t="s">
        <v>82</v>
      </c>
      <c r="I2149" s="50">
        <v>4.7</v>
      </c>
    </row>
    <row r="2150" spans="1:9" x14ac:dyDescent="0.35">
      <c r="A2150" s="52" t="s">
        <v>78</v>
      </c>
      <c r="B2150" s="51" t="s">
        <v>79</v>
      </c>
      <c r="C2150" s="61">
        <v>321423432</v>
      </c>
      <c r="D2150" s="62">
        <v>10</v>
      </c>
      <c r="E2150" s="51">
        <v>202410</v>
      </c>
      <c r="F2150" s="51" t="s">
        <v>38</v>
      </c>
      <c r="G2150" s="51" t="s">
        <v>97</v>
      </c>
      <c r="H2150" s="51" t="s">
        <v>82</v>
      </c>
      <c r="I2150" s="50">
        <v>4.7</v>
      </c>
    </row>
    <row r="2151" spans="1:9" x14ac:dyDescent="0.35">
      <c r="A2151" s="52" t="s">
        <v>78</v>
      </c>
      <c r="B2151" s="51" t="s">
        <v>79</v>
      </c>
      <c r="C2151" s="61">
        <v>321900033</v>
      </c>
      <c r="D2151" s="62">
        <v>10</v>
      </c>
      <c r="E2151" s="51">
        <v>202410</v>
      </c>
      <c r="F2151" s="51" t="s">
        <v>38</v>
      </c>
      <c r="G2151" s="51" t="s">
        <v>97</v>
      </c>
      <c r="H2151" s="51" t="s">
        <v>82</v>
      </c>
      <c r="I2151" s="50">
        <v>4.7</v>
      </c>
    </row>
    <row r="2152" spans="1:9" x14ac:dyDescent="0.35">
      <c r="A2152" s="52" t="s">
        <v>78</v>
      </c>
      <c r="B2152" s="51" t="s">
        <v>79</v>
      </c>
      <c r="C2152" s="61">
        <v>324100063</v>
      </c>
      <c r="D2152" s="62">
        <v>10</v>
      </c>
      <c r="E2152" s="51">
        <v>202410</v>
      </c>
      <c r="F2152" s="51" t="s">
        <v>38</v>
      </c>
      <c r="G2152" s="51" t="s">
        <v>97</v>
      </c>
      <c r="H2152" s="51" t="s">
        <v>82</v>
      </c>
      <c r="I2152" s="50">
        <v>4.7</v>
      </c>
    </row>
    <row r="2153" spans="1:9" x14ac:dyDescent="0.35">
      <c r="A2153" s="52" t="s">
        <v>78</v>
      </c>
      <c r="B2153" s="51" t="s">
        <v>79</v>
      </c>
      <c r="C2153" s="61">
        <v>325002699</v>
      </c>
      <c r="D2153" s="62">
        <v>10</v>
      </c>
      <c r="E2153" s="51">
        <v>202410</v>
      </c>
      <c r="F2153" s="51" t="s">
        <v>38</v>
      </c>
      <c r="G2153" s="51" t="s">
        <v>97</v>
      </c>
      <c r="H2153" s="51" t="s">
        <v>82</v>
      </c>
      <c r="I2153" s="50">
        <v>4.7</v>
      </c>
    </row>
    <row r="2154" spans="1:9" x14ac:dyDescent="0.35">
      <c r="A2154" s="52" t="s">
        <v>78</v>
      </c>
      <c r="B2154" s="51" t="s">
        <v>79</v>
      </c>
      <c r="C2154" s="61">
        <v>325086748</v>
      </c>
      <c r="D2154" s="62">
        <v>10</v>
      </c>
      <c r="E2154" s="51">
        <v>202410</v>
      </c>
      <c r="F2154" s="51" t="s">
        <v>38</v>
      </c>
      <c r="G2154" s="51" t="s">
        <v>97</v>
      </c>
      <c r="H2154" s="51" t="s">
        <v>82</v>
      </c>
      <c r="I2154" s="50">
        <v>4.7</v>
      </c>
    </row>
    <row r="2155" spans="1:9" x14ac:dyDescent="0.35">
      <c r="A2155" s="52" t="s">
        <v>78</v>
      </c>
      <c r="B2155" s="51" t="s">
        <v>79</v>
      </c>
      <c r="C2155" s="61">
        <v>325504510</v>
      </c>
      <c r="D2155" s="62">
        <v>10</v>
      </c>
      <c r="E2155" s="51">
        <v>202410</v>
      </c>
      <c r="F2155" s="51" t="s">
        <v>38</v>
      </c>
      <c r="G2155" s="51" t="s">
        <v>97</v>
      </c>
      <c r="H2155" s="51" t="s">
        <v>82</v>
      </c>
      <c r="I2155" s="50">
        <v>4.7</v>
      </c>
    </row>
    <row r="2156" spans="1:9" x14ac:dyDescent="0.35">
      <c r="A2156" s="52" t="s">
        <v>78</v>
      </c>
      <c r="B2156" s="51" t="s">
        <v>79</v>
      </c>
      <c r="C2156" s="61">
        <v>325921250</v>
      </c>
      <c r="D2156" s="62">
        <v>10</v>
      </c>
      <c r="E2156" s="51">
        <v>202410</v>
      </c>
      <c r="F2156" s="51" t="s">
        <v>38</v>
      </c>
      <c r="G2156" s="51" t="s">
        <v>97</v>
      </c>
      <c r="H2156" s="51" t="s">
        <v>82</v>
      </c>
      <c r="I2156" s="50">
        <v>4.7</v>
      </c>
    </row>
    <row r="2157" spans="1:9" x14ac:dyDescent="0.35">
      <c r="A2157" s="52" t="s">
        <v>78</v>
      </c>
      <c r="B2157" s="51" t="s">
        <v>79</v>
      </c>
      <c r="C2157" s="61">
        <v>326605381</v>
      </c>
      <c r="D2157" s="62">
        <v>10</v>
      </c>
      <c r="E2157" s="51">
        <v>202410</v>
      </c>
      <c r="F2157" s="51" t="s">
        <v>38</v>
      </c>
      <c r="G2157" s="51" t="s">
        <v>97</v>
      </c>
      <c r="H2157" s="51" t="s">
        <v>82</v>
      </c>
      <c r="I2157" s="50">
        <v>4.7</v>
      </c>
    </row>
    <row r="2158" spans="1:9" x14ac:dyDescent="0.35">
      <c r="A2158" s="52" t="s">
        <v>78</v>
      </c>
      <c r="B2158" s="51" t="s">
        <v>79</v>
      </c>
      <c r="C2158" s="61">
        <v>327104227</v>
      </c>
      <c r="D2158" s="62">
        <v>10</v>
      </c>
      <c r="E2158" s="51">
        <v>202410</v>
      </c>
      <c r="F2158" s="51" t="s">
        <v>38</v>
      </c>
      <c r="G2158" s="51" t="s">
        <v>97</v>
      </c>
      <c r="H2158" s="51" t="s">
        <v>82</v>
      </c>
      <c r="I2158" s="50">
        <v>4.7</v>
      </c>
    </row>
    <row r="2159" spans="1:9" x14ac:dyDescent="0.35">
      <c r="A2159" s="52" t="s">
        <v>78</v>
      </c>
      <c r="B2159" s="51" t="s">
        <v>79</v>
      </c>
      <c r="C2159" s="61">
        <v>328605215</v>
      </c>
      <c r="D2159" s="62">
        <v>10</v>
      </c>
      <c r="E2159" s="51">
        <v>202410</v>
      </c>
      <c r="F2159" s="51" t="s">
        <v>38</v>
      </c>
      <c r="G2159" s="51" t="s">
        <v>97</v>
      </c>
      <c r="H2159" s="51" t="s">
        <v>82</v>
      </c>
      <c r="I2159" s="50">
        <v>4.7</v>
      </c>
    </row>
    <row r="2160" spans="1:9" x14ac:dyDescent="0.35">
      <c r="A2160" s="52" t="s">
        <v>78</v>
      </c>
      <c r="B2160" s="51" t="s">
        <v>79</v>
      </c>
      <c r="C2160" s="61">
        <v>328984610</v>
      </c>
      <c r="D2160" s="62">
        <v>10</v>
      </c>
      <c r="E2160" s="51">
        <v>202410</v>
      </c>
      <c r="F2160" s="51" t="s">
        <v>38</v>
      </c>
      <c r="G2160" s="51" t="s">
        <v>97</v>
      </c>
      <c r="H2160" s="51" t="s">
        <v>82</v>
      </c>
      <c r="I2160" s="50">
        <v>4.7</v>
      </c>
    </row>
    <row r="2161" spans="1:9" x14ac:dyDescent="0.35">
      <c r="A2161" s="52" t="s">
        <v>78</v>
      </c>
      <c r="B2161" s="51" t="s">
        <v>79</v>
      </c>
      <c r="C2161" s="61">
        <v>329405731</v>
      </c>
      <c r="D2161" s="62">
        <v>10</v>
      </c>
      <c r="E2161" s="51">
        <v>202410</v>
      </c>
      <c r="F2161" s="51" t="s">
        <v>38</v>
      </c>
      <c r="G2161" s="51" t="s">
        <v>97</v>
      </c>
      <c r="H2161" s="51" t="s">
        <v>82</v>
      </c>
      <c r="I2161" s="50">
        <v>4.7</v>
      </c>
    </row>
    <row r="2162" spans="1:9" x14ac:dyDescent="0.35">
      <c r="A2162" s="52" t="s">
        <v>78</v>
      </c>
      <c r="B2162" s="51" t="s">
        <v>79</v>
      </c>
      <c r="C2162" s="61">
        <v>330002836</v>
      </c>
      <c r="D2162" s="62">
        <v>10</v>
      </c>
      <c r="E2162" s="51">
        <v>202410</v>
      </c>
      <c r="F2162" s="51" t="s">
        <v>38</v>
      </c>
      <c r="G2162" s="51" t="s">
        <v>97</v>
      </c>
      <c r="H2162" s="51" t="s">
        <v>82</v>
      </c>
      <c r="I2162" s="50">
        <v>4.7</v>
      </c>
    </row>
    <row r="2163" spans="1:9" x14ac:dyDescent="0.35">
      <c r="A2163" s="52" t="s">
        <v>78</v>
      </c>
      <c r="B2163" s="51" t="s">
        <v>79</v>
      </c>
      <c r="C2163" s="61">
        <v>331205854</v>
      </c>
      <c r="D2163" s="62">
        <v>10</v>
      </c>
      <c r="E2163" s="51">
        <v>202410</v>
      </c>
      <c r="F2163" s="51" t="s">
        <v>38</v>
      </c>
      <c r="G2163" s="51" t="s">
        <v>97</v>
      </c>
      <c r="H2163" s="51" t="s">
        <v>82</v>
      </c>
      <c r="I2163" s="50">
        <v>4.7</v>
      </c>
    </row>
    <row r="2164" spans="1:9" x14ac:dyDescent="0.35">
      <c r="A2164" s="52" t="s">
        <v>78</v>
      </c>
      <c r="B2164" s="51" t="s">
        <v>79</v>
      </c>
      <c r="C2164" s="61">
        <v>332505513</v>
      </c>
      <c r="D2164" s="62">
        <v>10</v>
      </c>
      <c r="E2164" s="51">
        <v>202410</v>
      </c>
      <c r="F2164" s="51" t="s">
        <v>38</v>
      </c>
      <c r="G2164" s="51" t="s">
        <v>97</v>
      </c>
      <c r="H2164" s="51" t="s">
        <v>82</v>
      </c>
      <c r="I2164" s="50">
        <v>95</v>
      </c>
    </row>
    <row r="2165" spans="1:9" x14ac:dyDescent="0.35">
      <c r="A2165" s="52" t="s">
        <v>78</v>
      </c>
      <c r="B2165" s="51" t="s">
        <v>79</v>
      </c>
      <c r="C2165" s="61">
        <v>333204543</v>
      </c>
      <c r="D2165" s="62">
        <v>10</v>
      </c>
      <c r="E2165" s="51">
        <v>202410</v>
      </c>
      <c r="F2165" s="51" t="s">
        <v>38</v>
      </c>
      <c r="G2165" s="51" t="s">
        <v>97</v>
      </c>
      <c r="H2165" s="51" t="s">
        <v>82</v>
      </c>
      <c r="I2165" s="50">
        <v>4.7</v>
      </c>
    </row>
    <row r="2166" spans="1:9" x14ac:dyDescent="0.35">
      <c r="A2166" s="52" t="s">
        <v>78</v>
      </c>
      <c r="B2166" s="51" t="s">
        <v>79</v>
      </c>
      <c r="C2166" s="61">
        <v>336200900</v>
      </c>
      <c r="D2166" s="62">
        <v>10</v>
      </c>
      <c r="E2166" s="51">
        <v>202410</v>
      </c>
      <c r="F2166" s="51" t="s">
        <v>38</v>
      </c>
      <c r="G2166" s="51" t="s">
        <v>97</v>
      </c>
      <c r="H2166" s="51" t="s">
        <v>82</v>
      </c>
      <c r="I2166" s="50">
        <v>30</v>
      </c>
    </row>
    <row r="2167" spans="1:9" x14ac:dyDescent="0.35">
      <c r="A2167" s="52" t="s">
        <v>78</v>
      </c>
      <c r="B2167" s="51" t="s">
        <v>79</v>
      </c>
      <c r="C2167" s="61">
        <v>336600096</v>
      </c>
      <c r="D2167" s="62">
        <v>10</v>
      </c>
      <c r="E2167" s="51">
        <v>202410</v>
      </c>
      <c r="F2167" s="51" t="s">
        <v>38</v>
      </c>
      <c r="G2167" s="51" t="s">
        <v>97</v>
      </c>
      <c r="H2167" s="51" t="s">
        <v>82</v>
      </c>
      <c r="I2167" s="50">
        <v>4.7</v>
      </c>
    </row>
    <row r="2168" spans="1:9" x14ac:dyDescent="0.35">
      <c r="A2168" s="52" t="s">
        <v>78</v>
      </c>
      <c r="B2168" s="51" t="s">
        <v>79</v>
      </c>
      <c r="C2168" s="61">
        <v>337802190</v>
      </c>
      <c r="D2168" s="62">
        <v>10</v>
      </c>
      <c r="E2168" s="51">
        <v>202410</v>
      </c>
      <c r="F2168" s="51" t="s">
        <v>38</v>
      </c>
      <c r="G2168" s="51" t="s">
        <v>97</v>
      </c>
      <c r="H2168" s="51" t="s">
        <v>82</v>
      </c>
      <c r="I2168" s="50">
        <v>4.7</v>
      </c>
    </row>
    <row r="2169" spans="1:9" x14ac:dyDescent="0.35">
      <c r="A2169" s="52" t="s">
        <v>78</v>
      </c>
      <c r="B2169" s="51" t="s">
        <v>79</v>
      </c>
      <c r="C2169" s="61">
        <v>338501643</v>
      </c>
      <c r="D2169" s="62">
        <v>10</v>
      </c>
      <c r="E2169" s="51">
        <v>202410</v>
      </c>
      <c r="F2169" s="51" t="s">
        <v>38</v>
      </c>
      <c r="G2169" s="51" t="s">
        <v>97</v>
      </c>
      <c r="H2169" s="51" t="s">
        <v>82</v>
      </c>
      <c r="I2169" s="50">
        <v>4.7</v>
      </c>
    </row>
    <row r="2170" spans="1:9" x14ac:dyDescent="0.35">
      <c r="A2170" s="52" t="s">
        <v>78</v>
      </c>
      <c r="B2170" s="51" t="s">
        <v>79</v>
      </c>
      <c r="C2170" s="61">
        <v>339602376</v>
      </c>
      <c r="D2170" s="62">
        <v>10</v>
      </c>
      <c r="E2170" s="51">
        <v>202410</v>
      </c>
      <c r="F2170" s="51" t="s">
        <v>38</v>
      </c>
      <c r="G2170" s="51" t="s">
        <v>97</v>
      </c>
      <c r="H2170" s="51" t="s">
        <v>82</v>
      </c>
      <c r="I2170" s="50">
        <v>4.7</v>
      </c>
    </row>
    <row r="2171" spans="1:9" x14ac:dyDescent="0.35">
      <c r="A2171" s="52" t="s">
        <v>78</v>
      </c>
      <c r="B2171" s="51" t="s">
        <v>79</v>
      </c>
      <c r="C2171" s="61">
        <v>340200693</v>
      </c>
      <c r="D2171" s="62">
        <v>10</v>
      </c>
      <c r="E2171" s="51">
        <v>202410</v>
      </c>
      <c r="F2171" s="51" t="s">
        <v>38</v>
      </c>
      <c r="G2171" s="51" t="s">
        <v>97</v>
      </c>
      <c r="H2171" s="51" t="s">
        <v>82</v>
      </c>
      <c r="I2171" s="50">
        <v>4.7</v>
      </c>
    </row>
    <row r="2172" spans="1:9" x14ac:dyDescent="0.35">
      <c r="A2172" s="52" t="s">
        <v>78</v>
      </c>
      <c r="B2172" s="51" t="s">
        <v>79</v>
      </c>
      <c r="C2172" s="61">
        <v>342100904</v>
      </c>
      <c r="D2172" s="62">
        <v>10</v>
      </c>
      <c r="E2172" s="51">
        <v>202410</v>
      </c>
      <c r="F2172" s="51" t="s">
        <v>38</v>
      </c>
      <c r="G2172" s="51" t="s">
        <v>97</v>
      </c>
      <c r="H2172" s="51" t="s">
        <v>82</v>
      </c>
      <c r="I2172" s="50">
        <v>4.7</v>
      </c>
    </row>
    <row r="2173" spans="1:9" x14ac:dyDescent="0.35">
      <c r="A2173" s="52" t="s">
        <v>78</v>
      </c>
      <c r="B2173" s="51" t="s">
        <v>79</v>
      </c>
      <c r="C2173" s="61">
        <v>343302681</v>
      </c>
      <c r="D2173" s="62">
        <v>10</v>
      </c>
      <c r="E2173" s="51">
        <v>202410</v>
      </c>
      <c r="F2173" s="51" t="s">
        <v>38</v>
      </c>
      <c r="G2173" s="51" t="s">
        <v>97</v>
      </c>
      <c r="H2173" s="51" t="s">
        <v>82</v>
      </c>
      <c r="I2173" s="50">
        <v>95</v>
      </c>
    </row>
    <row r="2174" spans="1:9" x14ac:dyDescent="0.35">
      <c r="A2174" s="52" t="s">
        <v>78</v>
      </c>
      <c r="B2174" s="51" t="s">
        <v>79</v>
      </c>
      <c r="C2174" s="61">
        <v>343600381</v>
      </c>
      <c r="D2174" s="62">
        <v>10</v>
      </c>
      <c r="E2174" s="51">
        <v>202410</v>
      </c>
      <c r="F2174" s="51" t="s">
        <v>38</v>
      </c>
      <c r="G2174" s="51" t="s">
        <v>97</v>
      </c>
      <c r="H2174" s="51" t="s">
        <v>82</v>
      </c>
      <c r="I2174" s="50">
        <v>4.7</v>
      </c>
    </row>
    <row r="2175" spans="1:9" x14ac:dyDescent="0.35">
      <c r="A2175" s="52" t="s">
        <v>78</v>
      </c>
      <c r="B2175" s="51" t="s">
        <v>79</v>
      </c>
      <c r="C2175" s="61">
        <v>344605390</v>
      </c>
      <c r="D2175" s="62">
        <v>10</v>
      </c>
      <c r="E2175" s="51">
        <v>202410</v>
      </c>
      <c r="F2175" s="51" t="s">
        <v>38</v>
      </c>
      <c r="G2175" s="51" t="s">
        <v>97</v>
      </c>
      <c r="H2175" s="51" t="s">
        <v>82</v>
      </c>
      <c r="I2175" s="50">
        <v>4.7</v>
      </c>
    </row>
    <row r="2176" spans="1:9" x14ac:dyDescent="0.35">
      <c r="A2176" s="52" t="s">
        <v>78</v>
      </c>
      <c r="B2176" s="51" t="s">
        <v>79</v>
      </c>
      <c r="C2176" s="61">
        <v>345304095</v>
      </c>
      <c r="D2176" s="62">
        <v>10</v>
      </c>
      <c r="E2176" s="51">
        <v>202410</v>
      </c>
      <c r="F2176" s="51" t="s">
        <v>38</v>
      </c>
      <c r="G2176" s="51" t="s">
        <v>97</v>
      </c>
      <c r="H2176" s="51" t="s">
        <v>82</v>
      </c>
      <c r="I2176" s="50">
        <v>4.7</v>
      </c>
    </row>
    <row r="2177" spans="1:9" x14ac:dyDescent="0.35">
      <c r="A2177" s="52" t="s">
        <v>78</v>
      </c>
      <c r="B2177" s="51" t="s">
        <v>79</v>
      </c>
      <c r="C2177" s="61">
        <v>345315250</v>
      </c>
      <c r="D2177" s="62">
        <v>10</v>
      </c>
      <c r="E2177" s="51">
        <v>202410</v>
      </c>
      <c r="F2177" s="51" t="s">
        <v>38</v>
      </c>
      <c r="G2177" s="51" t="s">
        <v>97</v>
      </c>
      <c r="H2177" s="51" t="s">
        <v>82</v>
      </c>
      <c r="I2177" s="50">
        <v>4.7</v>
      </c>
    </row>
    <row r="2178" spans="1:9" x14ac:dyDescent="0.35">
      <c r="A2178" s="52" t="s">
        <v>78</v>
      </c>
      <c r="B2178" s="51" t="s">
        <v>79</v>
      </c>
      <c r="C2178" s="61">
        <v>345404430</v>
      </c>
      <c r="D2178" s="62">
        <v>10</v>
      </c>
      <c r="E2178" s="51">
        <v>202410</v>
      </c>
      <c r="F2178" s="51" t="s">
        <v>38</v>
      </c>
      <c r="G2178" s="51" t="s">
        <v>97</v>
      </c>
      <c r="H2178" s="51" t="s">
        <v>82</v>
      </c>
      <c r="I2178" s="50">
        <v>4.7</v>
      </c>
    </row>
    <row r="2179" spans="1:9" x14ac:dyDescent="0.35">
      <c r="A2179" s="52" t="s">
        <v>78</v>
      </c>
      <c r="B2179" s="51" t="s">
        <v>79</v>
      </c>
      <c r="C2179" s="61">
        <v>346001702</v>
      </c>
      <c r="D2179" s="62">
        <v>10</v>
      </c>
      <c r="E2179" s="51">
        <v>202410</v>
      </c>
      <c r="F2179" s="51" t="s">
        <v>38</v>
      </c>
      <c r="G2179" s="51" t="s">
        <v>97</v>
      </c>
      <c r="H2179" s="51" t="s">
        <v>82</v>
      </c>
      <c r="I2179" s="50">
        <v>4.7</v>
      </c>
    </row>
    <row r="2180" spans="1:9" x14ac:dyDescent="0.35">
      <c r="A2180" s="52" t="s">
        <v>78</v>
      </c>
      <c r="B2180" s="51" t="s">
        <v>79</v>
      </c>
      <c r="C2180" s="61">
        <v>348561781</v>
      </c>
      <c r="D2180" s="62">
        <v>10</v>
      </c>
      <c r="E2180" s="51">
        <v>202410</v>
      </c>
      <c r="F2180" s="51" t="s">
        <v>38</v>
      </c>
      <c r="G2180" s="51" t="s">
        <v>97</v>
      </c>
      <c r="H2180" s="51" t="s">
        <v>82</v>
      </c>
      <c r="I2180" s="50">
        <v>4.7</v>
      </c>
    </row>
    <row r="2181" spans="1:9" x14ac:dyDescent="0.35">
      <c r="A2181" s="52" t="s">
        <v>78</v>
      </c>
      <c r="B2181" s="51" t="s">
        <v>79</v>
      </c>
      <c r="C2181" s="61">
        <v>350205662</v>
      </c>
      <c r="D2181" s="62">
        <v>10</v>
      </c>
      <c r="E2181" s="51">
        <v>202410</v>
      </c>
      <c r="F2181" s="51" t="s">
        <v>38</v>
      </c>
      <c r="G2181" s="51" t="s">
        <v>97</v>
      </c>
      <c r="H2181" s="51" t="s">
        <v>82</v>
      </c>
      <c r="I2181" s="50">
        <v>30</v>
      </c>
    </row>
    <row r="2182" spans="1:9" x14ac:dyDescent="0.35">
      <c r="A2182" s="52" t="s">
        <v>78</v>
      </c>
      <c r="B2182" s="51" t="s">
        <v>79</v>
      </c>
      <c r="C2182" s="61">
        <v>352003831</v>
      </c>
      <c r="D2182" s="62">
        <v>10</v>
      </c>
      <c r="E2182" s="51">
        <v>202410</v>
      </c>
      <c r="F2182" s="51" t="s">
        <v>38</v>
      </c>
      <c r="G2182" s="51" t="s">
        <v>97</v>
      </c>
      <c r="H2182" s="51" t="s">
        <v>82</v>
      </c>
      <c r="I2182" s="50">
        <v>4.7</v>
      </c>
    </row>
    <row r="2183" spans="1:9" x14ac:dyDescent="0.35">
      <c r="A2183" s="52" t="s">
        <v>78</v>
      </c>
      <c r="B2183" s="51" t="s">
        <v>79</v>
      </c>
      <c r="C2183" s="61">
        <v>355300745</v>
      </c>
      <c r="D2183" s="62">
        <v>10</v>
      </c>
      <c r="E2183" s="51">
        <v>202410</v>
      </c>
      <c r="F2183" s="51" t="s">
        <v>38</v>
      </c>
      <c r="G2183" s="51" t="s">
        <v>97</v>
      </c>
      <c r="H2183" s="51" t="s">
        <v>82</v>
      </c>
      <c r="I2183" s="50">
        <v>4.7</v>
      </c>
    </row>
    <row r="2184" spans="1:9" x14ac:dyDescent="0.35">
      <c r="A2184" s="52" t="s">
        <v>78</v>
      </c>
      <c r="B2184" s="51" t="s">
        <v>79</v>
      </c>
      <c r="C2184" s="61">
        <v>358600830</v>
      </c>
      <c r="D2184" s="62">
        <v>10</v>
      </c>
      <c r="E2184" s="51">
        <v>202410</v>
      </c>
      <c r="F2184" s="51" t="s">
        <v>38</v>
      </c>
      <c r="G2184" s="51" t="s">
        <v>97</v>
      </c>
      <c r="H2184" s="51" t="s">
        <v>82</v>
      </c>
      <c r="I2184" s="50">
        <v>4.7</v>
      </c>
    </row>
    <row r="2185" spans="1:9" x14ac:dyDescent="0.35">
      <c r="A2185" s="52" t="s">
        <v>78</v>
      </c>
      <c r="B2185" s="51" t="s">
        <v>79</v>
      </c>
      <c r="C2185" s="61">
        <v>360002557</v>
      </c>
      <c r="D2185" s="62">
        <v>10</v>
      </c>
      <c r="E2185" s="51">
        <v>202410</v>
      </c>
      <c r="F2185" s="51" t="s">
        <v>38</v>
      </c>
      <c r="G2185" s="51" t="s">
        <v>97</v>
      </c>
      <c r="H2185" s="51" t="s">
        <v>82</v>
      </c>
      <c r="I2185" s="50">
        <v>4.7</v>
      </c>
    </row>
    <row r="2186" spans="1:9" x14ac:dyDescent="0.35">
      <c r="A2186" s="52" t="s">
        <v>78</v>
      </c>
      <c r="B2186" s="51" t="s">
        <v>79</v>
      </c>
      <c r="C2186" s="61">
        <v>360100109</v>
      </c>
      <c r="D2186" s="62">
        <v>10</v>
      </c>
      <c r="E2186" s="51">
        <v>202410</v>
      </c>
      <c r="F2186" s="51" t="s">
        <v>38</v>
      </c>
      <c r="G2186" s="51" t="s">
        <v>97</v>
      </c>
      <c r="H2186" s="51" t="s">
        <v>82</v>
      </c>
      <c r="I2186" s="50">
        <v>4.7</v>
      </c>
    </row>
    <row r="2187" spans="1:9" x14ac:dyDescent="0.35">
      <c r="A2187" s="52" t="s">
        <v>78</v>
      </c>
      <c r="B2187" s="51" t="s">
        <v>79</v>
      </c>
      <c r="C2187" s="61">
        <v>361202635</v>
      </c>
      <c r="D2187" s="62">
        <v>10</v>
      </c>
      <c r="E2187" s="51">
        <v>202410</v>
      </c>
      <c r="F2187" s="51" t="s">
        <v>38</v>
      </c>
      <c r="G2187" s="51" t="s">
        <v>97</v>
      </c>
      <c r="H2187" s="51" t="s">
        <v>82</v>
      </c>
      <c r="I2187" s="50">
        <v>4.7</v>
      </c>
    </row>
    <row r="2188" spans="1:9" x14ac:dyDescent="0.35">
      <c r="A2188" s="52" t="s">
        <v>78</v>
      </c>
      <c r="B2188" s="51" t="s">
        <v>79</v>
      </c>
      <c r="C2188" s="61">
        <v>362300052</v>
      </c>
      <c r="D2188" s="62">
        <v>10</v>
      </c>
      <c r="E2188" s="51">
        <v>202410</v>
      </c>
      <c r="F2188" s="51" t="s">
        <v>38</v>
      </c>
      <c r="G2188" s="51" t="s">
        <v>97</v>
      </c>
      <c r="H2188" s="51" t="s">
        <v>82</v>
      </c>
      <c r="I2188" s="50">
        <v>4.7</v>
      </c>
    </row>
    <row r="2189" spans="1:9" x14ac:dyDescent="0.35">
      <c r="A2189" s="52" t="s">
        <v>78</v>
      </c>
      <c r="B2189" s="51" t="s">
        <v>79</v>
      </c>
      <c r="C2189" s="61">
        <v>362904487</v>
      </c>
      <c r="D2189" s="62">
        <v>10</v>
      </c>
      <c r="E2189" s="51">
        <v>202410</v>
      </c>
      <c r="F2189" s="51" t="s">
        <v>38</v>
      </c>
      <c r="G2189" s="51" t="s">
        <v>97</v>
      </c>
      <c r="H2189" s="51" t="s">
        <v>82</v>
      </c>
      <c r="I2189" s="50">
        <v>4.7</v>
      </c>
    </row>
    <row r="2190" spans="1:9" x14ac:dyDescent="0.35">
      <c r="A2190" s="52" t="s">
        <v>78</v>
      </c>
      <c r="B2190" s="51" t="s">
        <v>79</v>
      </c>
      <c r="C2190" s="61">
        <v>363101820</v>
      </c>
      <c r="D2190" s="62">
        <v>10</v>
      </c>
      <c r="E2190" s="51">
        <v>202410</v>
      </c>
      <c r="F2190" s="51" t="s">
        <v>38</v>
      </c>
      <c r="G2190" s="51" t="s">
        <v>97</v>
      </c>
      <c r="H2190" s="51" t="s">
        <v>82</v>
      </c>
      <c r="I2190" s="50">
        <v>4.7</v>
      </c>
    </row>
    <row r="2191" spans="1:9" x14ac:dyDescent="0.35">
      <c r="A2191" s="52" t="s">
        <v>78</v>
      </c>
      <c r="B2191" s="51" t="s">
        <v>79</v>
      </c>
      <c r="C2191" s="61">
        <v>364600051</v>
      </c>
      <c r="D2191" s="62">
        <v>10</v>
      </c>
      <c r="E2191" s="51">
        <v>202410</v>
      </c>
      <c r="F2191" s="51" t="s">
        <v>38</v>
      </c>
      <c r="G2191" s="51" t="s">
        <v>97</v>
      </c>
      <c r="H2191" s="51" t="s">
        <v>82</v>
      </c>
      <c r="I2191" s="50">
        <v>4.7</v>
      </c>
    </row>
    <row r="2192" spans="1:9" x14ac:dyDescent="0.35">
      <c r="A2192" s="52" t="s">
        <v>78</v>
      </c>
      <c r="B2192" s="51" t="s">
        <v>79</v>
      </c>
      <c r="C2192" s="61">
        <v>364901350</v>
      </c>
      <c r="D2192" s="62">
        <v>10</v>
      </c>
      <c r="E2192" s="51">
        <v>202410</v>
      </c>
      <c r="F2192" s="51" t="s">
        <v>38</v>
      </c>
      <c r="G2192" s="51" t="s">
        <v>97</v>
      </c>
      <c r="H2192" s="51" t="s">
        <v>82</v>
      </c>
      <c r="I2192" s="50">
        <v>95</v>
      </c>
    </row>
    <row r="2193" spans="1:9" x14ac:dyDescent="0.35">
      <c r="A2193" s="52" t="s">
        <v>78</v>
      </c>
      <c r="B2193" s="51" t="s">
        <v>79</v>
      </c>
      <c r="C2193" s="61">
        <v>365401562</v>
      </c>
      <c r="D2193" s="62">
        <v>10</v>
      </c>
      <c r="E2193" s="51">
        <v>202410</v>
      </c>
      <c r="F2193" s="51" t="s">
        <v>38</v>
      </c>
      <c r="G2193" s="51" t="s">
        <v>97</v>
      </c>
      <c r="H2193" s="51" t="s">
        <v>82</v>
      </c>
      <c r="I2193" s="50">
        <v>30</v>
      </c>
    </row>
    <row r="2194" spans="1:9" x14ac:dyDescent="0.35">
      <c r="A2194" s="52" t="s">
        <v>78</v>
      </c>
      <c r="B2194" s="51" t="s">
        <v>79</v>
      </c>
      <c r="C2194" s="61">
        <v>367568696</v>
      </c>
      <c r="D2194" s="62">
        <v>10</v>
      </c>
      <c r="E2194" s="51">
        <v>202410</v>
      </c>
      <c r="F2194" s="51" t="s">
        <v>38</v>
      </c>
      <c r="G2194" s="51" t="s">
        <v>97</v>
      </c>
      <c r="H2194" s="51" t="s">
        <v>82</v>
      </c>
      <c r="I2194" s="50">
        <v>4.7</v>
      </c>
    </row>
    <row r="2195" spans="1:9" x14ac:dyDescent="0.35">
      <c r="A2195" s="52" t="s">
        <v>78</v>
      </c>
      <c r="B2195" s="51" t="s">
        <v>79</v>
      </c>
      <c r="C2195" s="61">
        <v>371000040</v>
      </c>
      <c r="D2195" s="62">
        <v>10</v>
      </c>
      <c r="E2195" s="51">
        <v>202410</v>
      </c>
      <c r="F2195" s="51" t="s">
        <v>38</v>
      </c>
      <c r="G2195" s="51" t="s">
        <v>97</v>
      </c>
      <c r="H2195" s="51" t="s">
        <v>82</v>
      </c>
      <c r="I2195" s="50">
        <v>4.7</v>
      </c>
    </row>
    <row r="2196" spans="1:9" x14ac:dyDescent="0.35">
      <c r="A2196" s="52" t="s">
        <v>78</v>
      </c>
      <c r="B2196" s="51" t="s">
        <v>79</v>
      </c>
      <c r="C2196" s="61">
        <v>376204171</v>
      </c>
      <c r="D2196" s="62">
        <v>10</v>
      </c>
      <c r="E2196" s="51">
        <v>202410</v>
      </c>
      <c r="F2196" s="51" t="s">
        <v>38</v>
      </c>
      <c r="G2196" s="51" t="s">
        <v>97</v>
      </c>
      <c r="H2196" s="51" t="s">
        <v>82</v>
      </c>
      <c r="I2196" s="50">
        <v>4.7</v>
      </c>
    </row>
    <row r="2197" spans="1:9" x14ac:dyDescent="0.35">
      <c r="A2197" s="52" t="s">
        <v>78</v>
      </c>
      <c r="B2197" s="51" t="s">
        <v>79</v>
      </c>
      <c r="C2197" s="61">
        <v>376804921</v>
      </c>
      <c r="D2197" s="62">
        <v>10</v>
      </c>
      <c r="E2197" s="51">
        <v>202410</v>
      </c>
      <c r="F2197" s="51" t="s">
        <v>38</v>
      </c>
      <c r="G2197" s="51" t="s">
        <v>97</v>
      </c>
      <c r="H2197" s="51" t="s">
        <v>82</v>
      </c>
      <c r="I2197" s="50">
        <v>4.7</v>
      </c>
    </row>
    <row r="2198" spans="1:9" x14ac:dyDescent="0.35">
      <c r="A2198" s="52" t="s">
        <v>78</v>
      </c>
      <c r="B2198" s="51" t="s">
        <v>79</v>
      </c>
      <c r="C2198" s="61">
        <v>376902066</v>
      </c>
      <c r="D2198" s="62">
        <v>10</v>
      </c>
      <c r="E2198" s="51">
        <v>202410</v>
      </c>
      <c r="F2198" s="51" t="s">
        <v>38</v>
      </c>
      <c r="G2198" s="51" t="s">
        <v>97</v>
      </c>
      <c r="H2198" s="51" t="s">
        <v>82</v>
      </c>
      <c r="I2198" s="50">
        <v>4.7</v>
      </c>
    </row>
    <row r="2199" spans="1:9" x14ac:dyDescent="0.35">
      <c r="A2199" s="52" t="s">
        <v>78</v>
      </c>
      <c r="B2199" s="51" t="s">
        <v>79</v>
      </c>
      <c r="C2199" s="61">
        <v>377300079</v>
      </c>
      <c r="D2199" s="62">
        <v>10</v>
      </c>
      <c r="E2199" s="51">
        <v>202410</v>
      </c>
      <c r="F2199" s="51" t="s">
        <v>38</v>
      </c>
      <c r="G2199" s="51" t="s">
        <v>97</v>
      </c>
      <c r="H2199" s="51" t="s">
        <v>82</v>
      </c>
      <c r="I2199" s="50">
        <v>4.7</v>
      </c>
    </row>
    <row r="2200" spans="1:9" x14ac:dyDescent="0.35">
      <c r="A2200" s="52" t="s">
        <v>78</v>
      </c>
      <c r="B2200" s="51" t="s">
        <v>79</v>
      </c>
      <c r="C2200" s="61">
        <v>378104221</v>
      </c>
      <c r="D2200" s="62">
        <v>10</v>
      </c>
      <c r="E2200" s="51">
        <v>202410</v>
      </c>
      <c r="F2200" s="51" t="s">
        <v>38</v>
      </c>
      <c r="G2200" s="51" t="s">
        <v>97</v>
      </c>
      <c r="H2200" s="51" t="s">
        <v>82</v>
      </c>
      <c r="I2200" s="50">
        <v>4.7</v>
      </c>
    </row>
    <row r="2201" spans="1:9" x14ac:dyDescent="0.35">
      <c r="A2201" s="52" t="s">
        <v>78</v>
      </c>
      <c r="B2201" s="51" t="s">
        <v>79</v>
      </c>
      <c r="C2201" s="61">
        <v>378600106</v>
      </c>
      <c r="D2201" s="62">
        <v>10</v>
      </c>
      <c r="E2201" s="51">
        <v>202410</v>
      </c>
      <c r="F2201" s="51" t="s">
        <v>38</v>
      </c>
      <c r="G2201" s="51" t="s">
        <v>97</v>
      </c>
      <c r="H2201" s="51" t="s">
        <v>82</v>
      </c>
      <c r="I2201" s="50">
        <v>4.7</v>
      </c>
    </row>
    <row r="2202" spans="1:9" x14ac:dyDescent="0.35">
      <c r="A2202" s="52" t="s">
        <v>78</v>
      </c>
      <c r="B2202" s="51" t="s">
        <v>79</v>
      </c>
      <c r="C2202" s="61">
        <v>380695293</v>
      </c>
      <c r="D2202" s="62">
        <v>10</v>
      </c>
      <c r="E2202" s="51">
        <v>202410</v>
      </c>
      <c r="F2202" s="51" t="s">
        <v>38</v>
      </c>
      <c r="G2202" s="51" t="s">
        <v>97</v>
      </c>
      <c r="H2202" s="51" t="s">
        <v>82</v>
      </c>
      <c r="I2202" s="50">
        <v>4.7</v>
      </c>
    </row>
    <row r="2203" spans="1:9" x14ac:dyDescent="0.35">
      <c r="A2203" s="52" t="s">
        <v>78</v>
      </c>
      <c r="B2203" s="51" t="s">
        <v>79</v>
      </c>
      <c r="C2203" s="61">
        <v>383002831</v>
      </c>
      <c r="D2203" s="62">
        <v>10</v>
      </c>
      <c r="E2203" s="51">
        <v>202410</v>
      </c>
      <c r="F2203" s="51" t="s">
        <v>38</v>
      </c>
      <c r="G2203" s="51" t="s">
        <v>97</v>
      </c>
      <c r="H2203" s="51" t="s">
        <v>82</v>
      </c>
      <c r="I2203" s="50">
        <v>4.7</v>
      </c>
    </row>
    <row r="2204" spans="1:9" x14ac:dyDescent="0.35">
      <c r="A2204" s="52" t="s">
        <v>78</v>
      </c>
      <c r="B2204" s="51" t="s">
        <v>79</v>
      </c>
      <c r="C2204" s="61">
        <v>383202693</v>
      </c>
      <c r="D2204" s="62">
        <v>10</v>
      </c>
      <c r="E2204" s="51">
        <v>202410</v>
      </c>
      <c r="F2204" s="51" t="s">
        <v>38</v>
      </c>
      <c r="G2204" s="51" t="s">
        <v>97</v>
      </c>
      <c r="H2204" s="51" t="s">
        <v>82</v>
      </c>
      <c r="I2204" s="50">
        <v>4.7</v>
      </c>
    </row>
    <row r="2205" spans="1:9" x14ac:dyDescent="0.35">
      <c r="A2205" s="52" t="s">
        <v>78</v>
      </c>
      <c r="B2205" s="51" t="s">
        <v>79</v>
      </c>
      <c r="C2205" s="61">
        <v>383694634</v>
      </c>
      <c r="D2205" s="62">
        <v>10</v>
      </c>
      <c r="E2205" s="51">
        <v>202410</v>
      </c>
      <c r="F2205" s="51" t="s">
        <v>38</v>
      </c>
      <c r="G2205" s="51" t="s">
        <v>97</v>
      </c>
      <c r="H2205" s="51" t="s">
        <v>82</v>
      </c>
      <c r="I2205" s="50">
        <v>4.7</v>
      </c>
    </row>
    <row r="2206" spans="1:9" x14ac:dyDescent="0.35">
      <c r="A2206" s="52" t="s">
        <v>78</v>
      </c>
      <c r="B2206" s="51" t="s">
        <v>79</v>
      </c>
      <c r="C2206" s="61">
        <v>383873251</v>
      </c>
      <c r="D2206" s="62">
        <v>10</v>
      </c>
      <c r="E2206" s="51">
        <v>202410</v>
      </c>
      <c r="F2206" s="51" t="s">
        <v>38</v>
      </c>
      <c r="G2206" s="51" t="s">
        <v>97</v>
      </c>
      <c r="H2206" s="51" t="s">
        <v>82</v>
      </c>
      <c r="I2206" s="50">
        <v>30</v>
      </c>
    </row>
    <row r="2207" spans="1:9" x14ac:dyDescent="0.35">
      <c r="A2207" s="52" t="s">
        <v>78</v>
      </c>
      <c r="B2207" s="51" t="s">
        <v>79</v>
      </c>
      <c r="C2207" s="61">
        <v>383900360</v>
      </c>
      <c r="D2207" s="62">
        <v>10</v>
      </c>
      <c r="E2207" s="51">
        <v>202410</v>
      </c>
      <c r="F2207" s="51" t="s">
        <v>38</v>
      </c>
      <c r="G2207" s="51" t="s">
        <v>97</v>
      </c>
      <c r="H2207" s="51" t="s">
        <v>82</v>
      </c>
      <c r="I2207" s="50">
        <v>4.7</v>
      </c>
    </row>
    <row r="2208" spans="1:9" x14ac:dyDescent="0.35">
      <c r="A2208" s="52" t="s">
        <v>78</v>
      </c>
      <c r="B2208" s="51" t="s">
        <v>79</v>
      </c>
      <c r="C2208" s="61">
        <v>385504142</v>
      </c>
      <c r="D2208" s="62">
        <v>10</v>
      </c>
      <c r="E2208" s="51">
        <v>202410</v>
      </c>
      <c r="F2208" s="51" t="s">
        <v>38</v>
      </c>
      <c r="G2208" s="51" t="s">
        <v>97</v>
      </c>
      <c r="H2208" s="51" t="s">
        <v>82</v>
      </c>
      <c r="I2208" s="50">
        <v>4.7</v>
      </c>
    </row>
    <row r="2209" spans="1:9" x14ac:dyDescent="0.35">
      <c r="A2209" s="52" t="s">
        <v>78</v>
      </c>
      <c r="B2209" s="51" t="s">
        <v>79</v>
      </c>
      <c r="C2209" s="61">
        <v>387300072</v>
      </c>
      <c r="D2209" s="62">
        <v>10</v>
      </c>
      <c r="E2209" s="51">
        <v>202410</v>
      </c>
      <c r="F2209" s="51" t="s">
        <v>38</v>
      </c>
      <c r="G2209" s="51" t="s">
        <v>97</v>
      </c>
      <c r="H2209" s="51" t="s">
        <v>82</v>
      </c>
      <c r="I2209" s="50">
        <v>4.7</v>
      </c>
    </row>
    <row r="2210" spans="1:9" x14ac:dyDescent="0.35">
      <c r="A2210" s="52" t="s">
        <v>78</v>
      </c>
      <c r="B2210" s="51" t="s">
        <v>79</v>
      </c>
      <c r="C2210" s="61">
        <v>390300067</v>
      </c>
      <c r="D2210" s="62">
        <v>10</v>
      </c>
      <c r="E2210" s="51">
        <v>202410</v>
      </c>
      <c r="F2210" s="51" t="s">
        <v>38</v>
      </c>
      <c r="G2210" s="51" t="s">
        <v>97</v>
      </c>
      <c r="H2210" s="51" t="s">
        <v>82</v>
      </c>
      <c r="I2210" s="50">
        <v>4.7</v>
      </c>
    </row>
    <row r="2211" spans="1:9" x14ac:dyDescent="0.35">
      <c r="A2211" s="52" t="s">
        <v>78</v>
      </c>
      <c r="B2211" s="51" t="s">
        <v>79</v>
      </c>
      <c r="C2211" s="61">
        <v>390401673</v>
      </c>
      <c r="D2211" s="62">
        <v>10</v>
      </c>
      <c r="E2211" s="51">
        <v>202410</v>
      </c>
      <c r="F2211" s="51" t="s">
        <v>38</v>
      </c>
      <c r="G2211" s="51" t="s">
        <v>97</v>
      </c>
      <c r="H2211" s="51" t="s">
        <v>82</v>
      </c>
      <c r="I2211" s="50">
        <v>4.7</v>
      </c>
    </row>
    <row r="2212" spans="1:9" x14ac:dyDescent="0.35">
      <c r="A2212" s="52" t="s">
        <v>78</v>
      </c>
      <c r="B2212" s="51" t="s">
        <v>79</v>
      </c>
      <c r="C2212" s="61">
        <v>391193285</v>
      </c>
      <c r="D2212" s="62">
        <v>10</v>
      </c>
      <c r="E2212" s="51">
        <v>202410</v>
      </c>
      <c r="F2212" s="51" t="s">
        <v>38</v>
      </c>
      <c r="G2212" s="51" t="s">
        <v>97</v>
      </c>
      <c r="H2212" s="51" t="s">
        <v>82</v>
      </c>
      <c r="I2212" s="50">
        <v>95</v>
      </c>
    </row>
    <row r="2213" spans="1:9" x14ac:dyDescent="0.35">
      <c r="A2213" s="52" t="s">
        <v>78</v>
      </c>
      <c r="B2213" s="51" t="s">
        <v>79</v>
      </c>
      <c r="C2213" s="61">
        <v>391300060</v>
      </c>
      <c r="D2213" s="62">
        <v>10</v>
      </c>
      <c r="E2213" s="51">
        <v>202410</v>
      </c>
      <c r="F2213" s="51" t="s">
        <v>38</v>
      </c>
      <c r="G2213" s="51" t="s">
        <v>97</v>
      </c>
      <c r="H2213" s="51" t="s">
        <v>82</v>
      </c>
      <c r="I2213" s="50">
        <v>4.7</v>
      </c>
    </row>
    <row r="2214" spans="1:9" x14ac:dyDescent="0.35">
      <c r="A2214" s="52" t="s">
        <v>78</v>
      </c>
      <c r="B2214" s="51" t="s">
        <v>79</v>
      </c>
      <c r="C2214" s="61">
        <v>391701931</v>
      </c>
      <c r="D2214" s="62">
        <v>10</v>
      </c>
      <c r="E2214" s="51">
        <v>202410</v>
      </c>
      <c r="F2214" s="51" t="s">
        <v>38</v>
      </c>
      <c r="G2214" s="51" t="s">
        <v>97</v>
      </c>
      <c r="H2214" s="51" t="s">
        <v>82</v>
      </c>
      <c r="I2214" s="50">
        <v>4.7</v>
      </c>
    </row>
    <row r="2215" spans="1:9" x14ac:dyDescent="0.35">
      <c r="A2215" s="52" t="s">
        <v>78</v>
      </c>
      <c r="B2215" s="51" t="s">
        <v>79</v>
      </c>
      <c r="C2215" s="61">
        <v>392102681</v>
      </c>
      <c r="D2215" s="62">
        <v>10</v>
      </c>
      <c r="E2215" s="51">
        <v>202410</v>
      </c>
      <c r="F2215" s="51" t="s">
        <v>38</v>
      </c>
      <c r="G2215" s="51" t="s">
        <v>97</v>
      </c>
      <c r="H2215" s="51" t="s">
        <v>82</v>
      </c>
      <c r="I2215" s="50">
        <v>4.7</v>
      </c>
    </row>
    <row r="2216" spans="1:9" x14ac:dyDescent="0.35">
      <c r="A2216" s="52" t="s">
        <v>78</v>
      </c>
      <c r="B2216" s="51" t="s">
        <v>79</v>
      </c>
      <c r="C2216" s="61">
        <v>394200031</v>
      </c>
      <c r="D2216" s="62">
        <v>10</v>
      </c>
      <c r="E2216" s="51">
        <v>202410</v>
      </c>
      <c r="F2216" s="51" t="s">
        <v>38</v>
      </c>
      <c r="G2216" s="51" t="s">
        <v>97</v>
      </c>
      <c r="H2216" s="51" t="s">
        <v>82</v>
      </c>
      <c r="I2216" s="50">
        <v>4.7</v>
      </c>
    </row>
    <row r="2217" spans="1:9" x14ac:dyDescent="0.35">
      <c r="A2217" s="52" t="s">
        <v>78</v>
      </c>
      <c r="B2217" s="51" t="s">
        <v>79</v>
      </c>
      <c r="C2217" s="61">
        <v>398398862</v>
      </c>
      <c r="D2217" s="62">
        <v>10</v>
      </c>
      <c r="E2217" s="51">
        <v>202410</v>
      </c>
      <c r="F2217" s="51" t="s">
        <v>38</v>
      </c>
      <c r="G2217" s="51" t="s">
        <v>97</v>
      </c>
      <c r="H2217" s="51" t="s">
        <v>82</v>
      </c>
      <c r="I2217" s="50">
        <v>4.7</v>
      </c>
    </row>
    <row r="2218" spans="1:9" x14ac:dyDescent="0.35">
      <c r="A2218" s="52" t="s">
        <v>78</v>
      </c>
      <c r="B2218" s="51" t="s">
        <v>79</v>
      </c>
      <c r="C2218" s="61">
        <v>398583200</v>
      </c>
      <c r="D2218" s="62">
        <v>10</v>
      </c>
      <c r="E2218" s="51">
        <v>202410</v>
      </c>
      <c r="F2218" s="51" t="s">
        <v>38</v>
      </c>
      <c r="G2218" s="51" t="s">
        <v>97</v>
      </c>
      <c r="H2218" s="51" t="s">
        <v>82</v>
      </c>
      <c r="I2218" s="50">
        <v>4.7</v>
      </c>
    </row>
    <row r="2219" spans="1:9" x14ac:dyDescent="0.35">
      <c r="A2219" s="52" t="s">
        <v>78</v>
      </c>
      <c r="B2219" s="51" t="s">
        <v>79</v>
      </c>
      <c r="C2219" s="61">
        <v>399100739</v>
      </c>
      <c r="D2219" s="62">
        <v>10</v>
      </c>
      <c r="E2219" s="51">
        <v>202410</v>
      </c>
      <c r="F2219" s="51" t="s">
        <v>38</v>
      </c>
      <c r="G2219" s="51" t="s">
        <v>97</v>
      </c>
      <c r="H2219" s="51" t="s">
        <v>82</v>
      </c>
      <c r="I2219" s="50">
        <v>4.7</v>
      </c>
    </row>
    <row r="2220" spans="1:9" x14ac:dyDescent="0.35">
      <c r="A2220" s="52" t="s">
        <v>78</v>
      </c>
      <c r="B2220" s="51" t="s">
        <v>79</v>
      </c>
      <c r="C2220" s="61">
        <v>399704493</v>
      </c>
      <c r="D2220" s="62">
        <v>10</v>
      </c>
      <c r="E2220" s="51">
        <v>202410</v>
      </c>
      <c r="F2220" s="51" t="s">
        <v>38</v>
      </c>
      <c r="G2220" s="51" t="s">
        <v>97</v>
      </c>
      <c r="H2220" s="51" t="s">
        <v>82</v>
      </c>
      <c r="I2220" s="50">
        <v>4.7</v>
      </c>
    </row>
    <row r="2221" spans="1:9" x14ac:dyDescent="0.35">
      <c r="A2221" s="52" t="s">
        <v>78</v>
      </c>
      <c r="B2221" s="51" t="s">
        <v>79</v>
      </c>
      <c r="C2221" s="61">
        <v>300409781</v>
      </c>
      <c r="D2221" s="62">
        <v>20</v>
      </c>
      <c r="E2221" s="51">
        <v>202410</v>
      </c>
      <c r="F2221" s="51" t="s">
        <v>38</v>
      </c>
      <c r="G2221" s="51" t="s">
        <v>97</v>
      </c>
      <c r="H2221" s="51" t="s">
        <v>82</v>
      </c>
      <c r="I2221" s="50">
        <v>4.7</v>
      </c>
    </row>
    <row r="2222" spans="1:9" x14ac:dyDescent="0.35">
      <c r="A2222" s="52" t="s">
        <v>78</v>
      </c>
      <c r="B2222" s="51" t="s">
        <v>79</v>
      </c>
      <c r="C2222" s="61">
        <v>300701941</v>
      </c>
      <c r="D2222" s="62">
        <v>20</v>
      </c>
      <c r="E2222" s="51">
        <v>202410</v>
      </c>
      <c r="F2222" s="51" t="s">
        <v>38</v>
      </c>
      <c r="G2222" s="51" t="s">
        <v>97</v>
      </c>
      <c r="H2222" s="51" t="s">
        <v>82</v>
      </c>
      <c r="I2222" s="50">
        <v>4.7</v>
      </c>
    </row>
    <row r="2223" spans="1:9" x14ac:dyDescent="0.35">
      <c r="A2223" s="52" t="s">
        <v>78</v>
      </c>
      <c r="B2223" s="51" t="s">
        <v>79</v>
      </c>
      <c r="C2223" s="61">
        <v>301204198</v>
      </c>
      <c r="D2223" s="62">
        <v>20</v>
      </c>
      <c r="E2223" s="51">
        <v>202410</v>
      </c>
      <c r="F2223" s="51" t="s">
        <v>38</v>
      </c>
      <c r="G2223" s="51" t="s">
        <v>97</v>
      </c>
      <c r="H2223" s="51" t="s">
        <v>82</v>
      </c>
      <c r="I2223" s="50">
        <v>4.7</v>
      </c>
    </row>
    <row r="2224" spans="1:9" x14ac:dyDescent="0.35">
      <c r="A2224" s="52" t="s">
        <v>78</v>
      </c>
      <c r="B2224" s="51" t="s">
        <v>79</v>
      </c>
      <c r="C2224" s="61">
        <v>301628200</v>
      </c>
      <c r="D2224" s="62">
        <v>20</v>
      </c>
      <c r="E2224" s="51">
        <v>202410</v>
      </c>
      <c r="F2224" s="51" t="s">
        <v>38</v>
      </c>
      <c r="G2224" s="51" t="s">
        <v>97</v>
      </c>
      <c r="H2224" s="51" t="s">
        <v>82</v>
      </c>
      <c r="I2224" s="50">
        <v>4.7</v>
      </c>
    </row>
    <row r="2225" spans="1:9" x14ac:dyDescent="0.35">
      <c r="A2225" s="52" t="s">
        <v>78</v>
      </c>
      <c r="B2225" s="51" t="s">
        <v>79</v>
      </c>
      <c r="C2225" s="61">
        <v>301646908</v>
      </c>
      <c r="D2225" s="62">
        <v>20</v>
      </c>
      <c r="E2225" s="51">
        <v>202410</v>
      </c>
      <c r="F2225" s="51" t="s">
        <v>38</v>
      </c>
      <c r="G2225" s="51" t="s">
        <v>97</v>
      </c>
      <c r="H2225" s="51" t="s">
        <v>82</v>
      </c>
      <c r="I2225" s="50">
        <v>4.7</v>
      </c>
    </row>
    <row r="2226" spans="1:9" x14ac:dyDescent="0.35">
      <c r="A2226" s="52" t="s">
        <v>78</v>
      </c>
      <c r="B2226" s="51" t="s">
        <v>79</v>
      </c>
      <c r="C2226" s="61">
        <v>302402592</v>
      </c>
      <c r="D2226" s="62">
        <v>20</v>
      </c>
      <c r="E2226" s="51">
        <v>202410</v>
      </c>
      <c r="F2226" s="51" t="s">
        <v>38</v>
      </c>
      <c r="G2226" s="51" t="s">
        <v>97</v>
      </c>
      <c r="H2226" s="51" t="s">
        <v>82</v>
      </c>
      <c r="I2226" s="50">
        <v>4.7</v>
      </c>
    </row>
    <row r="2227" spans="1:9" x14ac:dyDescent="0.35">
      <c r="A2227" s="52" t="s">
        <v>78</v>
      </c>
      <c r="B2227" s="51" t="s">
        <v>79</v>
      </c>
      <c r="C2227" s="61">
        <v>303014590</v>
      </c>
      <c r="D2227" s="62">
        <v>20</v>
      </c>
      <c r="E2227" s="51">
        <v>202410</v>
      </c>
      <c r="F2227" s="51" t="s">
        <v>38</v>
      </c>
      <c r="G2227" s="51" t="s">
        <v>97</v>
      </c>
      <c r="H2227" s="51" t="s">
        <v>82</v>
      </c>
      <c r="I2227" s="50">
        <v>4.7</v>
      </c>
    </row>
    <row r="2228" spans="1:9" x14ac:dyDescent="0.35">
      <c r="A2228" s="52" t="s">
        <v>78</v>
      </c>
      <c r="B2228" s="51" t="s">
        <v>79</v>
      </c>
      <c r="C2228" s="61">
        <v>303501784</v>
      </c>
      <c r="D2228" s="62">
        <v>20</v>
      </c>
      <c r="E2228" s="51">
        <v>202410</v>
      </c>
      <c r="F2228" s="51" t="s">
        <v>38</v>
      </c>
      <c r="G2228" s="51" t="s">
        <v>97</v>
      </c>
      <c r="H2228" s="51" t="s">
        <v>82</v>
      </c>
      <c r="I2228" s="50">
        <v>4.7</v>
      </c>
    </row>
    <row r="2229" spans="1:9" x14ac:dyDescent="0.35">
      <c r="A2229" s="52" t="s">
        <v>78</v>
      </c>
      <c r="B2229" s="51" t="s">
        <v>79</v>
      </c>
      <c r="C2229" s="61">
        <v>305598906</v>
      </c>
      <c r="D2229" s="62">
        <v>20</v>
      </c>
      <c r="E2229" s="51">
        <v>202410</v>
      </c>
      <c r="F2229" s="51" t="s">
        <v>38</v>
      </c>
      <c r="G2229" s="51" t="s">
        <v>97</v>
      </c>
      <c r="H2229" s="51" t="s">
        <v>82</v>
      </c>
      <c r="I2229" s="50">
        <v>4.7</v>
      </c>
    </row>
    <row r="2230" spans="1:9" x14ac:dyDescent="0.35">
      <c r="A2230" s="52" t="s">
        <v>78</v>
      </c>
      <c r="B2230" s="51" t="s">
        <v>79</v>
      </c>
      <c r="C2230" s="61">
        <v>306783821</v>
      </c>
      <c r="D2230" s="62">
        <v>20</v>
      </c>
      <c r="E2230" s="51">
        <v>202410</v>
      </c>
      <c r="F2230" s="51" t="s">
        <v>38</v>
      </c>
      <c r="G2230" s="51" t="s">
        <v>97</v>
      </c>
      <c r="H2230" s="51" t="s">
        <v>82</v>
      </c>
      <c r="I2230" s="50">
        <v>4.7</v>
      </c>
    </row>
    <row r="2231" spans="1:9" x14ac:dyDescent="0.35">
      <c r="A2231" s="52" t="s">
        <v>78</v>
      </c>
      <c r="B2231" s="51" t="s">
        <v>79</v>
      </c>
      <c r="C2231" s="61">
        <v>307800622</v>
      </c>
      <c r="D2231" s="62">
        <v>20</v>
      </c>
      <c r="E2231" s="51">
        <v>202410</v>
      </c>
      <c r="F2231" s="51" t="s">
        <v>38</v>
      </c>
      <c r="G2231" s="51" t="s">
        <v>97</v>
      </c>
      <c r="H2231" s="51" t="s">
        <v>82</v>
      </c>
      <c r="I2231" s="50">
        <v>4.7</v>
      </c>
    </row>
    <row r="2232" spans="1:9" x14ac:dyDescent="0.35">
      <c r="A2232" s="52" t="s">
        <v>78</v>
      </c>
      <c r="B2232" s="51" t="s">
        <v>79</v>
      </c>
      <c r="C2232" s="61">
        <v>307900501</v>
      </c>
      <c r="D2232" s="62">
        <v>20</v>
      </c>
      <c r="E2232" s="51">
        <v>202410</v>
      </c>
      <c r="F2232" s="51" t="s">
        <v>38</v>
      </c>
      <c r="G2232" s="51" t="s">
        <v>97</v>
      </c>
      <c r="H2232" s="51" t="s">
        <v>82</v>
      </c>
      <c r="I2232" s="50">
        <v>4.7</v>
      </c>
    </row>
    <row r="2233" spans="1:9" x14ac:dyDescent="0.35">
      <c r="A2233" s="52" t="s">
        <v>78</v>
      </c>
      <c r="B2233" s="51" t="s">
        <v>79</v>
      </c>
      <c r="C2233" s="61">
        <v>308001782</v>
      </c>
      <c r="D2233" s="62">
        <v>20</v>
      </c>
      <c r="E2233" s="51">
        <v>202410</v>
      </c>
      <c r="F2233" s="51" t="s">
        <v>38</v>
      </c>
      <c r="G2233" s="51" t="s">
        <v>97</v>
      </c>
      <c r="H2233" s="51" t="s">
        <v>82</v>
      </c>
      <c r="I2233" s="50">
        <v>4.7</v>
      </c>
    </row>
    <row r="2234" spans="1:9" x14ac:dyDescent="0.35">
      <c r="A2234" s="52" t="s">
        <v>78</v>
      </c>
      <c r="B2234" s="51" t="s">
        <v>79</v>
      </c>
      <c r="C2234" s="61">
        <v>308002986</v>
      </c>
      <c r="D2234" s="62">
        <v>20</v>
      </c>
      <c r="E2234" s="51">
        <v>202410</v>
      </c>
      <c r="F2234" s="51" t="s">
        <v>38</v>
      </c>
      <c r="G2234" s="51" t="s">
        <v>97</v>
      </c>
      <c r="H2234" s="51" t="s">
        <v>82</v>
      </c>
      <c r="I2234" s="50">
        <v>30</v>
      </c>
    </row>
    <row r="2235" spans="1:9" x14ac:dyDescent="0.35">
      <c r="A2235" s="52" t="s">
        <v>78</v>
      </c>
      <c r="B2235" s="51" t="s">
        <v>79</v>
      </c>
      <c r="C2235" s="61">
        <v>308781081</v>
      </c>
      <c r="D2235" s="62">
        <v>20</v>
      </c>
      <c r="E2235" s="51">
        <v>202410</v>
      </c>
      <c r="F2235" s="51" t="s">
        <v>38</v>
      </c>
      <c r="G2235" s="51" t="s">
        <v>97</v>
      </c>
      <c r="H2235" s="51" t="s">
        <v>82</v>
      </c>
      <c r="I2235" s="50">
        <v>4.7</v>
      </c>
    </row>
    <row r="2236" spans="1:9" x14ac:dyDescent="0.35">
      <c r="A2236" s="52" t="s">
        <v>78</v>
      </c>
      <c r="B2236" s="51" t="s">
        <v>79</v>
      </c>
      <c r="C2236" s="61">
        <v>308942367</v>
      </c>
      <c r="D2236" s="62">
        <v>20</v>
      </c>
      <c r="E2236" s="51">
        <v>202410</v>
      </c>
      <c r="F2236" s="51" t="s">
        <v>38</v>
      </c>
      <c r="G2236" s="51" t="s">
        <v>97</v>
      </c>
      <c r="H2236" s="51" t="s">
        <v>82</v>
      </c>
      <c r="I2236" s="50">
        <v>4.7</v>
      </c>
    </row>
    <row r="2237" spans="1:9" x14ac:dyDescent="0.35">
      <c r="A2237" s="52" t="s">
        <v>78</v>
      </c>
      <c r="B2237" s="51" t="s">
        <v>79</v>
      </c>
      <c r="C2237" s="61">
        <v>309128562</v>
      </c>
      <c r="D2237" s="62">
        <v>20</v>
      </c>
      <c r="E2237" s="51">
        <v>202410</v>
      </c>
      <c r="F2237" s="51" t="s">
        <v>38</v>
      </c>
      <c r="G2237" s="51" t="s">
        <v>97</v>
      </c>
      <c r="H2237" s="51" t="s">
        <v>82</v>
      </c>
      <c r="I2237" s="50">
        <v>4.7</v>
      </c>
    </row>
    <row r="2238" spans="1:9" x14ac:dyDescent="0.35">
      <c r="A2238" s="52" t="s">
        <v>78</v>
      </c>
      <c r="B2238" s="51" t="s">
        <v>79</v>
      </c>
      <c r="C2238" s="61">
        <v>309382421</v>
      </c>
      <c r="D2238" s="62">
        <v>20</v>
      </c>
      <c r="E2238" s="51">
        <v>202410</v>
      </c>
      <c r="F2238" s="51" t="s">
        <v>38</v>
      </c>
      <c r="G2238" s="51" t="s">
        <v>97</v>
      </c>
      <c r="H2238" s="51" t="s">
        <v>82</v>
      </c>
      <c r="I2238" s="50">
        <v>4.7</v>
      </c>
    </row>
    <row r="2239" spans="1:9" x14ac:dyDescent="0.35">
      <c r="A2239" s="52" t="s">
        <v>78</v>
      </c>
      <c r="B2239" s="51" t="s">
        <v>79</v>
      </c>
      <c r="C2239" s="61">
        <v>310000364</v>
      </c>
      <c r="D2239" s="62">
        <v>20</v>
      </c>
      <c r="E2239" s="51">
        <v>202410</v>
      </c>
      <c r="F2239" s="51" t="s">
        <v>38</v>
      </c>
      <c r="G2239" s="51" t="s">
        <v>97</v>
      </c>
      <c r="H2239" s="51" t="s">
        <v>82</v>
      </c>
      <c r="I2239" s="50">
        <v>4.7</v>
      </c>
    </row>
    <row r="2240" spans="1:9" x14ac:dyDescent="0.35">
      <c r="A2240" s="52" t="s">
        <v>78</v>
      </c>
      <c r="B2240" s="51" t="s">
        <v>79</v>
      </c>
      <c r="C2240" s="61">
        <v>310302721</v>
      </c>
      <c r="D2240" s="62">
        <v>20</v>
      </c>
      <c r="E2240" s="51">
        <v>202410</v>
      </c>
      <c r="F2240" s="51" t="s">
        <v>38</v>
      </c>
      <c r="G2240" s="51" t="s">
        <v>97</v>
      </c>
      <c r="H2240" s="51" t="s">
        <v>82</v>
      </c>
      <c r="I2240" s="50">
        <v>4.7</v>
      </c>
    </row>
    <row r="2241" spans="1:9" x14ac:dyDescent="0.35">
      <c r="A2241" s="52" t="s">
        <v>78</v>
      </c>
      <c r="B2241" s="51" t="s">
        <v>79</v>
      </c>
      <c r="C2241" s="61">
        <v>310313646</v>
      </c>
      <c r="D2241" s="62">
        <v>20</v>
      </c>
      <c r="E2241" s="51">
        <v>202410</v>
      </c>
      <c r="F2241" s="51" t="s">
        <v>38</v>
      </c>
      <c r="G2241" s="51" t="s">
        <v>97</v>
      </c>
      <c r="H2241" s="51" t="s">
        <v>82</v>
      </c>
      <c r="I2241" s="50">
        <v>4.7</v>
      </c>
    </row>
    <row r="2242" spans="1:9" x14ac:dyDescent="0.35">
      <c r="A2242" s="52" t="s">
        <v>78</v>
      </c>
      <c r="B2242" s="51" t="s">
        <v>79</v>
      </c>
      <c r="C2242" s="61">
        <v>310604680</v>
      </c>
      <c r="D2242" s="62">
        <v>20</v>
      </c>
      <c r="E2242" s="51">
        <v>202410</v>
      </c>
      <c r="F2242" s="51" t="s">
        <v>38</v>
      </c>
      <c r="G2242" s="51" t="s">
        <v>97</v>
      </c>
      <c r="H2242" s="51" t="s">
        <v>82</v>
      </c>
      <c r="I2242" s="50">
        <v>4.7</v>
      </c>
    </row>
    <row r="2243" spans="1:9" x14ac:dyDescent="0.35">
      <c r="A2243" s="52" t="s">
        <v>78</v>
      </c>
      <c r="B2243" s="51" t="s">
        <v>79</v>
      </c>
      <c r="C2243" s="61">
        <v>312402594</v>
      </c>
      <c r="D2243" s="62">
        <v>20</v>
      </c>
      <c r="E2243" s="51">
        <v>202410</v>
      </c>
      <c r="F2243" s="51" t="s">
        <v>38</v>
      </c>
      <c r="G2243" s="51" t="s">
        <v>97</v>
      </c>
      <c r="H2243" s="51" t="s">
        <v>82</v>
      </c>
      <c r="I2243" s="50">
        <v>4.7</v>
      </c>
    </row>
    <row r="2244" spans="1:9" x14ac:dyDescent="0.35">
      <c r="A2244" s="52" t="s">
        <v>78</v>
      </c>
      <c r="B2244" s="51" t="s">
        <v>79</v>
      </c>
      <c r="C2244" s="61">
        <v>313704245</v>
      </c>
      <c r="D2244" s="62">
        <v>20</v>
      </c>
      <c r="E2244" s="51">
        <v>202410</v>
      </c>
      <c r="F2244" s="51" t="s">
        <v>38</v>
      </c>
      <c r="G2244" s="51" t="s">
        <v>97</v>
      </c>
      <c r="H2244" s="51" t="s">
        <v>82</v>
      </c>
      <c r="I2244" s="50">
        <v>4.7</v>
      </c>
    </row>
    <row r="2245" spans="1:9" x14ac:dyDescent="0.35">
      <c r="A2245" s="52" t="s">
        <v>78</v>
      </c>
      <c r="B2245" s="51" t="s">
        <v>79</v>
      </c>
      <c r="C2245" s="61">
        <v>314286942</v>
      </c>
      <c r="D2245" s="62">
        <v>20</v>
      </c>
      <c r="E2245" s="51">
        <v>202410</v>
      </c>
      <c r="F2245" s="51" t="s">
        <v>38</v>
      </c>
      <c r="G2245" s="51" t="s">
        <v>97</v>
      </c>
      <c r="H2245" s="51" t="s">
        <v>82</v>
      </c>
      <c r="I2245" s="50">
        <v>4.7</v>
      </c>
    </row>
    <row r="2246" spans="1:9" x14ac:dyDescent="0.35">
      <c r="A2246" s="52" t="s">
        <v>78</v>
      </c>
      <c r="B2246" s="51" t="s">
        <v>79</v>
      </c>
      <c r="C2246" s="61">
        <v>314634333</v>
      </c>
      <c r="D2246" s="62">
        <v>20</v>
      </c>
      <c r="E2246" s="51">
        <v>202410</v>
      </c>
      <c r="F2246" s="51" t="s">
        <v>38</v>
      </c>
      <c r="G2246" s="51" t="s">
        <v>97</v>
      </c>
      <c r="H2246" s="51" t="s">
        <v>82</v>
      </c>
      <c r="I2246" s="50">
        <v>4.7</v>
      </c>
    </row>
    <row r="2247" spans="1:9" x14ac:dyDescent="0.35">
      <c r="A2247" s="52" t="s">
        <v>78</v>
      </c>
      <c r="B2247" s="51" t="s">
        <v>79</v>
      </c>
      <c r="C2247" s="61">
        <v>315545470</v>
      </c>
      <c r="D2247" s="62">
        <v>20</v>
      </c>
      <c r="E2247" s="51">
        <v>202410</v>
      </c>
      <c r="F2247" s="51" t="s">
        <v>38</v>
      </c>
      <c r="G2247" s="51" t="s">
        <v>97</v>
      </c>
      <c r="H2247" s="51" t="s">
        <v>82</v>
      </c>
      <c r="I2247" s="50">
        <v>4.7</v>
      </c>
    </row>
    <row r="2248" spans="1:9" x14ac:dyDescent="0.35">
      <c r="A2248" s="52" t="s">
        <v>78</v>
      </c>
      <c r="B2248" s="51" t="s">
        <v>79</v>
      </c>
      <c r="C2248" s="61">
        <v>315602673</v>
      </c>
      <c r="D2248" s="62">
        <v>20</v>
      </c>
      <c r="E2248" s="51">
        <v>202410</v>
      </c>
      <c r="F2248" s="51" t="s">
        <v>38</v>
      </c>
      <c r="G2248" s="51" t="s">
        <v>97</v>
      </c>
      <c r="H2248" s="51" t="s">
        <v>82</v>
      </c>
      <c r="I2248" s="50">
        <v>4.7</v>
      </c>
    </row>
    <row r="2249" spans="1:9" x14ac:dyDescent="0.35">
      <c r="A2249" s="52" t="s">
        <v>78</v>
      </c>
      <c r="B2249" s="51" t="s">
        <v>79</v>
      </c>
      <c r="C2249" s="61">
        <v>316705837</v>
      </c>
      <c r="D2249" s="62">
        <v>20</v>
      </c>
      <c r="E2249" s="51">
        <v>202410</v>
      </c>
      <c r="F2249" s="51" t="s">
        <v>38</v>
      </c>
      <c r="G2249" s="51" t="s">
        <v>97</v>
      </c>
      <c r="H2249" s="51" t="s">
        <v>82</v>
      </c>
      <c r="I2249" s="50">
        <v>4.7</v>
      </c>
    </row>
    <row r="2250" spans="1:9" x14ac:dyDescent="0.35">
      <c r="A2250" s="52" t="s">
        <v>78</v>
      </c>
      <c r="B2250" s="51" t="s">
        <v>79</v>
      </c>
      <c r="C2250" s="61">
        <v>317762724</v>
      </c>
      <c r="D2250" s="62">
        <v>20</v>
      </c>
      <c r="E2250" s="51">
        <v>202410</v>
      </c>
      <c r="F2250" s="51" t="s">
        <v>38</v>
      </c>
      <c r="G2250" s="51" t="s">
        <v>97</v>
      </c>
      <c r="H2250" s="51" t="s">
        <v>82</v>
      </c>
      <c r="I2250" s="50">
        <v>95</v>
      </c>
    </row>
    <row r="2251" spans="1:9" x14ac:dyDescent="0.35">
      <c r="A2251" s="52" t="s">
        <v>78</v>
      </c>
      <c r="B2251" s="51" t="s">
        <v>79</v>
      </c>
      <c r="C2251" s="61">
        <v>319395410</v>
      </c>
      <c r="D2251" s="62">
        <v>20</v>
      </c>
      <c r="E2251" s="51">
        <v>202410</v>
      </c>
      <c r="F2251" s="51" t="s">
        <v>38</v>
      </c>
      <c r="G2251" s="51" t="s">
        <v>97</v>
      </c>
      <c r="H2251" s="51" t="s">
        <v>82</v>
      </c>
      <c r="I2251" s="50">
        <v>30</v>
      </c>
    </row>
    <row r="2252" spans="1:9" x14ac:dyDescent="0.35">
      <c r="A2252" s="52" t="s">
        <v>78</v>
      </c>
      <c r="B2252" s="51" t="s">
        <v>79</v>
      </c>
      <c r="C2252" s="61">
        <v>319401718</v>
      </c>
      <c r="D2252" s="62">
        <v>20</v>
      </c>
      <c r="E2252" s="51">
        <v>202410</v>
      </c>
      <c r="F2252" s="51" t="s">
        <v>38</v>
      </c>
      <c r="G2252" s="51" t="s">
        <v>97</v>
      </c>
      <c r="H2252" s="51" t="s">
        <v>82</v>
      </c>
      <c r="I2252" s="50">
        <v>4.7</v>
      </c>
    </row>
    <row r="2253" spans="1:9" x14ac:dyDescent="0.35">
      <c r="A2253" s="52" t="s">
        <v>78</v>
      </c>
      <c r="B2253" s="51" t="s">
        <v>79</v>
      </c>
      <c r="C2253" s="61">
        <v>319505758</v>
      </c>
      <c r="D2253" s="62">
        <v>20</v>
      </c>
      <c r="E2253" s="51">
        <v>202410</v>
      </c>
      <c r="F2253" s="51" t="s">
        <v>38</v>
      </c>
      <c r="G2253" s="51" t="s">
        <v>97</v>
      </c>
      <c r="H2253" s="51" t="s">
        <v>82</v>
      </c>
      <c r="I2253" s="50">
        <v>95</v>
      </c>
    </row>
    <row r="2254" spans="1:9" x14ac:dyDescent="0.35">
      <c r="A2254" s="52" t="s">
        <v>78</v>
      </c>
      <c r="B2254" s="51" t="s">
        <v>79</v>
      </c>
      <c r="C2254" s="61">
        <v>320461200</v>
      </c>
      <c r="D2254" s="62">
        <v>20</v>
      </c>
      <c r="E2254" s="51">
        <v>202410</v>
      </c>
      <c r="F2254" s="51" t="s">
        <v>38</v>
      </c>
      <c r="G2254" s="51" t="s">
        <v>97</v>
      </c>
      <c r="H2254" s="51" t="s">
        <v>82</v>
      </c>
      <c r="I2254" s="50">
        <v>30</v>
      </c>
    </row>
    <row r="2255" spans="1:9" x14ac:dyDescent="0.35">
      <c r="A2255" s="52" t="s">
        <v>78</v>
      </c>
      <c r="B2255" s="51" t="s">
        <v>79</v>
      </c>
      <c r="C2255" s="61">
        <v>321804432</v>
      </c>
      <c r="D2255" s="62">
        <v>20</v>
      </c>
      <c r="E2255" s="51">
        <v>202410</v>
      </c>
      <c r="F2255" s="51" t="s">
        <v>38</v>
      </c>
      <c r="G2255" s="51" t="s">
        <v>97</v>
      </c>
      <c r="H2255" s="51" t="s">
        <v>82</v>
      </c>
      <c r="I2255" s="50">
        <v>4.7</v>
      </c>
    </row>
    <row r="2256" spans="1:9" x14ac:dyDescent="0.35">
      <c r="A2256" s="52" t="s">
        <v>78</v>
      </c>
      <c r="B2256" s="51" t="s">
        <v>79</v>
      </c>
      <c r="C2256" s="61">
        <v>323420854</v>
      </c>
      <c r="D2256" s="62">
        <v>20</v>
      </c>
      <c r="E2256" s="51">
        <v>202410</v>
      </c>
      <c r="F2256" s="51" t="s">
        <v>38</v>
      </c>
      <c r="G2256" s="51" t="s">
        <v>97</v>
      </c>
      <c r="H2256" s="51" t="s">
        <v>82</v>
      </c>
      <c r="I2256" s="50">
        <v>4.7</v>
      </c>
    </row>
    <row r="2257" spans="1:9" x14ac:dyDescent="0.35">
      <c r="A2257" s="52" t="s">
        <v>78</v>
      </c>
      <c r="B2257" s="51" t="s">
        <v>79</v>
      </c>
      <c r="C2257" s="61">
        <v>324303095</v>
      </c>
      <c r="D2257" s="62">
        <v>20</v>
      </c>
      <c r="E2257" s="51">
        <v>202410</v>
      </c>
      <c r="F2257" s="51" t="s">
        <v>38</v>
      </c>
      <c r="G2257" s="51" t="s">
        <v>97</v>
      </c>
      <c r="H2257" s="51" t="s">
        <v>82</v>
      </c>
      <c r="I2257" s="50">
        <v>4.7</v>
      </c>
    </row>
    <row r="2258" spans="1:9" x14ac:dyDescent="0.35">
      <c r="A2258" s="52" t="s">
        <v>78</v>
      </c>
      <c r="B2258" s="51" t="s">
        <v>79</v>
      </c>
      <c r="C2258" s="61">
        <v>324998221</v>
      </c>
      <c r="D2258" s="62">
        <v>20</v>
      </c>
      <c r="E2258" s="51">
        <v>202410</v>
      </c>
      <c r="F2258" s="51" t="s">
        <v>38</v>
      </c>
      <c r="G2258" s="51" t="s">
        <v>97</v>
      </c>
      <c r="H2258" s="51" t="s">
        <v>82</v>
      </c>
      <c r="I2258" s="50">
        <v>4.7</v>
      </c>
    </row>
    <row r="2259" spans="1:9" x14ac:dyDescent="0.35">
      <c r="A2259" s="52" t="s">
        <v>78</v>
      </c>
      <c r="B2259" s="51" t="s">
        <v>79</v>
      </c>
      <c r="C2259" s="61">
        <v>325102500</v>
      </c>
      <c r="D2259" s="62">
        <v>20</v>
      </c>
      <c r="E2259" s="51">
        <v>202410</v>
      </c>
      <c r="F2259" s="51" t="s">
        <v>38</v>
      </c>
      <c r="G2259" s="51" t="s">
        <v>97</v>
      </c>
      <c r="H2259" s="51" t="s">
        <v>82</v>
      </c>
      <c r="I2259" s="50">
        <v>30</v>
      </c>
    </row>
    <row r="2260" spans="1:9" x14ac:dyDescent="0.35">
      <c r="A2260" s="52" t="s">
        <v>78</v>
      </c>
      <c r="B2260" s="51" t="s">
        <v>79</v>
      </c>
      <c r="C2260" s="61">
        <v>326301916</v>
      </c>
      <c r="D2260" s="62">
        <v>20</v>
      </c>
      <c r="E2260" s="51">
        <v>202410</v>
      </c>
      <c r="F2260" s="51" t="s">
        <v>38</v>
      </c>
      <c r="G2260" s="51" t="s">
        <v>97</v>
      </c>
      <c r="H2260" s="51" t="s">
        <v>82</v>
      </c>
      <c r="I2260" s="50">
        <v>4.7</v>
      </c>
    </row>
    <row r="2261" spans="1:9" x14ac:dyDescent="0.35">
      <c r="A2261" s="52" t="s">
        <v>78</v>
      </c>
      <c r="B2261" s="51" t="s">
        <v>79</v>
      </c>
      <c r="C2261" s="61">
        <v>326304420</v>
      </c>
      <c r="D2261" s="62">
        <v>20</v>
      </c>
      <c r="E2261" s="51">
        <v>202410</v>
      </c>
      <c r="F2261" s="51" t="s">
        <v>38</v>
      </c>
      <c r="G2261" s="51" t="s">
        <v>97</v>
      </c>
      <c r="H2261" s="51" t="s">
        <v>82</v>
      </c>
      <c r="I2261" s="50">
        <v>4.7</v>
      </c>
    </row>
    <row r="2262" spans="1:9" x14ac:dyDescent="0.35">
      <c r="A2262" s="52" t="s">
        <v>78</v>
      </c>
      <c r="B2262" s="51" t="s">
        <v>79</v>
      </c>
      <c r="C2262" s="61">
        <v>328203390</v>
      </c>
      <c r="D2262" s="62">
        <v>20</v>
      </c>
      <c r="E2262" s="51">
        <v>202410</v>
      </c>
      <c r="F2262" s="51" t="s">
        <v>38</v>
      </c>
      <c r="G2262" s="51" t="s">
        <v>97</v>
      </c>
      <c r="H2262" s="51" t="s">
        <v>82</v>
      </c>
      <c r="I2262" s="50">
        <v>4.7</v>
      </c>
    </row>
    <row r="2263" spans="1:9" x14ac:dyDescent="0.35">
      <c r="A2263" s="52" t="s">
        <v>78</v>
      </c>
      <c r="B2263" s="51" t="s">
        <v>79</v>
      </c>
      <c r="C2263" s="61">
        <v>328391124</v>
      </c>
      <c r="D2263" s="62">
        <v>20</v>
      </c>
      <c r="E2263" s="51">
        <v>202410</v>
      </c>
      <c r="F2263" s="51" t="s">
        <v>38</v>
      </c>
      <c r="G2263" s="51" t="s">
        <v>97</v>
      </c>
      <c r="H2263" s="51" t="s">
        <v>82</v>
      </c>
      <c r="I2263" s="50">
        <v>4.7</v>
      </c>
    </row>
    <row r="2264" spans="1:9" x14ac:dyDescent="0.35">
      <c r="A2264" s="52" t="s">
        <v>78</v>
      </c>
      <c r="B2264" s="51" t="s">
        <v>79</v>
      </c>
      <c r="C2264" s="61">
        <v>328833440</v>
      </c>
      <c r="D2264" s="62">
        <v>20</v>
      </c>
      <c r="E2264" s="51">
        <v>202410</v>
      </c>
      <c r="F2264" s="51" t="s">
        <v>38</v>
      </c>
      <c r="G2264" s="51" t="s">
        <v>97</v>
      </c>
      <c r="H2264" s="51" t="s">
        <v>82</v>
      </c>
      <c r="I2264" s="50">
        <v>4.7</v>
      </c>
    </row>
    <row r="2265" spans="1:9" x14ac:dyDescent="0.35">
      <c r="A2265" s="52" t="s">
        <v>78</v>
      </c>
      <c r="B2265" s="51" t="s">
        <v>79</v>
      </c>
      <c r="C2265" s="61">
        <v>328870790</v>
      </c>
      <c r="D2265" s="62">
        <v>20</v>
      </c>
      <c r="E2265" s="51">
        <v>202410</v>
      </c>
      <c r="F2265" s="51" t="s">
        <v>38</v>
      </c>
      <c r="G2265" s="51" t="s">
        <v>97</v>
      </c>
      <c r="H2265" s="51" t="s">
        <v>82</v>
      </c>
      <c r="I2265" s="50">
        <v>4.7</v>
      </c>
    </row>
    <row r="2266" spans="1:9" x14ac:dyDescent="0.35">
      <c r="A2266" s="52" t="s">
        <v>78</v>
      </c>
      <c r="B2266" s="51" t="s">
        <v>79</v>
      </c>
      <c r="C2266" s="61">
        <v>329319883</v>
      </c>
      <c r="D2266" s="62">
        <v>20</v>
      </c>
      <c r="E2266" s="51">
        <v>202410</v>
      </c>
      <c r="F2266" s="51" t="s">
        <v>38</v>
      </c>
      <c r="G2266" s="51" t="s">
        <v>97</v>
      </c>
      <c r="H2266" s="51" t="s">
        <v>82</v>
      </c>
      <c r="I2266" s="50">
        <v>4.7</v>
      </c>
    </row>
    <row r="2267" spans="1:9" x14ac:dyDescent="0.35">
      <c r="A2267" s="52" t="s">
        <v>78</v>
      </c>
      <c r="B2267" s="51" t="s">
        <v>79</v>
      </c>
      <c r="C2267" s="61">
        <v>329701769</v>
      </c>
      <c r="D2267" s="62">
        <v>20</v>
      </c>
      <c r="E2267" s="51">
        <v>202410</v>
      </c>
      <c r="F2267" s="51" t="s">
        <v>38</v>
      </c>
      <c r="G2267" s="51" t="s">
        <v>97</v>
      </c>
      <c r="H2267" s="51" t="s">
        <v>82</v>
      </c>
      <c r="I2267" s="50">
        <v>4.7</v>
      </c>
    </row>
    <row r="2268" spans="1:9" x14ac:dyDescent="0.35">
      <c r="A2268" s="52" t="s">
        <v>78</v>
      </c>
      <c r="B2268" s="51" t="s">
        <v>79</v>
      </c>
      <c r="C2268" s="61">
        <v>329900121</v>
      </c>
      <c r="D2268" s="62">
        <v>20</v>
      </c>
      <c r="E2268" s="51">
        <v>202410</v>
      </c>
      <c r="F2268" s="51" t="s">
        <v>38</v>
      </c>
      <c r="G2268" s="51" t="s">
        <v>97</v>
      </c>
      <c r="H2268" s="51" t="s">
        <v>82</v>
      </c>
      <c r="I2268" s="50">
        <v>4.7</v>
      </c>
    </row>
    <row r="2269" spans="1:9" x14ac:dyDescent="0.35">
      <c r="A2269" s="52" t="s">
        <v>78</v>
      </c>
      <c r="B2269" s="51" t="s">
        <v>79</v>
      </c>
      <c r="C2269" s="61">
        <v>331604253</v>
      </c>
      <c r="D2269" s="62">
        <v>20</v>
      </c>
      <c r="E2269" s="51">
        <v>202410</v>
      </c>
      <c r="F2269" s="51" t="s">
        <v>38</v>
      </c>
      <c r="G2269" s="51" t="s">
        <v>97</v>
      </c>
      <c r="H2269" s="51" t="s">
        <v>82</v>
      </c>
      <c r="I2269" s="50">
        <v>4.7</v>
      </c>
    </row>
    <row r="2270" spans="1:9" x14ac:dyDescent="0.35">
      <c r="A2270" s="52" t="s">
        <v>78</v>
      </c>
      <c r="B2270" s="51" t="s">
        <v>79</v>
      </c>
      <c r="C2270" s="61">
        <v>331855587</v>
      </c>
      <c r="D2270" s="62">
        <v>20</v>
      </c>
      <c r="E2270" s="51">
        <v>202410</v>
      </c>
      <c r="F2270" s="51" t="s">
        <v>38</v>
      </c>
      <c r="G2270" s="51" t="s">
        <v>97</v>
      </c>
      <c r="H2270" s="51" t="s">
        <v>82</v>
      </c>
      <c r="I2270" s="50">
        <v>4.7</v>
      </c>
    </row>
    <row r="2271" spans="1:9" x14ac:dyDescent="0.35">
      <c r="A2271" s="52" t="s">
        <v>78</v>
      </c>
      <c r="B2271" s="51" t="s">
        <v>79</v>
      </c>
      <c r="C2271" s="61">
        <v>333203119</v>
      </c>
      <c r="D2271" s="62">
        <v>20</v>
      </c>
      <c r="E2271" s="51">
        <v>202410</v>
      </c>
      <c r="F2271" s="51" t="s">
        <v>38</v>
      </c>
      <c r="G2271" s="51" t="s">
        <v>97</v>
      </c>
      <c r="H2271" s="51" t="s">
        <v>82</v>
      </c>
      <c r="I2271" s="50">
        <v>4.7</v>
      </c>
    </row>
    <row r="2272" spans="1:9" x14ac:dyDescent="0.35">
      <c r="A2272" s="52" t="s">
        <v>78</v>
      </c>
      <c r="B2272" s="51" t="s">
        <v>79</v>
      </c>
      <c r="C2272" s="61">
        <v>333302162</v>
      </c>
      <c r="D2272" s="62">
        <v>20</v>
      </c>
      <c r="E2272" s="51">
        <v>202410</v>
      </c>
      <c r="F2272" s="51" t="s">
        <v>38</v>
      </c>
      <c r="G2272" s="51" t="s">
        <v>97</v>
      </c>
      <c r="H2272" s="51" t="s">
        <v>82</v>
      </c>
      <c r="I2272" s="50">
        <v>30</v>
      </c>
    </row>
    <row r="2273" spans="1:9" x14ac:dyDescent="0.35">
      <c r="A2273" s="52" t="s">
        <v>78</v>
      </c>
      <c r="B2273" s="51" t="s">
        <v>79</v>
      </c>
      <c r="C2273" s="61">
        <v>334059641</v>
      </c>
      <c r="D2273" s="62">
        <v>20</v>
      </c>
      <c r="E2273" s="51">
        <v>202410</v>
      </c>
      <c r="F2273" s="51" t="s">
        <v>38</v>
      </c>
      <c r="G2273" s="51" t="s">
        <v>97</v>
      </c>
      <c r="H2273" s="51" t="s">
        <v>82</v>
      </c>
      <c r="I2273" s="50">
        <v>30</v>
      </c>
    </row>
    <row r="2274" spans="1:9" x14ac:dyDescent="0.35">
      <c r="A2274" s="52" t="s">
        <v>78</v>
      </c>
      <c r="B2274" s="51" t="s">
        <v>79</v>
      </c>
      <c r="C2274" s="61">
        <v>334426076</v>
      </c>
      <c r="D2274" s="62">
        <v>20</v>
      </c>
      <c r="E2274" s="51">
        <v>202410</v>
      </c>
      <c r="F2274" s="51" t="s">
        <v>38</v>
      </c>
      <c r="G2274" s="51" t="s">
        <v>97</v>
      </c>
      <c r="H2274" s="51" t="s">
        <v>82</v>
      </c>
      <c r="I2274" s="50">
        <v>4.7</v>
      </c>
    </row>
    <row r="2275" spans="1:9" x14ac:dyDescent="0.35">
      <c r="A2275" s="52" t="s">
        <v>78</v>
      </c>
      <c r="B2275" s="51" t="s">
        <v>79</v>
      </c>
      <c r="C2275" s="61">
        <v>334574804</v>
      </c>
      <c r="D2275" s="62">
        <v>20</v>
      </c>
      <c r="E2275" s="51">
        <v>202410</v>
      </c>
      <c r="F2275" s="51" t="s">
        <v>38</v>
      </c>
      <c r="G2275" s="51" t="s">
        <v>97</v>
      </c>
      <c r="H2275" s="51" t="s">
        <v>82</v>
      </c>
      <c r="I2275" s="50">
        <v>30</v>
      </c>
    </row>
    <row r="2276" spans="1:9" x14ac:dyDescent="0.35">
      <c r="A2276" s="52" t="s">
        <v>78</v>
      </c>
      <c r="B2276" s="51" t="s">
        <v>79</v>
      </c>
      <c r="C2276" s="61">
        <v>335439268</v>
      </c>
      <c r="D2276" s="62">
        <v>20</v>
      </c>
      <c r="E2276" s="51">
        <v>202410</v>
      </c>
      <c r="F2276" s="51" t="s">
        <v>38</v>
      </c>
      <c r="G2276" s="51" t="s">
        <v>97</v>
      </c>
      <c r="H2276" s="51" t="s">
        <v>82</v>
      </c>
      <c r="I2276" s="50">
        <v>4.7</v>
      </c>
    </row>
    <row r="2277" spans="1:9" x14ac:dyDescent="0.35">
      <c r="A2277" s="52" t="s">
        <v>78</v>
      </c>
      <c r="B2277" s="51" t="s">
        <v>79</v>
      </c>
      <c r="C2277" s="61">
        <v>335654284</v>
      </c>
      <c r="D2277" s="62">
        <v>20</v>
      </c>
      <c r="E2277" s="51">
        <v>202410</v>
      </c>
      <c r="F2277" s="51" t="s">
        <v>38</v>
      </c>
      <c r="G2277" s="51" t="s">
        <v>97</v>
      </c>
      <c r="H2277" s="51" t="s">
        <v>82</v>
      </c>
      <c r="I2277" s="50">
        <v>95</v>
      </c>
    </row>
    <row r="2278" spans="1:9" x14ac:dyDescent="0.35">
      <c r="A2278" s="52" t="s">
        <v>78</v>
      </c>
      <c r="B2278" s="51" t="s">
        <v>79</v>
      </c>
      <c r="C2278" s="61">
        <v>335773200</v>
      </c>
      <c r="D2278" s="62">
        <v>20</v>
      </c>
      <c r="E2278" s="51">
        <v>202410</v>
      </c>
      <c r="F2278" s="51" t="s">
        <v>38</v>
      </c>
      <c r="G2278" s="51" t="s">
        <v>97</v>
      </c>
      <c r="H2278" s="51" t="s">
        <v>82</v>
      </c>
      <c r="I2278" s="50">
        <v>4.7</v>
      </c>
    </row>
    <row r="2279" spans="1:9" x14ac:dyDescent="0.35">
      <c r="A2279" s="52" t="s">
        <v>78</v>
      </c>
      <c r="B2279" s="51" t="s">
        <v>79</v>
      </c>
      <c r="C2279" s="61">
        <v>338320046</v>
      </c>
      <c r="D2279" s="62">
        <v>20</v>
      </c>
      <c r="E2279" s="51">
        <v>202410</v>
      </c>
      <c r="F2279" s="51" t="s">
        <v>38</v>
      </c>
      <c r="G2279" s="51" t="s">
        <v>97</v>
      </c>
      <c r="H2279" s="51" t="s">
        <v>82</v>
      </c>
      <c r="I2279" s="50">
        <v>4.7</v>
      </c>
    </row>
    <row r="2280" spans="1:9" x14ac:dyDescent="0.35">
      <c r="A2280" s="52" t="s">
        <v>78</v>
      </c>
      <c r="B2280" s="51" t="s">
        <v>79</v>
      </c>
      <c r="C2280" s="61">
        <v>338504961</v>
      </c>
      <c r="D2280" s="62">
        <v>20</v>
      </c>
      <c r="E2280" s="51">
        <v>202410</v>
      </c>
      <c r="F2280" s="51" t="s">
        <v>38</v>
      </c>
      <c r="G2280" s="51" t="s">
        <v>97</v>
      </c>
      <c r="H2280" s="51" t="s">
        <v>82</v>
      </c>
      <c r="I2280" s="50">
        <v>4.7</v>
      </c>
    </row>
    <row r="2281" spans="1:9" x14ac:dyDescent="0.35">
      <c r="A2281" s="52" t="s">
        <v>78</v>
      </c>
      <c r="B2281" s="51" t="s">
        <v>79</v>
      </c>
      <c r="C2281" s="61">
        <v>339802185</v>
      </c>
      <c r="D2281" s="62">
        <v>20</v>
      </c>
      <c r="E2281" s="51">
        <v>202410</v>
      </c>
      <c r="F2281" s="51" t="s">
        <v>38</v>
      </c>
      <c r="G2281" s="51" t="s">
        <v>97</v>
      </c>
      <c r="H2281" s="51" t="s">
        <v>82</v>
      </c>
      <c r="I2281" s="50">
        <v>4.7</v>
      </c>
    </row>
    <row r="2282" spans="1:9" x14ac:dyDescent="0.35">
      <c r="A2282" s="52" t="s">
        <v>78</v>
      </c>
      <c r="B2282" s="51" t="s">
        <v>79</v>
      </c>
      <c r="C2282" s="61">
        <v>339804522</v>
      </c>
      <c r="D2282" s="62">
        <v>20</v>
      </c>
      <c r="E2282" s="51">
        <v>202410</v>
      </c>
      <c r="F2282" s="51" t="s">
        <v>38</v>
      </c>
      <c r="G2282" s="51" t="s">
        <v>97</v>
      </c>
      <c r="H2282" s="51" t="s">
        <v>82</v>
      </c>
      <c r="I2282" s="50">
        <v>4.7</v>
      </c>
    </row>
    <row r="2283" spans="1:9" x14ac:dyDescent="0.35">
      <c r="A2283" s="52" t="s">
        <v>78</v>
      </c>
      <c r="B2283" s="51" t="s">
        <v>79</v>
      </c>
      <c r="C2283" s="61">
        <v>340834566</v>
      </c>
      <c r="D2283" s="62">
        <v>20</v>
      </c>
      <c r="E2283" s="51">
        <v>202410</v>
      </c>
      <c r="F2283" s="51" t="s">
        <v>38</v>
      </c>
      <c r="G2283" s="51" t="s">
        <v>97</v>
      </c>
      <c r="H2283" s="51" t="s">
        <v>82</v>
      </c>
      <c r="I2283" s="50">
        <v>4.7</v>
      </c>
    </row>
    <row r="2284" spans="1:9" x14ac:dyDescent="0.35">
      <c r="A2284" s="52" t="s">
        <v>78</v>
      </c>
      <c r="B2284" s="51" t="s">
        <v>79</v>
      </c>
      <c r="C2284" s="61">
        <v>343901941</v>
      </c>
      <c r="D2284" s="62">
        <v>20</v>
      </c>
      <c r="E2284" s="51">
        <v>202410</v>
      </c>
      <c r="F2284" s="51" t="s">
        <v>38</v>
      </c>
      <c r="G2284" s="51" t="s">
        <v>97</v>
      </c>
      <c r="H2284" s="51" t="s">
        <v>82</v>
      </c>
      <c r="I2284" s="50">
        <v>4.7</v>
      </c>
    </row>
    <row r="2285" spans="1:9" x14ac:dyDescent="0.35">
      <c r="A2285" s="52" t="s">
        <v>78</v>
      </c>
      <c r="B2285" s="51" t="s">
        <v>79</v>
      </c>
      <c r="C2285" s="61">
        <v>344702100</v>
      </c>
      <c r="D2285" s="62">
        <v>20</v>
      </c>
      <c r="E2285" s="51">
        <v>202410</v>
      </c>
      <c r="F2285" s="51" t="s">
        <v>38</v>
      </c>
      <c r="G2285" s="51" t="s">
        <v>97</v>
      </c>
      <c r="H2285" s="51" t="s">
        <v>82</v>
      </c>
      <c r="I2285" s="50">
        <v>4.7</v>
      </c>
    </row>
    <row r="2286" spans="1:9" x14ac:dyDescent="0.35">
      <c r="A2286" s="52" t="s">
        <v>78</v>
      </c>
      <c r="B2286" s="51" t="s">
        <v>79</v>
      </c>
      <c r="C2286" s="61">
        <v>346300647</v>
      </c>
      <c r="D2286" s="62">
        <v>20</v>
      </c>
      <c r="E2286" s="51">
        <v>202410</v>
      </c>
      <c r="F2286" s="51" t="s">
        <v>38</v>
      </c>
      <c r="G2286" s="51" t="s">
        <v>97</v>
      </c>
      <c r="H2286" s="51" t="s">
        <v>82</v>
      </c>
      <c r="I2286" s="50">
        <v>30</v>
      </c>
    </row>
    <row r="2287" spans="1:9" x14ac:dyDescent="0.35">
      <c r="A2287" s="52" t="s">
        <v>78</v>
      </c>
      <c r="B2287" s="51" t="s">
        <v>79</v>
      </c>
      <c r="C2287" s="61">
        <v>346705386</v>
      </c>
      <c r="D2287" s="62">
        <v>20</v>
      </c>
      <c r="E2287" s="51">
        <v>202410</v>
      </c>
      <c r="F2287" s="51" t="s">
        <v>38</v>
      </c>
      <c r="G2287" s="51" t="s">
        <v>97</v>
      </c>
      <c r="H2287" s="51" t="s">
        <v>82</v>
      </c>
      <c r="I2287" s="50">
        <v>4.7</v>
      </c>
    </row>
    <row r="2288" spans="1:9" x14ac:dyDescent="0.35">
      <c r="A2288" s="52" t="s">
        <v>78</v>
      </c>
      <c r="B2288" s="51" t="s">
        <v>79</v>
      </c>
      <c r="C2288" s="61">
        <v>347052655</v>
      </c>
      <c r="D2288" s="62">
        <v>20</v>
      </c>
      <c r="E2288" s="51">
        <v>202410</v>
      </c>
      <c r="F2288" s="51" t="s">
        <v>38</v>
      </c>
      <c r="G2288" s="51" t="s">
        <v>97</v>
      </c>
      <c r="H2288" s="51" t="s">
        <v>82</v>
      </c>
      <c r="I2288" s="50">
        <v>4.7</v>
      </c>
    </row>
    <row r="2289" spans="1:9" x14ac:dyDescent="0.35">
      <c r="A2289" s="52" t="s">
        <v>78</v>
      </c>
      <c r="B2289" s="51" t="s">
        <v>79</v>
      </c>
      <c r="C2289" s="61">
        <v>348501624</v>
      </c>
      <c r="D2289" s="62">
        <v>20</v>
      </c>
      <c r="E2289" s="51">
        <v>202410</v>
      </c>
      <c r="F2289" s="51" t="s">
        <v>38</v>
      </c>
      <c r="G2289" s="51" t="s">
        <v>97</v>
      </c>
      <c r="H2289" s="51" t="s">
        <v>82</v>
      </c>
      <c r="I2289" s="50">
        <v>4.7</v>
      </c>
    </row>
    <row r="2290" spans="1:9" x14ac:dyDescent="0.35">
      <c r="A2290" s="52" t="s">
        <v>78</v>
      </c>
      <c r="B2290" s="51" t="s">
        <v>79</v>
      </c>
      <c r="C2290" s="61">
        <v>348893372</v>
      </c>
      <c r="D2290" s="62">
        <v>20</v>
      </c>
      <c r="E2290" s="51">
        <v>202410</v>
      </c>
      <c r="F2290" s="51" t="s">
        <v>38</v>
      </c>
      <c r="G2290" s="51" t="s">
        <v>97</v>
      </c>
      <c r="H2290" s="51" t="s">
        <v>82</v>
      </c>
      <c r="I2290" s="50">
        <v>4.7</v>
      </c>
    </row>
    <row r="2291" spans="1:9" x14ac:dyDescent="0.35">
      <c r="A2291" s="52" t="s">
        <v>78</v>
      </c>
      <c r="B2291" s="51" t="s">
        <v>79</v>
      </c>
      <c r="C2291" s="61">
        <v>350100676</v>
      </c>
      <c r="D2291" s="62">
        <v>20</v>
      </c>
      <c r="E2291" s="51">
        <v>202410</v>
      </c>
      <c r="F2291" s="51" t="s">
        <v>38</v>
      </c>
      <c r="G2291" s="51" t="s">
        <v>97</v>
      </c>
      <c r="H2291" s="51" t="s">
        <v>82</v>
      </c>
      <c r="I2291" s="50">
        <v>4.7</v>
      </c>
    </row>
    <row r="2292" spans="1:9" x14ac:dyDescent="0.35">
      <c r="A2292" s="52" t="s">
        <v>78</v>
      </c>
      <c r="B2292" s="51" t="s">
        <v>79</v>
      </c>
      <c r="C2292" s="61">
        <v>351608161</v>
      </c>
      <c r="D2292" s="62">
        <v>20</v>
      </c>
      <c r="E2292" s="51">
        <v>202410</v>
      </c>
      <c r="F2292" s="51" t="s">
        <v>38</v>
      </c>
      <c r="G2292" s="51" t="s">
        <v>97</v>
      </c>
      <c r="H2292" s="51" t="s">
        <v>82</v>
      </c>
      <c r="I2292" s="50">
        <v>4.7</v>
      </c>
    </row>
    <row r="2293" spans="1:9" x14ac:dyDescent="0.35">
      <c r="A2293" s="52" t="s">
        <v>78</v>
      </c>
      <c r="B2293" s="51" t="s">
        <v>79</v>
      </c>
      <c r="C2293" s="61">
        <v>352701167</v>
      </c>
      <c r="D2293" s="62">
        <v>20</v>
      </c>
      <c r="E2293" s="51">
        <v>202410</v>
      </c>
      <c r="F2293" s="51" t="s">
        <v>38</v>
      </c>
      <c r="G2293" s="51" t="s">
        <v>97</v>
      </c>
      <c r="H2293" s="51" t="s">
        <v>82</v>
      </c>
      <c r="I2293" s="50">
        <v>4.7</v>
      </c>
    </row>
    <row r="2294" spans="1:9" x14ac:dyDescent="0.35">
      <c r="A2294" s="52" t="s">
        <v>78</v>
      </c>
      <c r="B2294" s="51" t="s">
        <v>79</v>
      </c>
      <c r="C2294" s="61">
        <v>355916050</v>
      </c>
      <c r="D2294" s="62">
        <v>20</v>
      </c>
      <c r="E2294" s="51">
        <v>202410</v>
      </c>
      <c r="F2294" s="51" t="s">
        <v>38</v>
      </c>
      <c r="G2294" s="51" t="s">
        <v>97</v>
      </c>
      <c r="H2294" s="51" t="s">
        <v>82</v>
      </c>
      <c r="I2294" s="50">
        <v>4.7</v>
      </c>
    </row>
    <row r="2295" spans="1:9" x14ac:dyDescent="0.35">
      <c r="A2295" s="52" t="s">
        <v>78</v>
      </c>
      <c r="B2295" s="51" t="s">
        <v>79</v>
      </c>
      <c r="C2295" s="61">
        <v>355940840</v>
      </c>
      <c r="D2295" s="62">
        <v>20</v>
      </c>
      <c r="E2295" s="51">
        <v>202410</v>
      </c>
      <c r="F2295" s="51" t="s">
        <v>38</v>
      </c>
      <c r="G2295" s="51" t="s">
        <v>97</v>
      </c>
      <c r="H2295" s="51" t="s">
        <v>82</v>
      </c>
      <c r="I2295" s="50">
        <v>4.7</v>
      </c>
    </row>
    <row r="2296" spans="1:9" x14ac:dyDescent="0.35">
      <c r="A2296" s="52" t="s">
        <v>78</v>
      </c>
      <c r="B2296" s="51" t="s">
        <v>79</v>
      </c>
      <c r="C2296" s="61">
        <v>356302530</v>
      </c>
      <c r="D2296" s="62">
        <v>20</v>
      </c>
      <c r="E2296" s="51">
        <v>202410</v>
      </c>
      <c r="F2296" s="51" t="s">
        <v>38</v>
      </c>
      <c r="G2296" s="51" t="s">
        <v>97</v>
      </c>
      <c r="H2296" s="51" t="s">
        <v>82</v>
      </c>
      <c r="I2296" s="50">
        <v>4.7</v>
      </c>
    </row>
    <row r="2297" spans="1:9" x14ac:dyDescent="0.35">
      <c r="A2297" s="52" t="s">
        <v>78</v>
      </c>
      <c r="B2297" s="51" t="s">
        <v>79</v>
      </c>
      <c r="C2297" s="61">
        <v>356803838</v>
      </c>
      <c r="D2297" s="62">
        <v>20</v>
      </c>
      <c r="E2297" s="51">
        <v>202410</v>
      </c>
      <c r="F2297" s="51" t="s">
        <v>38</v>
      </c>
      <c r="G2297" s="51" t="s">
        <v>97</v>
      </c>
      <c r="H2297" s="51" t="s">
        <v>82</v>
      </c>
      <c r="I2297" s="50">
        <v>4.7</v>
      </c>
    </row>
    <row r="2298" spans="1:9" x14ac:dyDescent="0.35">
      <c r="A2298" s="52" t="s">
        <v>78</v>
      </c>
      <c r="B2298" s="51" t="s">
        <v>79</v>
      </c>
      <c r="C2298" s="61">
        <v>357115964</v>
      </c>
      <c r="D2298" s="62">
        <v>20</v>
      </c>
      <c r="E2298" s="51">
        <v>202410</v>
      </c>
      <c r="F2298" s="51" t="s">
        <v>38</v>
      </c>
      <c r="G2298" s="51" t="s">
        <v>97</v>
      </c>
      <c r="H2298" s="51" t="s">
        <v>82</v>
      </c>
      <c r="I2298" s="50">
        <v>30</v>
      </c>
    </row>
    <row r="2299" spans="1:9" x14ac:dyDescent="0.35">
      <c r="A2299" s="52" t="s">
        <v>78</v>
      </c>
      <c r="B2299" s="51" t="s">
        <v>79</v>
      </c>
      <c r="C2299" s="61">
        <v>358801572</v>
      </c>
      <c r="D2299" s="62">
        <v>20</v>
      </c>
      <c r="E2299" s="51">
        <v>202410</v>
      </c>
      <c r="F2299" s="51" t="s">
        <v>38</v>
      </c>
      <c r="G2299" s="51" t="s">
        <v>97</v>
      </c>
      <c r="H2299" s="51" t="s">
        <v>82</v>
      </c>
      <c r="I2299" s="50">
        <v>4.7</v>
      </c>
    </row>
    <row r="2300" spans="1:9" x14ac:dyDescent="0.35">
      <c r="A2300" s="52" t="s">
        <v>78</v>
      </c>
      <c r="B2300" s="51" t="s">
        <v>79</v>
      </c>
      <c r="C2300" s="61">
        <v>360102919</v>
      </c>
      <c r="D2300" s="62">
        <v>20</v>
      </c>
      <c r="E2300" s="51">
        <v>202410</v>
      </c>
      <c r="F2300" s="51" t="s">
        <v>38</v>
      </c>
      <c r="G2300" s="51" t="s">
        <v>97</v>
      </c>
      <c r="H2300" s="51" t="s">
        <v>82</v>
      </c>
      <c r="I2300" s="50">
        <v>4.7</v>
      </c>
    </row>
    <row r="2301" spans="1:9" x14ac:dyDescent="0.35">
      <c r="A2301" s="52" t="s">
        <v>78</v>
      </c>
      <c r="B2301" s="51" t="s">
        <v>79</v>
      </c>
      <c r="C2301" s="61">
        <v>360292270</v>
      </c>
      <c r="D2301" s="62">
        <v>20</v>
      </c>
      <c r="E2301" s="51">
        <v>202410</v>
      </c>
      <c r="F2301" s="51" t="s">
        <v>38</v>
      </c>
      <c r="G2301" s="51" t="s">
        <v>97</v>
      </c>
      <c r="H2301" s="51" t="s">
        <v>82</v>
      </c>
      <c r="I2301" s="50">
        <v>4.7</v>
      </c>
    </row>
    <row r="2302" spans="1:9" x14ac:dyDescent="0.35">
      <c r="A2302" s="52" t="s">
        <v>78</v>
      </c>
      <c r="B2302" s="51" t="s">
        <v>79</v>
      </c>
      <c r="C2302" s="61">
        <v>361303147</v>
      </c>
      <c r="D2302" s="62">
        <v>20</v>
      </c>
      <c r="E2302" s="51">
        <v>202410</v>
      </c>
      <c r="F2302" s="51" t="s">
        <v>38</v>
      </c>
      <c r="G2302" s="51" t="s">
        <v>97</v>
      </c>
      <c r="H2302" s="51" t="s">
        <v>82</v>
      </c>
      <c r="I2302" s="50">
        <v>4.7</v>
      </c>
    </row>
    <row r="2303" spans="1:9" x14ac:dyDescent="0.35">
      <c r="A2303" s="52" t="s">
        <v>78</v>
      </c>
      <c r="B2303" s="51" t="s">
        <v>79</v>
      </c>
      <c r="C2303" s="61">
        <v>361533408</v>
      </c>
      <c r="D2303" s="62">
        <v>20</v>
      </c>
      <c r="E2303" s="51">
        <v>202410</v>
      </c>
      <c r="F2303" s="51" t="s">
        <v>38</v>
      </c>
      <c r="G2303" s="51" t="s">
        <v>97</v>
      </c>
      <c r="H2303" s="51" t="s">
        <v>82</v>
      </c>
      <c r="I2303" s="50">
        <v>4.7</v>
      </c>
    </row>
    <row r="2304" spans="1:9" x14ac:dyDescent="0.35">
      <c r="A2304" s="52" t="s">
        <v>78</v>
      </c>
      <c r="B2304" s="51" t="s">
        <v>79</v>
      </c>
      <c r="C2304" s="61">
        <v>362302653</v>
      </c>
      <c r="D2304" s="62">
        <v>20</v>
      </c>
      <c r="E2304" s="51">
        <v>202410</v>
      </c>
      <c r="F2304" s="51" t="s">
        <v>38</v>
      </c>
      <c r="G2304" s="51" t="s">
        <v>97</v>
      </c>
      <c r="H2304" s="51" t="s">
        <v>82</v>
      </c>
      <c r="I2304" s="50">
        <v>4.7</v>
      </c>
    </row>
    <row r="2305" spans="1:9" x14ac:dyDescent="0.35">
      <c r="A2305" s="52" t="s">
        <v>78</v>
      </c>
      <c r="B2305" s="51" t="s">
        <v>79</v>
      </c>
      <c r="C2305" s="61">
        <v>362607813</v>
      </c>
      <c r="D2305" s="62">
        <v>20</v>
      </c>
      <c r="E2305" s="51">
        <v>202410</v>
      </c>
      <c r="F2305" s="51" t="s">
        <v>38</v>
      </c>
      <c r="G2305" s="51" t="s">
        <v>97</v>
      </c>
      <c r="H2305" s="51" t="s">
        <v>82</v>
      </c>
      <c r="I2305" s="50">
        <v>124</v>
      </c>
    </row>
    <row r="2306" spans="1:9" x14ac:dyDescent="0.35">
      <c r="A2306" s="52" t="s">
        <v>78</v>
      </c>
      <c r="B2306" s="51" t="s">
        <v>79</v>
      </c>
      <c r="C2306" s="61">
        <v>363304592</v>
      </c>
      <c r="D2306" s="62">
        <v>20</v>
      </c>
      <c r="E2306" s="51">
        <v>202410</v>
      </c>
      <c r="F2306" s="51" t="s">
        <v>38</v>
      </c>
      <c r="G2306" s="51" t="s">
        <v>97</v>
      </c>
      <c r="H2306" s="51" t="s">
        <v>82</v>
      </c>
      <c r="I2306" s="50">
        <v>4.7</v>
      </c>
    </row>
    <row r="2307" spans="1:9" x14ac:dyDescent="0.35">
      <c r="A2307" s="52" t="s">
        <v>78</v>
      </c>
      <c r="B2307" s="51" t="s">
        <v>79</v>
      </c>
      <c r="C2307" s="61">
        <v>363401809</v>
      </c>
      <c r="D2307" s="62">
        <v>20</v>
      </c>
      <c r="E2307" s="51">
        <v>202410</v>
      </c>
      <c r="F2307" s="51" t="s">
        <v>38</v>
      </c>
      <c r="G2307" s="51" t="s">
        <v>97</v>
      </c>
      <c r="H2307" s="51" t="s">
        <v>82</v>
      </c>
      <c r="I2307" s="50">
        <v>4.7</v>
      </c>
    </row>
    <row r="2308" spans="1:9" x14ac:dyDescent="0.35">
      <c r="A2308" s="52" t="s">
        <v>78</v>
      </c>
      <c r="B2308" s="51" t="s">
        <v>79</v>
      </c>
      <c r="C2308" s="61">
        <v>363715456</v>
      </c>
      <c r="D2308" s="62">
        <v>20</v>
      </c>
      <c r="E2308" s="51">
        <v>202410</v>
      </c>
      <c r="F2308" s="51" t="s">
        <v>38</v>
      </c>
      <c r="G2308" s="51" t="s">
        <v>97</v>
      </c>
      <c r="H2308" s="51" t="s">
        <v>82</v>
      </c>
      <c r="I2308" s="50">
        <v>4.7</v>
      </c>
    </row>
    <row r="2309" spans="1:9" x14ac:dyDescent="0.35">
      <c r="A2309" s="52" t="s">
        <v>78</v>
      </c>
      <c r="B2309" s="51" t="s">
        <v>79</v>
      </c>
      <c r="C2309" s="61">
        <v>363959484</v>
      </c>
      <c r="D2309" s="62">
        <v>20</v>
      </c>
      <c r="E2309" s="51">
        <v>202410</v>
      </c>
      <c r="F2309" s="51" t="s">
        <v>38</v>
      </c>
      <c r="G2309" s="51" t="s">
        <v>97</v>
      </c>
      <c r="H2309" s="51" t="s">
        <v>82</v>
      </c>
      <c r="I2309" s="50">
        <v>4.7</v>
      </c>
    </row>
    <row r="2310" spans="1:9" x14ac:dyDescent="0.35">
      <c r="A2310" s="52" t="s">
        <v>78</v>
      </c>
      <c r="B2310" s="51" t="s">
        <v>79</v>
      </c>
      <c r="C2310" s="61">
        <v>365000612</v>
      </c>
      <c r="D2310" s="62">
        <v>20</v>
      </c>
      <c r="E2310" s="51">
        <v>202410</v>
      </c>
      <c r="F2310" s="51" t="s">
        <v>38</v>
      </c>
      <c r="G2310" s="51" t="s">
        <v>97</v>
      </c>
      <c r="H2310" s="51" t="s">
        <v>82</v>
      </c>
      <c r="I2310" s="50">
        <v>30</v>
      </c>
    </row>
    <row r="2311" spans="1:9" x14ac:dyDescent="0.35">
      <c r="A2311" s="52" t="s">
        <v>78</v>
      </c>
      <c r="B2311" s="51" t="s">
        <v>79</v>
      </c>
      <c r="C2311" s="61">
        <v>365103139</v>
      </c>
      <c r="D2311" s="62">
        <v>20</v>
      </c>
      <c r="E2311" s="51">
        <v>202410</v>
      </c>
      <c r="F2311" s="51" t="s">
        <v>38</v>
      </c>
      <c r="G2311" s="51" t="s">
        <v>97</v>
      </c>
      <c r="H2311" s="51" t="s">
        <v>82</v>
      </c>
      <c r="I2311" s="50">
        <v>30</v>
      </c>
    </row>
    <row r="2312" spans="1:9" x14ac:dyDescent="0.35">
      <c r="A2312" s="52" t="s">
        <v>78</v>
      </c>
      <c r="B2312" s="51" t="s">
        <v>79</v>
      </c>
      <c r="C2312" s="61">
        <v>365404761</v>
      </c>
      <c r="D2312" s="62">
        <v>20</v>
      </c>
      <c r="E2312" s="51">
        <v>202410</v>
      </c>
      <c r="F2312" s="51" t="s">
        <v>38</v>
      </c>
      <c r="G2312" s="51" t="s">
        <v>97</v>
      </c>
      <c r="H2312" s="51" t="s">
        <v>82</v>
      </c>
      <c r="I2312" s="50">
        <v>4.7</v>
      </c>
    </row>
    <row r="2313" spans="1:9" x14ac:dyDescent="0.35">
      <c r="A2313" s="52" t="s">
        <v>78</v>
      </c>
      <c r="B2313" s="51" t="s">
        <v>79</v>
      </c>
      <c r="C2313" s="61">
        <v>366204629</v>
      </c>
      <c r="D2313" s="62">
        <v>20</v>
      </c>
      <c r="E2313" s="51">
        <v>202410</v>
      </c>
      <c r="F2313" s="51" t="s">
        <v>38</v>
      </c>
      <c r="G2313" s="51" t="s">
        <v>97</v>
      </c>
      <c r="H2313" s="51" t="s">
        <v>82</v>
      </c>
      <c r="I2313" s="50">
        <v>4.7</v>
      </c>
    </row>
    <row r="2314" spans="1:9" x14ac:dyDescent="0.35">
      <c r="A2314" s="52" t="s">
        <v>78</v>
      </c>
      <c r="B2314" s="51" t="s">
        <v>79</v>
      </c>
      <c r="C2314" s="61">
        <v>366351634</v>
      </c>
      <c r="D2314" s="62">
        <v>20</v>
      </c>
      <c r="E2314" s="51">
        <v>202410</v>
      </c>
      <c r="F2314" s="51" t="s">
        <v>38</v>
      </c>
      <c r="G2314" s="51" t="s">
        <v>97</v>
      </c>
      <c r="H2314" s="51" t="s">
        <v>82</v>
      </c>
      <c r="I2314" s="50">
        <v>4.7</v>
      </c>
    </row>
    <row r="2315" spans="1:9" x14ac:dyDescent="0.35">
      <c r="A2315" s="52" t="s">
        <v>78</v>
      </c>
      <c r="B2315" s="51" t="s">
        <v>79</v>
      </c>
      <c r="C2315" s="61">
        <v>366604081</v>
      </c>
      <c r="D2315" s="62">
        <v>20</v>
      </c>
      <c r="E2315" s="51">
        <v>202410</v>
      </c>
      <c r="F2315" s="51" t="s">
        <v>38</v>
      </c>
      <c r="G2315" s="51" t="s">
        <v>97</v>
      </c>
      <c r="H2315" s="51" t="s">
        <v>82</v>
      </c>
      <c r="I2315" s="50">
        <v>4.7</v>
      </c>
    </row>
    <row r="2316" spans="1:9" x14ac:dyDescent="0.35">
      <c r="A2316" s="52" t="s">
        <v>78</v>
      </c>
      <c r="B2316" s="51" t="s">
        <v>79</v>
      </c>
      <c r="C2316" s="61">
        <v>366608124</v>
      </c>
      <c r="D2316" s="62">
        <v>20</v>
      </c>
      <c r="E2316" s="51">
        <v>202410</v>
      </c>
      <c r="F2316" s="51" t="s">
        <v>38</v>
      </c>
      <c r="G2316" s="51" t="s">
        <v>97</v>
      </c>
      <c r="H2316" s="51" t="s">
        <v>82</v>
      </c>
      <c r="I2316" s="50">
        <v>4.7</v>
      </c>
    </row>
    <row r="2317" spans="1:9" x14ac:dyDescent="0.35">
      <c r="A2317" s="52" t="s">
        <v>78</v>
      </c>
      <c r="B2317" s="51" t="s">
        <v>79</v>
      </c>
      <c r="C2317" s="61">
        <v>367701786</v>
      </c>
      <c r="D2317" s="62">
        <v>20</v>
      </c>
      <c r="E2317" s="51">
        <v>202410</v>
      </c>
      <c r="F2317" s="51" t="s">
        <v>38</v>
      </c>
      <c r="G2317" s="51" t="s">
        <v>97</v>
      </c>
      <c r="H2317" s="51" t="s">
        <v>82</v>
      </c>
      <c r="I2317" s="50">
        <v>4.7</v>
      </c>
    </row>
    <row r="2318" spans="1:9" x14ac:dyDescent="0.35">
      <c r="A2318" s="52" t="s">
        <v>78</v>
      </c>
      <c r="B2318" s="51" t="s">
        <v>79</v>
      </c>
      <c r="C2318" s="61">
        <v>368947129</v>
      </c>
      <c r="D2318" s="62">
        <v>20</v>
      </c>
      <c r="E2318" s="51">
        <v>202410</v>
      </c>
      <c r="F2318" s="51" t="s">
        <v>38</v>
      </c>
      <c r="G2318" s="51" t="s">
        <v>97</v>
      </c>
      <c r="H2318" s="51" t="s">
        <v>82</v>
      </c>
      <c r="I2318" s="50">
        <v>4.7</v>
      </c>
    </row>
    <row r="2319" spans="1:9" x14ac:dyDescent="0.35">
      <c r="A2319" s="52" t="s">
        <v>78</v>
      </c>
      <c r="B2319" s="51" t="s">
        <v>79</v>
      </c>
      <c r="C2319" s="61">
        <v>369901984</v>
      </c>
      <c r="D2319" s="62">
        <v>20</v>
      </c>
      <c r="E2319" s="51">
        <v>202410</v>
      </c>
      <c r="F2319" s="51" t="s">
        <v>38</v>
      </c>
      <c r="G2319" s="51" t="s">
        <v>97</v>
      </c>
      <c r="H2319" s="51" t="s">
        <v>82</v>
      </c>
      <c r="I2319" s="50">
        <v>4.7</v>
      </c>
    </row>
    <row r="2320" spans="1:9" x14ac:dyDescent="0.35">
      <c r="A2320" s="52" t="s">
        <v>78</v>
      </c>
      <c r="B2320" s="51" t="s">
        <v>79</v>
      </c>
      <c r="C2320" s="61">
        <v>370204110</v>
      </c>
      <c r="D2320" s="62">
        <v>20</v>
      </c>
      <c r="E2320" s="51">
        <v>202410</v>
      </c>
      <c r="F2320" s="51" t="s">
        <v>38</v>
      </c>
      <c r="G2320" s="51" t="s">
        <v>97</v>
      </c>
      <c r="H2320" s="51" t="s">
        <v>82</v>
      </c>
      <c r="I2320" s="50">
        <v>95</v>
      </c>
    </row>
    <row r="2321" spans="1:9" x14ac:dyDescent="0.35">
      <c r="A2321" s="52" t="s">
        <v>78</v>
      </c>
      <c r="B2321" s="51" t="s">
        <v>79</v>
      </c>
      <c r="C2321" s="61">
        <v>371001330</v>
      </c>
      <c r="D2321" s="62">
        <v>20</v>
      </c>
      <c r="E2321" s="51">
        <v>202410</v>
      </c>
      <c r="F2321" s="51" t="s">
        <v>38</v>
      </c>
      <c r="G2321" s="51" t="s">
        <v>97</v>
      </c>
      <c r="H2321" s="51" t="s">
        <v>82</v>
      </c>
      <c r="I2321" s="50">
        <v>30</v>
      </c>
    </row>
    <row r="2322" spans="1:9" x14ac:dyDescent="0.35">
      <c r="A2322" s="52" t="s">
        <v>78</v>
      </c>
      <c r="B2322" s="51" t="s">
        <v>79</v>
      </c>
      <c r="C2322" s="61">
        <v>372137029</v>
      </c>
      <c r="D2322" s="62">
        <v>20</v>
      </c>
      <c r="E2322" s="51">
        <v>202410</v>
      </c>
      <c r="F2322" s="51" t="s">
        <v>38</v>
      </c>
      <c r="G2322" s="51" t="s">
        <v>97</v>
      </c>
      <c r="H2322" s="51" t="s">
        <v>82</v>
      </c>
      <c r="I2322" s="50">
        <v>4.7</v>
      </c>
    </row>
    <row r="2323" spans="1:9" x14ac:dyDescent="0.35">
      <c r="A2323" s="52" t="s">
        <v>78</v>
      </c>
      <c r="B2323" s="51" t="s">
        <v>79</v>
      </c>
      <c r="C2323" s="61">
        <v>372164031</v>
      </c>
      <c r="D2323" s="62">
        <v>20</v>
      </c>
      <c r="E2323" s="51">
        <v>202410</v>
      </c>
      <c r="F2323" s="51" t="s">
        <v>38</v>
      </c>
      <c r="G2323" s="51" t="s">
        <v>97</v>
      </c>
      <c r="H2323" s="51" t="s">
        <v>82</v>
      </c>
      <c r="I2323" s="50">
        <v>4.7</v>
      </c>
    </row>
    <row r="2324" spans="1:9" x14ac:dyDescent="0.35">
      <c r="A2324" s="52" t="s">
        <v>78</v>
      </c>
      <c r="B2324" s="51" t="s">
        <v>79</v>
      </c>
      <c r="C2324" s="61">
        <v>372804484</v>
      </c>
      <c r="D2324" s="62">
        <v>20</v>
      </c>
      <c r="E2324" s="51">
        <v>202410</v>
      </c>
      <c r="F2324" s="51" t="s">
        <v>38</v>
      </c>
      <c r="G2324" s="51" t="s">
        <v>97</v>
      </c>
      <c r="H2324" s="51" t="s">
        <v>82</v>
      </c>
      <c r="I2324" s="50">
        <v>30</v>
      </c>
    </row>
    <row r="2325" spans="1:9" x14ac:dyDescent="0.35">
      <c r="A2325" s="52" t="s">
        <v>78</v>
      </c>
      <c r="B2325" s="51" t="s">
        <v>79</v>
      </c>
      <c r="C2325" s="61">
        <v>373456713</v>
      </c>
      <c r="D2325" s="62">
        <v>20</v>
      </c>
      <c r="E2325" s="51">
        <v>202410</v>
      </c>
      <c r="F2325" s="51" t="s">
        <v>38</v>
      </c>
      <c r="G2325" s="51" t="s">
        <v>97</v>
      </c>
      <c r="H2325" s="51" t="s">
        <v>82</v>
      </c>
      <c r="I2325" s="50">
        <v>4.7</v>
      </c>
    </row>
    <row r="2326" spans="1:9" x14ac:dyDescent="0.35">
      <c r="A2326" s="52" t="s">
        <v>78</v>
      </c>
      <c r="B2326" s="51" t="s">
        <v>79</v>
      </c>
      <c r="C2326" s="61">
        <v>374301481</v>
      </c>
      <c r="D2326" s="62">
        <v>20</v>
      </c>
      <c r="E2326" s="51">
        <v>202410</v>
      </c>
      <c r="F2326" s="51" t="s">
        <v>38</v>
      </c>
      <c r="G2326" s="51" t="s">
        <v>97</v>
      </c>
      <c r="H2326" s="51" t="s">
        <v>82</v>
      </c>
      <c r="I2326" s="50">
        <v>4.7</v>
      </c>
    </row>
    <row r="2327" spans="1:9" x14ac:dyDescent="0.35">
      <c r="A2327" s="52" t="s">
        <v>78</v>
      </c>
      <c r="B2327" s="51" t="s">
        <v>79</v>
      </c>
      <c r="C2327" s="61">
        <v>375210792</v>
      </c>
      <c r="D2327" s="62">
        <v>20</v>
      </c>
      <c r="E2327" s="51">
        <v>202410</v>
      </c>
      <c r="F2327" s="51" t="s">
        <v>38</v>
      </c>
      <c r="G2327" s="51" t="s">
        <v>97</v>
      </c>
      <c r="H2327" s="51" t="s">
        <v>82</v>
      </c>
      <c r="I2327" s="50">
        <v>4.7</v>
      </c>
    </row>
    <row r="2328" spans="1:9" x14ac:dyDescent="0.35">
      <c r="A2328" s="52" t="s">
        <v>78</v>
      </c>
      <c r="B2328" s="51" t="s">
        <v>79</v>
      </c>
      <c r="C2328" s="61">
        <v>375369040</v>
      </c>
      <c r="D2328" s="62">
        <v>20</v>
      </c>
      <c r="E2328" s="51">
        <v>202410</v>
      </c>
      <c r="F2328" s="51" t="s">
        <v>38</v>
      </c>
      <c r="G2328" s="51" t="s">
        <v>97</v>
      </c>
      <c r="H2328" s="51" t="s">
        <v>82</v>
      </c>
      <c r="I2328" s="50">
        <v>4.7</v>
      </c>
    </row>
    <row r="2329" spans="1:9" x14ac:dyDescent="0.35">
      <c r="A2329" s="52" t="s">
        <v>78</v>
      </c>
      <c r="B2329" s="51" t="s">
        <v>79</v>
      </c>
      <c r="C2329" s="61">
        <v>377783993</v>
      </c>
      <c r="D2329" s="62">
        <v>20</v>
      </c>
      <c r="E2329" s="51">
        <v>202410</v>
      </c>
      <c r="F2329" s="51" t="s">
        <v>38</v>
      </c>
      <c r="G2329" s="51" t="s">
        <v>97</v>
      </c>
      <c r="H2329" s="51" t="s">
        <v>82</v>
      </c>
      <c r="I2329" s="50">
        <v>4.7</v>
      </c>
    </row>
    <row r="2330" spans="1:9" x14ac:dyDescent="0.35">
      <c r="A2330" s="52" t="s">
        <v>78</v>
      </c>
      <c r="B2330" s="51" t="s">
        <v>79</v>
      </c>
      <c r="C2330" s="61">
        <v>380602638</v>
      </c>
      <c r="D2330" s="62">
        <v>20</v>
      </c>
      <c r="E2330" s="51">
        <v>202410</v>
      </c>
      <c r="F2330" s="51" t="s">
        <v>38</v>
      </c>
      <c r="G2330" s="51" t="s">
        <v>97</v>
      </c>
      <c r="H2330" s="51" t="s">
        <v>82</v>
      </c>
      <c r="I2330" s="50">
        <v>95</v>
      </c>
    </row>
    <row r="2331" spans="1:9" x14ac:dyDescent="0.35">
      <c r="A2331" s="52" t="s">
        <v>78</v>
      </c>
      <c r="B2331" s="51" t="s">
        <v>79</v>
      </c>
      <c r="C2331" s="61">
        <v>380603655</v>
      </c>
      <c r="D2331" s="62">
        <v>20</v>
      </c>
      <c r="E2331" s="51">
        <v>202410</v>
      </c>
      <c r="F2331" s="51" t="s">
        <v>38</v>
      </c>
      <c r="G2331" s="51" t="s">
        <v>97</v>
      </c>
      <c r="H2331" s="51" t="s">
        <v>82</v>
      </c>
      <c r="I2331" s="50">
        <v>4.7</v>
      </c>
    </row>
    <row r="2332" spans="1:9" x14ac:dyDescent="0.35">
      <c r="A2332" s="52" t="s">
        <v>78</v>
      </c>
      <c r="B2332" s="51" t="s">
        <v>79</v>
      </c>
      <c r="C2332" s="61">
        <v>380705880</v>
      </c>
      <c r="D2332" s="62">
        <v>20</v>
      </c>
      <c r="E2332" s="51">
        <v>202410</v>
      </c>
      <c r="F2332" s="51" t="s">
        <v>38</v>
      </c>
      <c r="G2332" s="51" t="s">
        <v>97</v>
      </c>
      <c r="H2332" s="51" t="s">
        <v>82</v>
      </c>
      <c r="I2332" s="50">
        <v>4.7</v>
      </c>
    </row>
    <row r="2333" spans="1:9" x14ac:dyDescent="0.35">
      <c r="A2333" s="52" t="s">
        <v>78</v>
      </c>
      <c r="B2333" s="51" t="s">
        <v>79</v>
      </c>
      <c r="C2333" s="61">
        <v>382032685</v>
      </c>
      <c r="D2333" s="62">
        <v>20</v>
      </c>
      <c r="E2333" s="51">
        <v>202410</v>
      </c>
      <c r="F2333" s="51" t="s">
        <v>38</v>
      </c>
      <c r="G2333" s="51" t="s">
        <v>97</v>
      </c>
      <c r="H2333" s="51" t="s">
        <v>82</v>
      </c>
      <c r="I2333" s="50">
        <v>4.7</v>
      </c>
    </row>
    <row r="2334" spans="1:9" x14ac:dyDescent="0.35">
      <c r="A2334" s="52" t="s">
        <v>78</v>
      </c>
      <c r="B2334" s="51" t="s">
        <v>79</v>
      </c>
      <c r="C2334" s="61">
        <v>382701160</v>
      </c>
      <c r="D2334" s="62">
        <v>20</v>
      </c>
      <c r="E2334" s="51">
        <v>202410</v>
      </c>
      <c r="F2334" s="51" t="s">
        <v>38</v>
      </c>
      <c r="G2334" s="51" t="s">
        <v>97</v>
      </c>
      <c r="H2334" s="51" t="s">
        <v>82</v>
      </c>
      <c r="I2334" s="50">
        <v>30</v>
      </c>
    </row>
    <row r="2335" spans="1:9" x14ac:dyDescent="0.35">
      <c r="A2335" s="52" t="s">
        <v>78</v>
      </c>
      <c r="B2335" s="51" t="s">
        <v>79</v>
      </c>
      <c r="C2335" s="61">
        <v>383120653</v>
      </c>
      <c r="D2335" s="62">
        <v>20</v>
      </c>
      <c r="E2335" s="51">
        <v>202410</v>
      </c>
      <c r="F2335" s="51" t="s">
        <v>38</v>
      </c>
      <c r="G2335" s="51" t="s">
        <v>97</v>
      </c>
      <c r="H2335" s="51" t="s">
        <v>82</v>
      </c>
      <c r="I2335" s="50">
        <v>4.7</v>
      </c>
    </row>
    <row r="2336" spans="1:9" x14ac:dyDescent="0.35">
      <c r="A2336" s="52" t="s">
        <v>78</v>
      </c>
      <c r="B2336" s="51" t="s">
        <v>79</v>
      </c>
      <c r="C2336" s="61">
        <v>383603150</v>
      </c>
      <c r="D2336" s="62">
        <v>20</v>
      </c>
      <c r="E2336" s="51">
        <v>202410</v>
      </c>
      <c r="F2336" s="51" t="s">
        <v>38</v>
      </c>
      <c r="G2336" s="51" t="s">
        <v>97</v>
      </c>
      <c r="H2336" s="51" t="s">
        <v>82</v>
      </c>
      <c r="I2336" s="50">
        <v>4.7</v>
      </c>
    </row>
    <row r="2337" spans="1:9" x14ac:dyDescent="0.35">
      <c r="A2337" s="52" t="s">
        <v>78</v>
      </c>
      <c r="B2337" s="51" t="s">
        <v>79</v>
      </c>
      <c r="C2337" s="61">
        <v>384637973</v>
      </c>
      <c r="D2337" s="62">
        <v>20</v>
      </c>
      <c r="E2337" s="51">
        <v>202410</v>
      </c>
      <c r="F2337" s="51" t="s">
        <v>38</v>
      </c>
      <c r="G2337" s="51" t="s">
        <v>97</v>
      </c>
      <c r="H2337" s="51" t="s">
        <v>82</v>
      </c>
      <c r="I2337" s="50">
        <v>4.7</v>
      </c>
    </row>
    <row r="2338" spans="1:9" x14ac:dyDescent="0.35">
      <c r="A2338" s="52" t="s">
        <v>78</v>
      </c>
      <c r="B2338" s="51" t="s">
        <v>79</v>
      </c>
      <c r="C2338" s="61">
        <v>386104445</v>
      </c>
      <c r="D2338" s="62">
        <v>20</v>
      </c>
      <c r="E2338" s="51">
        <v>202410</v>
      </c>
      <c r="F2338" s="51" t="s">
        <v>38</v>
      </c>
      <c r="G2338" s="51" t="s">
        <v>97</v>
      </c>
      <c r="H2338" s="51" t="s">
        <v>82</v>
      </c>
      <c r="I2338" s="50">
        <v>4.7</v>
      </c>
    </row>
    <row r="2339" spans="1:9" x14ac:dyDescent="0.35">
      <c r="A2339" s="52" t="s">
        <v>78</v>
      </c>
      <c r="B2339" s="51" t="s">
        <v>79</v>
      </c>
      <c r="C2339" s="61">
        <v>387853160</v>
      </c>
      <c r="D2339" s="62">
        <v>20</v>
      </c>
      <c r="E2339" s="51">
        <v>202410</v>
      </c>
      <c r="F2339" s="51" t="s">
        <v>38</v>
      </c>
      <c r="G2339" s="51" t="s">
        <v>97</v>
      </c>
      <c r="H2339" s="51" t="s">
        <v>82</v>
      </c>
      <c r="I2339" s="50">
        <v>4.7</v>
      </c>
    </row>
    <row r="2340" spans="1:9" x14ac:dyDescent="0.35">
      <c r="A2340" s="52" t="s">
        <v>78</v>
      </c>
      <c r="B2340" s="51" t="s">
        <v>79</v>
      </c>
      <c r="C2340" s="61">
        <v>387896260</v>
      </c>
      <c r="D2340" s="62">
        <v>20</v>
      </c>
      <c r="E2340" s="51">
        <v>202410</v>
      </c>
      <c r="F2340" s="51" t="s">
        <v>38</v>
      </c>
      <c r="G2340" s="51" t="s">
        <v>97</v>
      </c>
      <c r="H2340" s="51" t="s">
        <v>82</v>
      </c>
      <c r="I2340" s="50">
        <v>4.7</v>
      </c>
    </row>
    <row r="2341" spans="1:9" x14ac:dyDescent="0.35">
      <c r="A2341" s="52" t="s">
        <v>78</v>
      </c>
      <c r="B2341" s="51" t="s">
        <v>79</v>
      </c>
      <c r="C2341" s="61">
        <v>388005564</v>
      </c>
      <c r="D2341" s="62">
        <v>20</v>
      </c>
      <c r="E2341" s="51">
        <v>202410</v>
      </c>
      <c r="F2341" s="51" t="s">
        <v>38</v>
      </c>
      <c r="G2341" s="51" t="s">
        <v>97</v>
      </c>
      <c r="H2341" s="51" t="s">
        <v>82</v>
      </c>
      <c r="I2341" s="50">
        <v>4.7</v>
      </c>
    </row>
    <row r="2342" spans="1:9" x14ac:dyDescent="0.35">
      <c r="A2342" s="52" t="s">
        <v>78</v>
      </c>
      <c r="B2342" s="51" t="s">
        <v>79</v>
      </c>
      <c r="C2342" s="61">
        <v>388200914</v>
      </c>
      <c r="D2342" s="62">
        <v>20</v>
      </c>
      <c r="E2342" s="51">
        <v>202410</v>
      </c>
      <c r="F2342" s="51" t="s">
        <v>38</v>
      </c>
      <c r="G2342" s="51" t="s">
        <v>97</v>
      </c>
      <c r="H2342" s="51" t="s">
        <v>82</v>
      </c>
      <c r="I2342" s="50">
        <v>4.7</v>
      </c>
    </row>
    <row r="2343" spans="1:9" x14ac:dyDescent="0.35">
      <c r="A2343" s="52" t="s">
        <v>78</v>
      </c>
      <c r="B2343" s="51" t="s">
        <v>79</v>
      </c>
      <c r="C2343" s="61">
        <v>388801250</v>
      </c>
      <c r="D2343" s="62">
        <v>20</v>
      </c>
      <c r="E2343" s="51">
        <v>202410</v>
      </c>
      <c r="F2343" s="51" t="s">
        <v>38</v>
      </c>
      <c r="G2343" s="51" t="s">
        <v>97</v>
      </c>
      <c r="H2343" s="51" t="s">
        <v>82</v>
      </c>
      <c r="I2343" s="50">
        <v>95</v>
      </c>
    </row>
    <row r="2344" spans="1:9" x14ac:dyDescent="0.35">
      <c r="A2344" s="52" t="s">
        <v>78</v>
      </c>
      <c r="B2344" s="51" t="s">
        <v>79</v>
      </c>
      <c r="C2344" s="61">
        <v>389905113</v>
      </c>
      <c r="D2344" s="62">
        <v>20</v>
      </c>
      <c r="E2344" s="51">
        <v>202410</v>
      </c>
      <c r="F2344" s="51" t="s">
        <v>38</v>
      </c>
      <c r="G2344" s="51" t="s">
        <v>97</v>
      </c>
      <c r="H2344" s="51" t="s">
        <v>82</v>
      </c>
      <c r="I2344" s="50">
        <v>4.7</v>
      </c>
    </row>
    <row r="2345" spans="1:9" x14ac:dyDescent="0.35">
      <c r="A2345" s="52" t="s">
        <v>78</v>
      </c>
      <c r="B2345" s="51" t="s">
        <v>79</v>
      </c>
      <c r="C2345" s="61">
        <v>389930950</v>
      </c>
      <c r="D2345" s="62">
        <v>20</v>
      </c>
      <c r="E2345" s="51">
        <v>202410</v>
      </c>
      <c r="F2345" s="51" t="s">
        <v>38</v>
      </c>
      <c r="G2345" s="51" t="s">
        <v>97</v>
      </c>
      <c r="H2345" s="51" t="s">
        <v>82</v>
      </c>
      <c r="I2345" s="50">
        <v>95</v>
      </c>
    </row>
    <row r="2346" spans="1:9" x14ac:dyDescent="0.35">
      <c r="A2346" s="52" t="s">
        <v>78</v>
      </c>
      <c r="B2346" s="51" t="s">
        <v>79</v>
      </c>
      <c r="C2346" s="61">
        <v>390004110</v>
      </c>
      <c r="D2346" s="62">
        <v>20</v>
      </c>
      <c r="E2346" s="51">
        <v>202410</v>
      </c>
      <c r="F2346" s="51" t="s">
        <v>38</v>
      </c>
      <c r="G2346" s="51" t="s">
        <v>97</v>
      </c>
      <c r="H2346" s="51" t="s">
        <v>82</v>
      </c>
      <c r="I2346" s="50">
        <v>4.7</v>
      </c>
    </row>
    <row r="2347" spans="1:9" x14ac:dyDescent="0.35">
      <c r="A2347" s="52" t="s">
        <v>78</v>
      </c>
      <c r="B2347" s="51" t="s">
        <v>79</v>
      </c>
      <c r="C2347" s="61">
        <v>391432094</v>
      </c>
      <c r="D2347" s="62">
        <v>20</v>
      </c>
      <c r="E2347" s="51">
        <v>202410</v>
      </c>
      <c r="F2347" s="51" t="s">
        <v>38</v>
      </c>
      <c r="G2347" s="51" t="s">
        <v>97</v>
      </c>
      <c r="H2347" s="51" t="s">
        <v>82</v>
      </c>
      <c r="I2347" s="50">
        <v>4.7</v>
      </c>
    </row>
    <row r="2348" spans="1:9" x14ac:dyDescent="0.35">
      <c r="A2348" s="52" t="s">
        <v>78</v>
      </c>
      <c r="B2348" s="51" t="s">
        <v>79</v>
      </c>
      <c r="C2348" s="61">
        <v>391702144</v>
      </c>
      <c r="D2348" s="62">
        <v>20</v>
      </c>
      <c r="E2348" s="51">
        <v>202410</v>
      </c>
      <c r="F2348" s="51" t="s">
        <v>38</v>
      </c>
      <c r="G2348" s="51" t="s">
        <v>97</v>
      </c>
      <c r="H2348" s="51" t="s">
        <v>82</v>
      </c>
      <c r="I2348" s="50">
        <v>4.7</v>
      </c>
    </row>
    <row r="2349" spans="1:9" x14ac:dyDescent="0.35">
      <c r="A2349" s="52" t="s">
        <v>78</v>
      </c>
      <c r="B2349" s="51" t="s">
        <v>79</v>
      </c>
      <c r="C2349" s="61">
        <v>391901606</v>
      </c>
      <c r="D2349" s="62">
        <v>20</v>
      </c>
      <c r="E2349" s="51">
        <v>202410</v>
      </c>
      <c r="F2349" s="51" t="s">
        <v>38</v>
      </c>
      <c r="G2349" s="51" t="s">
        <v>97</v>
      </c>
      <c r="H2349" s="51" t="s">
        <v>82</v>
      </c>
      <c r="I2349" s="50">
        <v>4.7</v>
      </c>
    </row>
    <row r="2350" spans="1:9" x14ac:dyDescent="0.35">
      <c r="A2350" s="52" t="s">
        <v>78</v>
      </c>
      <c r="B2350" s="51" t="s">
        <v>79</v>
      </c>
      <c r="C2350" s="61">
        <v>392154720</v>
      </c>
      <c r="D2350" s="62">
        <v>20</v>
      </c>
      <c r="E2350" s="51">
        <v>202410</v>
      </c>
      <c r="F2350" s="51" t="s">
        <v>38</v>
      </c>
      <c r="G2350" s="51" t="s">
        <v>97</v>
      </c>
      <c r="H2350" s="51" t="s">
        <v>82</v>
      </c>
      <c r="I2350" s="50">
        <v>4.7</v>
      </c>
    </row>
    <row r="2351" spans="1:9" x14ac:dyDescent="0.35">
      <c r="A2351" s="52" t="s">
        <v>78</v>
      </c>
      <c r="B2351" s="51" t="s">
        <v>79</v>
      </c>
      <c r="C2351" s="61">
        <v>392365430</v>
      </c>
      <c r="D2351" s="62">
        <v>20</v>
      </c>
      <c r="E2351" s="51">
        <v>202410</v>
      </c>
      <c r="F2351" s="51" t="s">
        <v>38</v>
      </c>
      <c r="G2351" s="51" t="s">
        <v>97</v>
      </c>
      <c r="H2351" s="51" t="s">
        <v>82</v>
      </c>
      <c r="I2351" s="50">
        <v>4.7</v>
      </c>
    </row>
    <row r="2352" spans="1:9" x14ac:dyDescent="0.35">
      <c r="A2352" s="52" t="s">
        <v>78</v>
      </c>
      <c r="B2352" s="51" t="s">
        <v>79</v>
      </c>
      <c r="C2352" s="61">
        <v>395100163</v>
      </c>
      <c r="D2352" s="62">
        <v>20</v>
      </c>
      <c r="E2352" s="51">
        <v>202410</v>
      </c>
      <c r="F2352" s="51" t="s">
        <v>38</v>
      </c>
      <c r="G2352" s="51" t="s">
        <v>97</v>
      </c>
      <c r="H2352" s="51" t="s">
        <v>82</v>
      </c>
      <c r="I2352" s="50">
        <v>4.7</v>
      </c>
    </row>
    <row r="2353" spans="1:9" x14ac:dyDescent="0.35">
      <c r="A2353" s="52" t="s">
        <v>78</v>
      </c>
      <c r="B2353" s="51" t="s">
        <v>79</v>
      </c>
      <c r="C2353" s="61">
        <v>395701151</v>
      </c>
      <c r="D2353" s="62">
        <v>20</v>
      </c>
      <c r="E2353" s="51">
        <v>202410</v>
      </c>
      <c r="F2353" s="51" t="s">
        <v>38</v>
      </c>
      <c r="G2353" s="51" t="s">
        <v>97</v>
      </c>
      <c r="H2353" s="51" t="s">
        <v>82</v>
      </c>
      <c r="I2353" s="50">
        <v>4.7</v>
      </c>
    </row>
    <row r="2354" spans="1:9" x14ac:dyDescent="0.35">
      <c r="A2354" s="52" t="s">
        <v>78</v>
      </c>
      <c r="B2354" s="51" t="s">
        <v>79</v>
      </c>
      <c r="C2354" s="61">
        <v>396175971</v>
      </c>
      <c r="D2354" s="62">
        <v>20</v>
      </c>
      <c r="E2354" s="51">
        <v>202410</v>
      </c>
      <c r="F2354" s="51" t="s">
        <v>38</v>
      </c>
      <c r="G2354" s="51" t="s">
        <v>97</v>
      </c>
      <c r="H2354" s="51" t="s">
        <v>82</v>
      </c>
      <c r="I2354" s="50">
        <v>4.7</v>
      </c>
    </row>
    <row r="2355" spans="1:9" x14ac:dyDescent="0.35">
      <c r="A2355" s="52" t="s">
        <v>78</v>
      </c>
      <c r="B2355" s="51" t="s">
        <v>79</v>
      </c>
      <c r="C2355" s="61">
        <v>396701768</v>
      </c>
      <c r="D2355" s="62">
        <v>20</v>
      </c>
      <c r="E2355" s="51">
        <v>202410</v>
      </c>
      <c r="F2355" s="51" t="s">
        <v>38</v>
      </c>
      <c r="G2355" s="51" t="s">
        <v>97</v>
      </c>
      <c r="H2355" s="51" t="s">
        <v>82</v>
      </c>
      <c r="I2355" s="50">
        <v>4.7</v>
      </c>
    </row>
    <row r="2356" spans="1:9" x14ac:dyDescent="0.35">
      <c r="A2356" s="52" t="s">
        <v>78</v>
      </c>
      <c r="B2356" s="51" t="s">
        <v>79</v>
      </c>
      <c r="C2356" s="61">
        <v>396895397</v>
      </c>
      <c r="D2356" s="62">
        <v>20</v>
      </c>
      <c r="E2356" s="51">
        <v>202410</v>
      </c>
      <c r="F2356" s="51" t="s">
        <v>38</v>
      </c>
      <c r="G2356" s="51" t="s">
        <v>97</v>
      </c>
      <c r="H2356" s="51" t="s">
        <v>82</v>
      </c>
      <c r="I2356" s="50">
        <v>4.7</v>
      </c>
    </row>
    <row r="2357" spans="1:9" x14ac:dyDescent="0.35">
      <c r="A2357" s="52" t="s">
        <v>78</v>
      </c>
      <c r="B2357" s="51" t="s">
        <v>79</v>
      </c>
      <c r="C2357" s="61">
        <v>397722780</v>
      </c>
      <c r="D2357" s="62">
        <v>20</v>
      </c>
      <c r="E2357" s="51">
        <v>202410</v>
      </c>
      <c r="F2357" s="51" t="s">
        <v>38</v>
      </c>
      <c r="G2357" s="51" t="s">
        <v>97</v>
      </c>
      <c r="H2357" s="51" t="s">
        <v>82</v>
      </c>
      <c r="I2357" s="50">
        <v>4.7</v>
      </c>
    </row>
    <row r="2358" spans="1:9" x14ac:dyDescent="0.35">
      <c r="A2358" s="52" t="s">
        <v>78</v>
      </c>
      <c r="B2358" s="51" t="s">
        <v>79</v>
      </c>
      <c r="C2358" s="61">
        <v>397944739</v>
      </c>
      <c r="D2358" s="62">
        <v>20</v>
      </c>
      <c r="E2358" s="51">
        <v>202410</v>
      </c>
      <c r="F2358" s="51" t="s">
        <v>38</v>
      </c>
      <c r="G2358" s="51" t="s">
        <v>97</v>
      </c>
      <c r="H2358" s="51" t="s">
        <v>82</v>
      </c>
      <c r="I2358" s="50">
        <v>4.7</v>
      </c>
    </row>
    <row r="2359" spans="1:9" x14ac:dyDescent="0.35">
      <c r="A2359" s="52" t="s">
        <v>78</v>
      </c>
      <c r="B2359" s="51" t="s">
        <v>79</v>
      </c>
      <c r="C2359" s="61">
        <v>398204119</v>
      </c>
      <c r="D2359" s="62">
        <v>20</v>
      </c>
      <c r="E2359" s="51">
        <v>202410</v>
      </c>
      <c r="F2359" s="51" t="s">
        <v>38</v>
      </c>
      <c r="G2359" s="51" t="s">
        <v>97</v>
      </c>
      <c r="H2359" s="51" t="s">
        <v>82</v>
      </c>
      <c r="I2359" s="50">
        <v>4.7</v>
      </c>
    </row>
    <row r="2360" spans="1:9" x14ac:dyDescent="0.35">
      <c r="A2360" s="52" t="s">
        <v>78</v>
      </c>
      <c r="B2360" s="51" t="s">
        <v>79</v>
      </c>
      <c r="C2360" s="61">
        <v>300937461</v>
      </c>
      <c r="D2360" s="62">
        <v>211</v>
      </c>
      <c r="E2360" s="51">
        <v>202410</v>
      </c>
      <c r="F2360" s="51" t="s">
        <v>38</v>
      </c>
      <c r="G2360" s="51" t="s">
        <v>97</v>
      </c>
      <c r="H2360" s="51" t="s">
        <v>82</v>
      </c>
      <c r="I2360" s="50">
        <v>30</v>
      </c>
    </row>
    <row r="2361" spans="1:9" x14ac:dyDescent="0.35">
      <c r="A2361" s="52" t="s">
        <v>78</v>
      </c>
      <c r="B2361" s="51" t="s">
        <v>79</v>
      </c>
      <c r="C2361" s="61">
        <v>303604710</v>
      </c>
      <c r="D2361" s="62">
        <v>211</v>
      </c>
      <c r="E2361" s="51">
        <v>202410</v>
      </c>
      <c r="F2361" s="51" t="s">
        <v>38</v>
      </c>
      <c r="G2361" s="51" t="s">
        <v>97</v>
      </c>
      <c r="H2361" s="51" t="s">
        <v>82</v>
      </c>
      <c r="I2361" s="50">
        <v>4.7</v>
      </c>
    </row>
    <row r="2362" spans="1:9" x14ac:dyDescent="0.35">
      <c r="A2362" s="52" t="s">
        <v>78</v>
      </c>
      <c r="B2362" s="51" t="s">
        <v>79</v>
      </c>
      <c r="C2362" s="61">
        <v>304305758</v>
      </c>
      <c r="D2362" s="62">
        <v>211</v>
      </c>
      <c r="E2362" s="51">
        <v>202410</v>
      </c>
      <c r="F2362" s="51" t="s">
        <v>38</v>
      </c>
      <c r="G2362" s="51" t="s">
        <v>97</v>
      </c>
      <c r="H2362" s="51" t="s">
        <v>82</v>
      </c>
      <c r="I2362" s="50">
        <v>4.7</v>
      </c>
    </row>
    <row r="2363" spans="1:9" x14ac:dyDescent="0.35">
      <c r="A2363" s="52" t="s">
        <v>78</v>
      </c>
      <c r="B2363" s="51" t="s">
        <v>79</v>
      </c>
      <c r="C2363" s="61">
        <v>306001627</v>
      </c>
      <c r="D2363" s="62">
        <v>211</v>
      </c>
      <c r="E2363" s="51">
        <v>202410</v>
      </c>
      <c r="F2363" s="51" t="s">
        <v>38</v>
      </c>
      <c r="G2363" s="51" t="s">
        <v>97</v>
      </c>
      <c r="H2363" s="51" t="s">
        <v>82</v>
      </c>
      <c r="I2363" s="50">
        <v>4.7</v>
      </c>
    </row>
    <row r="2364" spans="1:9" x14ac:dyDescent="0.35">
      <c r="A2364" s="52" t="s">
        <v>78</v>
      </c>
      <c r="B2364" s="51" t="s">
        <v>79</v>
      </c>
      <c r="C2364" s="61">
        <v>313305757</v>
      </c>
      <c r="D2364" s="62">
        <v>211</v>
      </c>
      <c r="E2364" s="51">
        <v>202410</v>
      </c>
      <c r="F2364" s="51" t="s">
        <v>38</v>
      </c>
      <c r="G2364" s="51" t="s">
        <v>97</v>
      </c>
      <c r="H2364" s="51" t="s">
        <v>82</v>
      </c>
      <c r="I2364" s="50">
        <v>4.7</v>
      </c>
    </row>
    <row r="2365" spans="1:9" x14ac:dyDescent="0.35">
      <c r="A2365" s="52" t="s">
        <v>78</v>
      </c>
      <c r="B2365" s="51" t="s">
        <v>79</v>
      </c>
      <c r="C2365" s="61">
        <v>320913910</v>
      </c>
      <c r="D2365" s="62">
        <v>211</v>
      </c>
      <c r="E2365" s="51">
        <v>202410</v>
      </c>
      <c r="F2365" s="51" t="s">
        <v>38</v>
      </c>
      <c r="G2365" s="51" t="s">
        <v>97</v>
      </c>
      <c r="H2365" s="51" t="s">
        <v>82</v>
      </c>
      <c r="I2365" s="50">
        <v>4.7</v>
      </c>
    </row>
    <row r="2366" spans="1:9" x14ac:dyDescent="0.35">
      <c r="A2366" s="52" t="s">
        <v>78</v>
      </c>
      <c r="B2366" s="51" t="s">
        <v>79</v>
      </c>
      <c r="C2366" s="61">
        <v>321486662</v>
      </c>
      <c r="D2366" s="62">
        <v>211</v>
      </c>
      <c r="E2366" s="51">
        <v>202410</v>
      </c>
      <c r="F2366" s="51" t="s">
        <v>38</v>
      </c>
      <c r="G2366" s="51" t="s">
        <v>97</v>
      </c>
      <c r="H2366" s="51" t="s">
        <v>82</v>
      </c>
      <c r="I2366" s="50">
        <v>4.7</v>
      </c>
    </row>
    <row r="2367" spans="1:9" x14ac:dyDescent="0.35">
      <c r="A2367" s="52" t="s">
        <v>78</v>
      </c>
      <c r="B2367" s="51" t="s">
        <v>79</v>
      </c>
      <c r="C2367" s="61">
        <v>325992420</v>
      </c>
      <c r="D2367" s="62">
        <v>211</v>
      </c>
      <c r="E2367" s="51">
        <v>202410</v>
      </c>
      <c r="F2367" s="51" t="s">
        <v>38</v>
      </c>
      <c r="G2367" s="51" t="s">
        <v>97</v>
      </c>
      <c r="H2367" s="51" t="s">
        <v>82</v>
      </c>
      <c r="I2367" s="50">
        <v>4.7</v>
      </c>
    </row>
    <row r="2368" spans="1:9" x14ac:dyDescent="0.35">
      <c r="A2368" s="52" t="s">
        <v>78</v>
      </c>
      <c r="B2368" s="51" t="s">
        <v>79</v>
      </c>
      <c r="C2368" s="61">
        <v>327723561</v>
      </c>
      <c r="D2368" s="62">
        <v>211</v>
      </c>
      <c r="E2368" s="51">
        <v>202410</v>
      </c>
      <c r="F2368" s="51" t="s">
        <v>38</v>
      </c>
      <c r="G2368" s="51" t="s">
        <v>97</v>
      </c>
      <c r="H2368" s="51" t="s">
        <v>82</v>
      </c>
      <c r="I2368" s="50">
        <v>4.7</v>
      </c>
    </row>
    <row r="2369" spans="1:9" x14ac:dyDescent="0.35">
      <c r="A2369" s="52" t="s">
        <v>78</v>
      </c>
      <c r="B2369" s="51" t="s">
        <v>79</v>
      </c>
      <c r="C2369" s="61">
        <v>347638680</v>
      </c>
      <c r="D2369" s="62">
        <v>211</v>
      </c>
      <c r="E2369" s="51">
        <v>202410</v>
      </c>
      <c r="F2369" s="51" t="s">
        <v>38</v>
      </c>
      <c r="G2369" s="51" t="s">
        <v>97</v>
      </c>
      <c r="H2369" s="51" t="s">
        <v>82</v>
      </c>
      <c r="I2369" s="50">
        <v>4.7</v>
      </c>
    </row>
    <row r="2370" spans="1:9" x14ac:dyDescent="0.35">
      <c r="A2370" s="52" t="s">
        <v>78</v>
      </c>
      <c r="B2370" s="51" t="s">
        <v>79</v>
      </c>
      <c r="C2370" s="61">
        <v>357365410</v>
      </c>
      <c r="D2370" s="62">
        <v>211</v>
      </c>
      <c r="E2370" s="51">
        <v>202410</v>
      </c>
      <c r="F2370" s="51" t="s">
        <v>38</v>
      </c>
      <c r="G2370" s="51" t="s">
        <v>97</v>
      </c>
      <c r="H2370" s="51" t="s">
        <v>82</v>
      </c>
      <c r="I2370" s="50">
        <v>4.7</v>
      </c>
    </row>
    <row r="2371" spans="1:9" x14ac:dyDescent="0.35">
      <c r="A2371" s="52" t="s">
        <v>78</v>
      </c>
      <c r="B2371" s="51" t="s">
        <v>79</v>
      </c>
      <c r="C2371" s="61">
        <v>367286204</v>
      </c>
      <c r="D2371" s="62">
        <v>211</v>
      </c>
      <c r="E2371" s="51">
        <v>202410</v>
      </c>
      <c r="F2371" s="51" t="s">
        <v>38</v>
      </c>
      <c r="G2371" s="51" t="s">
        <v>97</v>
      </c>
      <c r="H2371" s="51" t="s">
        <v>82</v>
      </c>
      <c r="I2371" s="50">
        <v>4.7</v>
      </c>
    </row>
    <row r="2372" spans="1:9" x14ac:dyDescent="0.35">
      <c r="A2372" s="52" t="s">
        <v>78</v>
      </c>
      <c r="B2372" s="51" t="s">
        <v>79</v>
      </c>
      <c r="C2372" s="61">
        <v>378251796</v>
      </c>
      <c r="D2372" s="62">
        <v>211</v>
      </c>
      <c r="E2372" s="51">
        <v>202410</v>
      </c>
      <c r="F2372" s="51" t="s">
        <v>38</v>
      </c>
      <c r="G2372" s="51" t="s">
        <v>97</v>
      </c>
      <c r="H2372" s="51" t="s">
        <v>82</v>
      </c>
      <c r="I2372" s="50">
        <v>4.7</v>
      </c>
    </row>
    <row r="2373" spans="1:9" x14ac:dyDescent="0.35">
      <c r="A2373" s="52" t="s">
        <v>78</v>
      </c>
      <c r="B2373" s="51" t="s">
        <v>79</v>
      </c>
      <c r="C2373" s="61">
        <v>383905442</v>
      </c>
      <c r="D2373" s="62">
        <v>211</v>
      </c>
      <c r="E2373" s="51">
        <v>202410</v>
      </c>
      <c r="F2373" s="51" t="s">
        <v>38</v>
      </c>
      <c r="G2373" s="51" t="s">
        <v>97</v>
      </c>
      <c r="H2373" s="51" t="s">
        <v>82</v>
      </c>
      <c r="I2373" s="50">
        <v>4.7</v>
      </c>
    </row>
    <row r="2374" spans="1:9" x14ac:dyDescent="0.35">
      <c r="A2374" s="52" t="s">
        <v>78</v>
      </c>
      <c r="B2374" s="51" t="s">
        <v>79</v>
      </c>
      <c r="C2374" s="61">
        <v>392802937</v>
      </c>
      <c r="D2374" s="62">
        <v>211</v>
      </c>
      <c r="E2374" s="51">
        <v>202410</v>
      </c>
      <c r="F2374" s="51" t="s">
        <v>38</v>
      </c>
      <c r="G2374" s="51" t="s">
        <v>97</v>
      </c>
      <c r="H2374" s="51" t="s">
        <v>82</v>
      </c>
      <c r="I2374" s="50">
        <v>4.7</v>
      </c>
    </row>
    <row r="2375" spans="1:9" x14ac:dyDescent="0.35">
      <c r="A2375" s="52" t="s">
        <v>78</v>
      </c>
      <c r="B2375" s="51" t="s">
        <v>79</v>
      </c>
      <c r="C2375" s="61">
        <v>332800086</v>
      </c>
      <c r="D2375" s="62">
        <v>212</v>
      </c>
      <c r="E2375" s="51">
        <v>202410</v>
      </c>
      <c r="F2375" s="51" t="s">
        <v>38</v>
      </c>
      <c r="G2375" s="51" t="s">
        <v>97</v>
      </c>
      <c r="H2375" s="51" t="s">
        <v>82</v>
      </c>
      <c r="I2375" s="50">
        <v>95</v>
      </c>
    </row>
    <row r="2376" spans="1:9" x14ac:dyDescent="0.35">
      <c r="A2376" s="52" t="s">
        <v>78</v>
      </c>
      <c r="B2376" s="51" t="s">
        <v>79</v>
      </c>
      <c r="C2376" s="61">
        <v>350800095</v>
      </c>
      <c r="D2376" s="62">
        <v>212</v>
      </c>
      <c r="E2376" s="51">
        <v>202410</v>
      </c>
      <c r="F2376" s="51" t="s">
        <v>38</v>
      </c>
      <c r="G2376" s="51" t="s">
        <v>97</v>
      </c>
      <c r="H2376" s="51" t="s">
        <v>82</v>
      </c>
      <c r="I2376" s="50">
        <v>4.7</v>
      </c>
    </row>
    <row r="2377" spans="1:9" x14ac:dyDescent="0.35">
      <c r="A2377" s="52" t="s">
        <v>78</v>
      </c>
      <c r="B2377" s="51" t="s">
        <v>79</v>
      </c>
      <c r="C2377" s="61">
        <v>392305210</v>
      </c>
      <c r="D2377" s="62">
        <v>212</v>
      </c>
      <c r="E2377" s="51">
        <v>202410</v>
      </c>
      <c r="F2377" s="51" t="s">
        <v>38</v>
      </c>
      <c r="G2377" s="51" t="s">
        <v>97</v>
      </c>
      <c r="H2377" s="51" t="s">
        <v>82</v>
      </c>
      <c r="I2377" s="50">
        <v>4.7</v>
      </c>
    </row>
    <row r="2378" spans="1:9" x14ac:dyDescent="0.35">
      <c r="A2378" s="52" t="s">
        <v>78</v>
      </c>
      <c r="B2378" s="51" t="s">
        <v>79</v>
      </c>
      <c r="C2378" s="61">
        <v>301299104</v>
      </c>
      <c r="D2378" s="62">
        <v>10</v>
      </c>
      <c r="E2378" s="51">
        <v>202411</v>
      </c>
      <c r="F2378" s="51" t="s">
        <v>38</v>
      </c>
      <c r="G2378" s="51" t="s">
        <v>97</v>
      </c>
      <c r="H2378" s="51" t="s">
        <v>82</v>
      </c>
      <c r="I2378" s="50">
        <v>4.7</v>
      </c>
    </row>
    <row r="2379" spans="1:9" x14ac:dyDescent="0.35">
      <c r="A2379" s="52" t="s">
        <v>78</v>
      </c>
      <c r="B2379" s="51" t="s">
        <v>79</v>
      </c>
      <c r="C2379" s="61">
        <v>302603912</v>
      </c>
      <c r="D2379" s="62">
        <v>10</v>
      </c>
      <c r="E2379" s="51">
        <v>202411</v>
      </c>
      <c r="F2379" s="51" t="s">
        <v>38</v>
      </c>
      <c r="G2379" s="51" t="s">
        <v>97</v>
      </c>
      <c r="H2379" s="51" t="s">
        <v>82</v>
      </c>
      <c r="I2379" s="50">
        <v>4.7</v>
      </c>
    </row>
    <row r="2380" spans="1:9" x14ac:dyDescent="0.35">
      <c r="A2380" s="52" t="s">
        <v>78</v>
      </c>
      <c r="B2380" s="51" t="s">
        <v>79</v>
      </c>
      <c r="C2380" s="61">
        <v>303701645</v>
      </c>
      <c r="D2380" s="62">
        <v>10</v>
      </c>
      <c r="E2380" s="51">
        <v>202411</v>
      </c>
      <c r="F2380" s="51" t="s">
        <v>38</v>
      </c>
      <c r="G2380" s="51" t="s">
        <v>97</v>
      </c>
      <c r="H2380" s="51" t="s">
        <v>82</v>
      </c>
      <c r="I2380" s="50">
        <v>4.7</v>
      </c>
    </row>
    <row r="2381" spans="1:9" x14ac:dyDescent="0.35">
      <c r="A2381" s="52" t="s">
        <v>78</v>
      </c>
      <c r="B2381" s="51" t="s">
        <v>79</v>
      </c>
      <c r="C2381" s="61">
        <v>310000063</v>
      </c>
      <c r="D2381" s="62">
        <v>10</v>
      </c>
      <c r="E2381" s="51">
        <v>202411</v>
      </c>
      <c r="F2381" s="51" t="s">
        <v>38</v>
      </c>
      <c r="G2381" s="51" t="s">
        <v>97</v>
      </c>
      <c r="H2381" s="51" t="s">
        <v>82</v>
      </c>
      <c r="I2381" s="50">
        <v>4.7</v>
      </c>
    </row>
    <row r="2382" spans="1:9" x14ac:dyDescent="0.35">
      <c r="A2382" s="52" t="s">
        <v>78</v>
      </c>
      <c r="B2382" s="51" t="s">
        <v>79</v>
      </c>
      <c r="C2382" s="61">
        <v>310905240</v>
      </c>
      <c r="D2382" s="62">
        <v>10</v>
      </c>
      <c r="E2382" s="51">
        <v>202411</v>
      </c>
      <c r="F2382" s="51" t="s">
        <v>38</v>
      </c>
      <c r="G2382" s="51" t="s">
        <v>97</v>
      </c>
      <c r="H2382" s="51" t="s">
        <v>82</v>
      </c>
      <c r="I2382" s="50">
        <v>4.7</v>
      </c>
    </row>
    <row r="2383" spans="1:9" x14ac:dyDescent="0.35">
      <c r="A2383" s="52" t="s">
        <v>78</v>
      </c>
      <c r="B2383" s="51" t="s">
        <v>79</v>
      </c>
      <c r="C2383" s="61">
        <v>314100692</v>
      </c>
      <c r="D2383" s="62">
        <v>10</v>
      </c>
      <c r="E2383" s="51">
        <v>202411</v>
      </c>
      <c r="F2383" s="51" t="s">
        <v>38</v>
      </c>
      <c r="G2383" s="51" t="s">
        <v>97</v>
      </c>
      <c r="H2383" s="51" t="s">
        <v>82</v>
      </c>
      <c r="I2383" s="50">
        <v>4.7</v>
      </c>
    </row>
    <row r="2384" spans="1:9" x14ac:dyDescent="0.35">
      <c r="A2384" s="52" t="s">
        <v>78</v>
      </c>
      <c r="B2384" s="51" t="s">
        <v>79</v>
      </c>
      <c r="C2384" s="61">
        <v>314132537</v>
      </c>
      <c r="D2384" s="62">
        <v>10</v>
      </c>
      <c r="E2384" s="51">
        <v>202411</v>
      </c>
      <c r="F2384" s="51" t="s">
        <v>38</v>
      </c>
      <c r="G2384" s="51" t="s">
        <v>97</v>
      </c>
      <c r="H2384" s="51" t="s">
        <v>82</v>
      </c>
      <c r="I2384" s="50">
        <v>4.7</v>
      </c>
    </row>
    <row r="2385" spans="1:9" x14ac:dyDescent="0.35">
      <c r="A2385" s="52" t="s">
        <v>78</v>
      </c>
      <c r="B2385" s="51" t="s">
        <v>79</v>
      </c>
      <c r="C2385" s="61">
        <v>314702730</v>
      </c>
      <c r="D2385" s="62">
        <v>10</v>
      </c>
      <c r="E2385" s="51">
        <v>202411</v>
      </c>
      <c r="F2385" s="51" t="s">
        <v>38</v>
      </c>
      <c r="G2385" s="51" t="s">
        <v>97</v>
      </c>
      <c r="H2385" s="51" t="s">
        <v>82</v>
      </c>
      <c r="I2385" s="50">
        <v>4.7</v>
      </c>
    </row>
    <row r="2386" spans="1:9" x14ac:dyDescent="0.35">
      <c r="A2386" s="52" t="s">
        <v>78</v>
      </c>
      <c r="B2386" s="51" t="s">
        <v>79</v>
      </c>
      <c r="C2386" s="61">
        <v>315105455</v>
      </c>
      <c r="D2386" s="62">
        <v>10</v>
      </c>
      <c r="E2386" s="51">
        <v>202411</v>
      </c>
      <c r="F2386" s="51" t="s">
        <v>38</v>
      </c>
      <c r="G2386" s="51" t="s">
        <v>97</v>
      </c>
      <c r="H2386" s="51" t="s">
        <v>82</v>
      </c>
      <c r="I2386" s="50">
        <v>4.7</v>
      </c>
    </row>
    <row r="2387" spans="1:9" x14ac:dyDescent="0.35">
      <c r="A2387" s="52" t="s">
        <v>78</v>
      </c>
      <c r="B2387" s="51" t="s">
        <v>79</v>
      </c>
      <c r="C2387" s="61">
        <v>315803614</v>
      </c>
      <c r="D2387" s="62">
        <v>10</v>
      </c>
      <c r="E2387" s="51">
        <v>202411</v>
      </c>
      <c r="F2387" s="51" t="s">
        <v>38</v>
      </c>
      <c r="G2387" s="51" t="s">
        <v>97</v>
      </c>
      <c r="H2387" s="51" t="s">
        <v>82</v>
      </c>
      <c r="I2387" s="50">
        <v>4.7</v>
      </c>
    </row>
    <row r="2388" spans="1:9" x14ac:dyDescent="0.35">
      <c r="A2388" s="52" t="s">
        <v>78</v>
      </c>
      <c r="B2388" s="51" t="s">
        <v>79</v>
      </c>
      <c r="C2388" s="61">
        <v>316703313</v>
      </c>
      <c r="D2388" s="62">
        <v>10</v>
      </c>
      <c r="E2388" s="51">
        <v>202411</v>
      </c>
      <c r="F2388" s="51" t="s">
        <v>38</v>
      </c>
      <c r="G2388" s="51" t="s">
        <v>97</v>
      </c>
      <c r="H2388" s="51" t="s">
        <v>82</v>
      </c>
      <c r="I2388" s="50">
        <v>4.7</v>
      </c>
    </row>
    <row r="2389" spans="1:9" x14ac:dyDescent="0.35">
      <c r="A2389" s="52" t="s">
        <v>78</v>
      </c>
      <c r="B2389" s="51" t="s">
        <v>79</v>
      </c>
      <c r="C2389" s="61">
        <v>316703313</v>
      </c>
      <c r="D2389" s="62">
        <v>10</v>
      </c>
      <c r="E2389" s="51">
        <v>202411</v>
      </c>
      <c r="F2389" s="51" t="s">
        <v>38</v>
      </c>
      <c r="G2389" s="51" t="s">
        <v>97</v>
      </c>
      <c r="H2389" s="51" t="s">
        <v>82</v>
      </c>
      <c r="I2389" s="50">
        <v>4.7</v>
      </c>
    </row>
    <row r="2390" spans="1:9" x14ac:dyDescent="0.35">
      <c r="A2390" s="52" t="s">
        <v>78</v>
      </c>
      <c r="B2390" s="51" t="s">
        <v>79</v>
      </c>
      <c r="C2390" s="61">
        <v>318900547</v>
      </c>
      <c r="D2390" s="62">
        <v>10</v>
      </c>
      <c r="E2390" s="51">
        <v>202411</v>
      </c>
      <c r="F2390" s="51" t="s">
        <v>38</v>
      </c>
      <c r="G2390" s="51" t="s">
        <v>97</v>
      </c>
      <c r="H2390" s="51" t="s">
        <v>82</v>
      </c>
      <c r="I2390" s="50">
        <v>4.7</v>
      </c>
    </row>
    <row r="2391" spans="1:9" x14ac:dyDescent="0.35">
      <c r="A2391" s="52" t="s">
        <v>78</v>
      </c>
      <c r="B2391" s="51" t="s">
        <v>79</v>
      </c>
      <c r="C2391" s="61">
        <v>319303951</v>
      </c>
      <c r="D2391" s="62">
        <v>10</v>
      </c>
      <c r="E2391" s="51">
        <v>202411</v>
      </c>
      <c r="F2391" s="51" t="s">
        <v>38</v>
      </c>
      <c r="G2391" s="51" t="s">
        <v>97</v>
      </c>
      <c r="H2391" s="51" t="s">
        <v>82</v>
      </c>
      <c r="I2391" s="50">
        <v>4.7</v>
      </c>
    </row>
    <row r="2392" spans="1:9" x14ac:dyDescent="0.35">
      <c r="A2392" s="52" t="s">
        <v>78</v>
      </c>
      <c r="B2392" s="51" t="s">
        <v>79</v>
      </c>
      <c r="C2392" s="61">
        <v>321903611</v>
      </c>
      <c r="D2392" s="62">
        <v>10</v>
      </c>
      <c r="E2392" s="51">
        <v>202411</v>
      </c>
      <c r="F2392" s="51" t="s">
        <v>38</v>
      </c>
      <c r="G2392" s="51" t="s">
        <v>97</v>
      </c>
      <c r="H2392" s="51" t="s">
        <v>82</v>
      </c>
      <c r="I2392" s="50">
        <v>4.7</v>
      </c>
    </row>
    <row r="2393" spans="1:9" x14ac:dyDescent="0.35">
      <c r="A2393" s="52" t="s">
        <v>78</v>
      </c>
      <c r="B2393" s="51" t="s">
        <v>79</v>
      </c>
      <c r="C2393" s="61">
        <v>322803634</v>
      </c>
      <c r="D2393" s="62">
        <v>10</v>
      </c>
      <c r="E2393" s="51">
        <v>202411</v>
      </c>
      <c r="F2393" s="51" t="s">
        <v>38</v>
      </c>
      <c r="G2393" s="51" t="s">
        <v>97</v>
      </c>
      <c r="H2393" s="51" t="s">
        <v>82</v>
      </c>
      <c r="I2393" s="50">
        <v>4.7</v>
      </c>
    </row>
    <row r="2394" spans="1:9" x14ac:dyDescent="0.35">
      <c r="A2394" s="52" t="s">
        <v>78</v>
      </c>
      <c r="B2394" s="51" t="s">
        <v>79</v>
      </c>
      <c r="C2394" s="61">
        <v>323008711</v>
      </c>
      <c r="D2394" s="62">
        <v>10</v>
      </c>
      <c r="E2394" s="51">
        <v>202411</v>
      </c>
      <c r="F2394" s="51" t="s">
        <v>38</v>
      </c>
      <c r="G2394" s="51" t="s">
        <v>97</v>
      </c>
      <c r="H2394" s="51" t="s">
        <v>82</v>
      </c>
      <c r="I2394" s="50">
        <v>4.7</v>
      </c>
    </row>
    <row r="2395" spans="1:9" x14ac:dyDescent="0.35">
      <c r="A2395" s="52" t="s">
        <v>78</v>
      </c>
      <c r="B2395" s="51" t="s">
        <v>79</v>
      </c>
      <c r="C2395" s="61">
        <v>329803643</v>
      </c>
      <c r="D2395" s="62">
        <v>10</v>
      </c>
      <c r="E2395" s="51">
        <v>202411</v>
      </c>
      <c r="F2395" s="51" t="s">
        <v>38</v>
      </c>
      <c r="G2395" s="51" t="s">
        <v>97</v>
      </c>
      <c r="H2395" s="51" t="s">
        <v>82</v>
      </c>
      <c r="I2395" s="50">
        <v>4.7</v>
      </c>
    </row>
    <row r="2396" spans="1:9" x14ac:dyDescent="0.35">
      <c r="A2396" s="52" t="s">
        <v>78</v>
      </c>
      <c r="B2396" s="51" t="s">
        <v>79</v>
      </c>
      <c r="C2396" s="61">
        <v>332402010</v>
      </c>
      <c r="D2396" s="62">
        <v>10</v>
      </c>
      <c r="E2396" s="51">
        <v>202411</v>
      </c>
      <c r="F2396" s="51" t="s">
        <v>38</v>
      </c>
      <c r="G2396" s="51" t="s">
        <v>97</v>
      </c>
      <c r="H2396" s="51" t="s">
        <v>82</v>
      </c>
      <c r="I2396" s="50">
        <v>95</v>
      </c>
    </row>
    <row r="2397" spans="1:9" x14ac:dyDescent="0.35">
      <c r="A2397" s="52" t="s">
        <v>78</v>
      </c>
      <c r="B2397" s="51" t="s">
        <v>79</v>
      </c>
      <c r="C2397" s="61">
        <v>333300064</v>
      </c>
      <c r="D2397" s="62">
        <v>10</v>
      </c>
      <c r="E2397" s="51">
        <v>202411</v>
      </c>
      <c r="F2397" s="51" t="s">
        <v>38</v>
      </c>
      <c r="G2397" s="51" t="s">
        <v>97</v>
      </c>
      <c r="H2397" s="51" t="s">
        <v>82</v>
      </c>
      <c r="I2397" s="50">
        <v>4.7</v>
      </c>
    </row>
    <row r="2398" spans="1:9" x14ac:dyDescent="0.35">
      <c r="A2398" s="52" t="s">
        <v>78</v>
      </c>
      <c r="B2398" s="51" t="s">
        <v>79</v>
      </c>
      <c r="C2398" s="61">
        <v>334304887</v>
      </c>
      <c r="D2398" s="62">
        <v>10</v>
      </c>
      <c r="E2398" s="51">
        <v>202411</v>
      </c>
      <c r="F2398" s="51" t="s">
        <v>38</v>
      </c>
      <c r="G2398" s="51" t="s">
        <v>97</v>
      </c>
      <c r="H2398" s="51" t="s">
        <v>82</v>
      </c>
      <c r="I2398" s="50">
        <v>4.7</v>
      </c>
    </row>
    <row r="2399" spans="1:9" x14ac:dyDescent="0.35">
      <c r="A2399" s="52" t="s">
        <v>78</v>
      </c>
      <c r="B2399" s="51" t="s">
        <v>79</v>
      </c>
      <c r="C2399" s="61">
        <v>334400029</v>
      </c>
      <c r="D2399" s="62">
        <v>10</v>
      </c>
      <c r="E2399" s="51">
        <v>202411</v>
      </c>
      <c r="F2399" s="51" t="s">
        <v>38</v>
      </c>
      <c r="G2399" s="51" t="s">
        <v>97</v>
      </c>
      <c r="H2399" s="51" t="s">
        <v>82</v>
      </c>
      <c r="I2399" s="50">
        <v>30</v>
      </c>
    </row>
    <row r="2400" spans="1:9" x14ac:dyDescent="0.35">
      <c r="A2400" s="52" t="s">
        <v>78</v>
      </c>
      <c r="B2400" s="51" t="s">
        <v>79</v>
      </c>
      <c r="C2400" s="61">
        <v>335600650</v>
      </c>
      <c r="D2400" s="62">
        <v>10</v>
      </c>
      <c r="E2400" s="51">
        <v>202411</v>
      </c>
      <c r="F2400" s="51" t="s">
        <v>38</v>
      </c>
      <c r="G2400" s="51" t="s">
        <v>97</v>
      </c>
      <c r="H2400" s="51" t="s">
        <v>82</v>
      </c>
      <c r="I2400" s="50">
        <v>4.7</v>
      </c>
    </row>
    <row r="2401" spans="1:9" x14ac:dyDescent="0.35">
      <c r="A2401" s="52" t="s">
        <v>78</v>
      </c>
      <c r="B2401" s="51" t="s">
        <v>79</v>
      </c>
      <c r="C2401" s="61">
        <v>336000670</v>
      </c>
      <c r="D2401" s="62">
        <v>10</v>
      </c>
      <c r="E2401" s="51">
        <v>202411</v>
      </c>
      <c r="F2401" s="51" t="s">
        <v>38</v>
      </c>
      <c r="G2401" s="51" t="s">
        <v>97</v>
      </c>
      <c r="H2401" s="51" t="s">
        <v>82</v>
      </c>
      <c r="I2401" s="50">
        <v>4.7</v>
      </c>
    </row>
    <row r="2402" spans="1:9" x14ac:dyDescent="0.35">
      <c r="A2402" s="52" t="s">
        <v>78</v>
      </c>
      <c r="B2402" s="51" t="s">
        <v>79</v>
      </c>
      <c r="C2402" s="61">
        <v>336437744</v>
      </c>
      <c r="D2402" s="62">
        <v>10</v>
      </c>
      <c r="E2402" s="51">
        <v>202411</v>
      </c>
      <c r="F2402" s="51" t="s">
        <v>38</v>
      </c>
      <c r="G2402" s="51" t="s">
        <v>97</v>
      </c>
      <c r="H2402" s="51" t="s">
        <v>82</v>
      </c>
      <c r="I2402" s="50">
        <v>4.7</v>
      </c>
    </row>
    <row r="2403" spans="1:9" x14ac:dyDescent="0.35">
      <c r="A2403" s="52" t="s">
        <v>78</v>
      </c>
      <c r="B2403" s="51" t="s">
        <v>79</v>
      </c>
      <c r="C2403" s="61">
        <v>337402895</v>
      </c>
      <c r="D2403" s="62">
        <v>10</v>
      </c>
      <c r="E2403" s="51">
        <v>202411</v>
      </c>
      <c r="F2403" s="51" t="s">
        <v>38</v>
      </c>
      <c r="G2403" s="51" t="s">
        <v>97</v>
      </c>
      <c r="H2403" s="51" t="s">
        <v>82</v>
      </c>
      <c r="I2403" s="50">
        <v>4.7</v>
      </c>
    </row>
    <row r="2404" spans="1:9" x14ac:dyDescent="0.35">
      <c r="A2404" s="52" t="s">
        <v>78</v>
      </c>
      <c r="B2404" s="51" t="s">
        <v>79</v>
      </c>
      <c r="C2404" s="61">
        <v>338200054</v>
      </c>
      <c r="D2404" s="62">
        <v>10</v>
      </c>
      <c r="E2404" s="51">
        <v>202411</v>
      </c>
      <c r="F2404" s="51" t="s">
        <v>38</v>
      </c>
      <c r="G2404" s="51" t="s">
        <v>97</v>
      </c>
      <c r="H2404" s="51" t="s">
        <v>82</v>
      </c>
      <c r="I2404" s="50">
        <v>4.7</v>
      </c>
    </row>
    <row r="2405" spans="1:9" x14ac:dyDescent="0.35">
      <c r="A2405" s="52" t="s">
        <v>78</v>
      </c>
      <c r="B2405" s="51" t="s">
        <v>79</v>
      </c>
      <c r="C2405" s="61">
        <v>338303163</v>
      </c>
      <c r="D2405" s="62">
        <v>10</v>
      </c>
      <c r="E2405" s="51">
        <v>202411</v>
      </c>
      <c r="F2405" s="51" t="s">
        <v>38</v>
      </c>
      <c r="G2405" s="51" t="s">
        <v>97</v>
      </c>
      <c r="H2405" s="51" t="s">
        <v>82</v>
      </c>
      <c r="I2405" s="50">
        <v>4.7</v>
      </c>
    </row>
    <row r="2406" spans="1:9" x14ac:dyDescent="0.35">
      <c r="A2406" s="52" t="s">
        <v>78</v>
      </c>
      <c r="B2406" s="51" t="s">
        <v>79</v>
      </c>
      <c r="C2406" s="61">
        <v>340901306</v>
      </c>
      <c r="D2406" s="62">
        <v>10</v>
      </c>
      <c r="E2406" s="51">
        <v>202411</v>
      </c>
      <c r="F2406" s="51" t="s">
        <v>38</v>
      </c>
      <c r="G2406" s="51" t="s">
        <v>97</v>
      </c>
      <c r="H2406" s="51" t="s">
        <v>82</v>
      </c>
      <c r="I2406" s="50">
        <v>4.7</v>
      </c>
    </row>
    <row r="2407" spans="1:9" x14ac:dyDescent="0.35">
      <c r="A2407" s="52" t="s">
        <v>78</v>
      </c>
      <c r="B2407" s="51" t="s">
        <v>79</v>
      </c>
      <c r="C2407" s="61">
        <v>345003751</v>
      </c>
      <c r="D2407" s="62">
        <v>10</v>
      </c>
      <c r="E2407" s="51">
        <v>202411</v>
      </c>
      <c r="F2407" s="51" t="s">
        <v>38</v>
      </c>
      <c r="G2407" s="51" t="s">
        <v>97</v>
      </c>
      <c r="H2407" s="51" t="s">
        <v>82</v>
      </c>
      <c r="I2407" s="50">
        <v>4.7</v>
      </c>
    </row>
    <row r="2408" spans="1:9" x14ac:dyDescent="0.35">
      <c r="A2408" s="52" t="s">
        <v>78</v>
      </c>
      <c r="B2408" s="51" t="s">
        <v>79</v>
      </c>
      <c r="C2408" s="61">
        <v>345649364</v>
      </c>
      <c r="D2408" s="62">
        <v>10</v>
      </c>
      <c r="E2408" s="51">
        <v>202411</v>
      </c>
      <c r="F2408" s="51" t="s">
        <v>38</v>
      </c>
      <c r="G2408" s="51" t="s">
        <v>97</v>
      </c>
      <c r="H2408" s="51" t="s">
        <v>82</v>
      </c>
      <c r="I2408" s="50">
        <v>4.7</v>
      </c>
    </row>
    <row r="2409" spans="1:9" x14ac:dyDescent="0.35">
      <c r="A2409" s="52" t="s">
        <v>78</v>
      </c>
      <c r="B2409" s="51" t="s">
        <v>79</v>
      </c>
      <c r="C2409" s="61">
        <v>345800608</v>
      </c>
      <c r="D2409" s="62">
        <v>10</v>
      </c>
      <c r="E2409" s="51">
        <v>202411</v>
      </c>
      <c r="F2409" s="51" t="s">
        <v>38</v>
      </c>
      <c r="G2409" s="51" t="s">
        <v>97</v>
      </c>
      <c r="H2409" s="51" t="s">
        <v>82</v>
      </c>
      <c r="I2409" s="50">
        <v>4.7</v>
      </c>
    </row>
    <row r="2410" spans="1:9" x14ac:dyDescent="0.35">
      <c r="A2410" s="52" t="s">
        <v>78</v>
      </c>
      <c r="B2410" s="51" t="s">
        <v>79</v>
      </c>
      <c r="C2410" s="61">
        <v>346574305</v>
      </c>
      <c r="D2410" s="62">
        <v>10</v>
      </c>
      <c r="E2410" s="51">
        <v>202411</v>
      </c>
      <c r="F2410" s="51" t="s">
        <v>38</v>
      </c>
      <c r="G2410" s="51" t="s">
        <v>97</v>
      </c>
      <c r="H2410" s="51" t="s">
        <v>82</v>
      </c>
      <c r="I2410" s="50">
        <v>4.7</v>
      </c>
    </row>
    <row r="2411" spans="1:9" x14ac:dyDescent="0.35">
      <c r="A2411" s="52" t="s">
        <v>78</v>
      </c>
      <c r="B2411" s="51" t="s">
        <v>79</v>
      </c>
      <c r="C2411" s="61">
        <v>347303917</v>
      </c>
      <c r="D2411" s="62">
        <v>10</v>
      </c>
      <c r="E2411" s="51">
        <v>202411</v>
      </c>
      <c r="F2411" s="51" t="s">
        <v>38</v>
      </c>
      <c r="G2411" s="51" t="s">
        <v>97</v>
      </c>
      <c r="H2411" s="51" t="s">
        <v>82</v>
      </c>
      <c r="I2411" s="50">
        <v>4.7</v>
      </c>
    </row>
    <row r="2412" spans="1:9" x14ac:dyDescent="0.35">
      <c r="A2412" s="52" t="s">
        <v>78</v>
      </c>
      <c r="B2412" s="51" t="s">
        <v>79</v>
      </c>
      <c r="C2412" s="61">
        <v>347600246</v>
      </c>
      <c r="D2412" s="62">
        <v>10</v>
      </c>
      <c r="E2412" s="51">
        <v>202411</v>
      </c>
      <c r="F2412" s="51" t="s">
        <v>38</v>
      </c>
      <c r="G2412" s="51" t="s">
        <v>97</v>
      </c>
      <c r="H2412" s="51" t="s">
        <v>82</v>
      </c>
      <c r="I2412" s="50">
        <v>4.7</v>
      </c>
    </row>
    <row r="2413" spans="1:9" x14ac:dyDescent="0.35">
      <c r="A2413" s="52" t="s">
        <v>78</v>
      </c>
      <c r="B2413" s="51" t="s">
        <v>79</v>
      </c>
      <c r="C2413" s="61">
        <v>349539975</v>
      </c>
      <c r="D2413" s="62">
        <v>10</v>
      </c>
      <c r="E2413" s="51">
        <v>202411</v>
      </c>
      <c r="F2413" s="51" t="s">
        <v>38</v>
      </c>
      <c r="G2413" s="51" t="s">
        <v>97</v>
      </c>
      <c r="H2413" s="51" t="s">
        <v>82</v>
      </c>
      <c r="I2413" s="50">
        <v>4.7</v>
      </c>
    </row>
    <row r="2414" spans="1:9" x14ac:dyDescent="0.35">
      <c r="A2414" s="52" t="s">
        <v>78</v>
      </c>
      <c r="B2414" s="51" t="s">
        <v>79</v>
      </c>
      <c r="C2414" s="61">
        <v>349605512</v>
      </c>
      <c r="D2414" s="62">
        <v>10</v>
      </c>
      <c r="E2414" s="51">
        <v>202411</v>
      </c>
      <c r="F2414" s="51" t="s">
        <v>38</v>
      </c>
      <c r="G2414" s="51" t="s">
        <v>97</v>
      </c>
      <c r="H2414" s="51" t="s">
        <v>82</v>
      </c>
      <c r="I2414" s="50">
        <v>4.7</v>
      </c>
    </row>
    <row r="2415" spans="1:9" x14ac:dyDescent="0.35">
      <c r="A2415" s="52" t="s">
        <v>78</v>
      </c>
      <c r="B2415" s="51" t="s">
        <v>79</v>
      </c>
      <c r="C2415" s="61">
        <v>350000673</v>
      </c>
      <c r="D2415" s="62">
        <v>10</v>
      </c>
      <c r="E2415" s="51">
        <v>202411</v>
      </c>
      <c r="F2415" s="51" t="s">
        <v>38</v>
      </c>
      <c r="G2415" s="51" t="s">
        <v>97</v>
      </c>
      <c r="H2415" s="51" t="s">
        <v>82</v>
      </c>
      <c r="I2415" s="50">
        <v>30</v>
      </c>
    </row>
    <row r="2416" spans="1:9" x14ac:dyDescent="0.35">
      <c r="A2416" s="52" t="s">
        <v>78</v>
      </c>
      <c r="B2416" s="51" t="s">
        <v>79</v>
      </c>
      <c r="C2416" s="61">
        <v>355104844</v>
      </c>
      <c r="D2416" s="62">
        <v>10</v>
      </c>
      <c r="E2416" s="51">
        <v>202411</v>
      </c>
      <c r="F2416" s="51" t="s">
        <v>38</v>
      </c>
      <c r="G2416" s="51" t="s">
        <v>97</v>
      </c>
      <c r="H2416" s="51" t="s">
        <v>82</v>
      </c>
      <c r="I2416" s="50">
        <v>4.7</v>
      </c>
    </row>
    <row r="2417" spans="1:9" x14ac:dyDescent="0.35">
      <c r="A2417" s="52" t="s">
        <v>78</v>
      </c>
      <c r="B2417" s="51" t="s">
        <v>79</v>
      </c>
      <c r="C2417" s="61">
        <v>355400041</v>
      </c>
      <c r="D2417" s="62">
        <v>10</v>
      </c>
      <c r="E2417" s="51">
        <v>202411</v>
      </c>
      <c r="F2417" s="51" t="s">
        <v>38</v>
      </c>
      <c r="G2417" s="51" t="s">
        <v>97</v>
      </c>
      <c r="H2417" s="51" t="s">
        <v>82</v>
      </c>
      <c r="I2417" s="50">
        <v>30</v>
      </c>
    </row>
    <row r="2418" spans="1:9" x14ac:dyDescent="0.35">
      <c r="A2418" s="52" t="s">
        <v>78</v>
      </c>
      <c r="B2418" s="51" t="s">
        <v>79</v>
      </c>
      <c r="C2418" s="61">
        <v>356205349</v>
      </c>
      <c r="D2418" s="62">
        <v>10</v>
      </c>
      <c r="E2418" s="51">
        <v>202411</v>
      </c>
      <c r="F2418" s="51" t="s">
        <v>38</v>
      </c>
      <c r="G2418" s="51" t="s">
        <v>97</v>
      </c>
      <c r="H2418" s="51" t="s">
        <v>82</v>
      </c>
      <c r="I2418" s="50">
        <v>30</v>
      </c>
    </row>
    <row r="2419" spans="1:9" x14ac:dyDescent="0.35">
      <c r="A2419" s="52" t="s">
        <v>78</v>
      </c>
      <c r="B2419" s="51" t="s">
        <v>79</v>
      </c>
      <c r="C2419" s="61">
        <v>356870490</v>
      </c>
      <c r="D2419" s="62">
        <v>10</v>
      </c>
      <c r="E2419" s="51">
        <v>202411</v>
      </c>
      <c r="F2419" s="51" t="s">
        <v>38</v>
      </c>
      <c r="G2419" s="51" t="s">
        <v>97</v>
      </c>
      <c r="H2419" s="51" t="s">
        <v>82</v>
      </c>
      <c r="I2419" s="50">
        <v>30</v>
      </c>
    </row>
    <row r="2420" spans="1:9" x14ac:dyDescent="0.35">
      <c r="A2420" s="52" t="s">
        <v>78</v>
      </c>
      <c r="B2420" s="51" t="s">
        <v>79</v>
      </c>
      <c r="C2420" s="61">
        <v>360405390</v>
      </c>
      <c r="D2420" s="62">
        <v>10</v>
      </c>
      <c r="E2420" s="51">
        <v>202411</v>
      </c>
      <c r="F2420" s="51" t="s">
        <v>38</v>
      </c>
      <c r="G2420" s="51" t="s">
        <v>97</v>
      </c>
      <c r="H2420" s="51" t="s">
        <v>82</v>
      </c>
      <c r="I2420" s="50">
        <v>4.7</v>
      </c>
    </row>
    <row r="2421" spans="1:9" x14ac:dyDescent="0.35">
      <c r="A2421" s="52" t="s">
        <v>78</v>
      </c>
      <c r="B2421" s="51" t="s">
        <v>79</v>
      </c>
      <c r="C2421" s="61">
        <v>360803615</v>
      </c>
      <c r="D2421" s="62">
        <v>10</v>
      </c>
      <c r="E2421" s="51">
        <v>202411</v>
      </c>
      <c r="F2421" s="51" t="s">
        <v>38</v>
      </c>
      <c r="G2421" s="51" t="s">
        <v>97</v>
      </c>
      <c r="H2421" s="51" t="s">
        <v>82</v>
      </c>
      <c r="I2421" s="50">
        <v>4.7</v>
      </c>
    </row>
    <row r="2422" spans="1:9" x14ac:dyDescent="0.35">
      <c r="A2422" s="52" t="s">
        <v>78</v>
      </c>
      <c r="B2422" s="51" t="s">
        <v>79</v>
      </c>
      <c r="C2422" s="61">
        <v>361503420</v>
      </c>
      <c r="D2422" s="62">
        <v>10</v>
      </c>
      <c r="E2422" s="51">
        <v>202411</v>
      </c>
      <c r="F2422" s="51" t="s">
        <v>38</v>
      </c>
      <c r="G2422" s="51" t="s">
        <v>97</v>
      </c>
      <c r="H2422" s="51" t="s">
        <v>82</v>
      </c>
      <c r="I2422" s="50">
        <v>95</v>
      </c>
    </row>
    <row r="2423" spans="1:9" x14ac:dyDescent="0.35">
      <c r="A2423" s="52" t="s">
        <v>78</v>
      </c>
      <c r="B2423" s="51" t="s">
        <v>79</v>
      </c>
      <c r="C2423" s="61">
        <v>361900742</v>
      </c>
      <c r="D2423" s="62">
        <v>10</v>
      </c>
      <c r="E2423" s="51">
        <v>202411</v>
      </c>
      <c r="F2423" s="51" t="s">
        <v>38</v>
      </c>
      <c r="G2423" s="51" t="s">
        <v>97</v>
      </c>
      <c r="H2423" s="51" t="s">
        <v>82</v>
      </c>
      <c r="I2423" s="50">
        <v>4.7</v>
      </c>
    </row>
    <row r="2424" spans="1:9" x14ac:dyDescent="0.35">
      <c r="A2424" s="52" t="s">
        <v>78</v>
      </c>
      <c r="B2424" s="51" t="s">
        <v>79</v>
      </c>
      <c r="C2424" s="61">
        <v>362605572</v>
      </c>
      <c r="D2424" s="62">
        <v>10</v>
      </c>
      <c r="E2424" s="51">
        <v>202411</v>
      </c>
      <c r="F2424" s="51" t="s">
        <v>38</v>
      </c>
      <c r="G2424" s="51" t="s">
        <v>97</v>
      </c>
      <c r="H2424" s="51" t="s">
        <v>82</v>
      </c>
      <c r="I2424" s="50">
        <v>4.7</v>
      </c>
    </row>
    <row r="2425" spans="1:9" x14ac:dyDescent="0.35">
      <c r="A2425" s="52" t="s">
        <v>78</v>
      </c>
      <c r="B2425" s="51" t="s">
        <v>79</v>
      </c>
      <c r="C2425" s="61">
        <v>362803679</v>
      </c>
      <c r="D2425" s="62">
        <v>10</v>
      </c>
      <c r="E2425" s="51">
        <v>202411</v>
      </c>
      <c r="F2425" s="51" t="s">
        <v>38</v>
      </c>
      <c r="G2425" s="51" t="s">
        <v>97</v>
      </c>
      <c r="H2425" s="51" t="s">
        <v>82</v>
      </c>
      <c r="I2425" s="50">
        <v>4.7</v>
      </c>
    </row>
    <row r="2426" spans="1:9" x14ac:dyDescent="0.35">
      <c r="A2426" s="52" t="s">
        <v>78</v>
      </c>
      <c r="B2426" s="51" t="s">
        <v>79</v>
      </c>
      <c r="C2426" s="61">
        <v>363404071</v>
      </c>
      <c r="D2426" s="62">
        <v>10</v>
      </c>
      <c r="E2426" s="51">
        <v>202411</v>
      </c>
      <c r="F2426" s="51" t="s">
        <v>38</v>
      </c>
      <c r="G2426" s="51" t="s">
        <v>97</v>
      </c>
      <c r="H2426" s="51" t="s">
        <v>82</v>
      </c>
      <c r="I2426" s="50">
        <v>4.7</v>
      </c>
    </row>
    <row r="2427" spans="1:9" x14ac:dyDescent="0.35">
      <c r="A2427" s="52" t="s">
        <v>78</v>
      </c>
      <c r="B2427" s="51" t="s">
        <v>79</v>
      </c>
      <c r="C2427" s="61">
        <v>365266871</v>
      </c>
      <c r="D2427" s="62">
        <v>10</v>
      </c>
      <c r="E2427" s="51">
        <v>202411</v>
      </c>
      <c r="F2427" s="51" t="s">
        <v>38</v>
      </c>
      <c r="G2427" s="51" t="s">
        <v>97</v>
      </c>
      <c r="H2427" s="51" t="s">
        <v>82</v>
      </c>
      <c r="I2427" s="50">
        <v>4.7</v>
      </c>
    </row>
    <row r="2428" spans="1:9" x14ac:dyDescent="0.35">
      <c r="A2428" s="52" t="s">
        <v>78</v>
      </c>
      <c r="B2428" s="51" t="s">
        <v>79</v>
      </c>
      <c r="C2428" s="61">
        <v>365300041</v>
      </c>
      <c r="D2428" s="62">
        <v>10</v>
      </c>
      <c r="E2428" s="51">
        <v>202411</v>
      </c>
      <c r="F2428" s="51" t="s">
        <v>38</v>
      </c>
      <c r="G2428" s="51" t="s">
        <v>97</v>
      </c>
      <c r="H2428" s="51" t="s">
        <v>82</v>
      </c>
      <c r="I2428" s="50">
        <v>4.7</v>
      </c>
    </row>
    <row r="2429" spans="1:9" x14ac:dyDescent="0.35">
      <c r="A2429" s="52" t="s">
        <v>78</v>
      </c>
      <c r="B2429" s="51" t="s">
        <v>79</v>
      </c>
      <c r="C2429" s="61">
        <v>368400076</v>
      </c>
      <c r="D2429" s="62">
        <v>10</v>
      </c>
      <c r="E2429" s="51">
        <v>202411</v>
      </c>
      <c r="F2429" s="51" t="s">
        <v>38</v>
      </c>
      <c r="G2429" s="51" t="s">
        <v>97</v>
      </c>
      <c r="H2429" s="51" t="s">
        <v>82</v>
      </c>
      <c r="I2429" s="50">
        <v>4.7</v>
      </c>
    </row>
    <row r="2430" spans="1:9" x14ac:dyDescent="0.35">
      <c r="A2430" s="52" t="s">
        <v>78</v>
      </c>
      <c r="B2430" s="51" t="s">
        <v>79</v>
      </c>
      <c r="C2430" s="61">
        <v>369903702</v>
      </c>
      <c r="D2430" s="62">
        <v>10</v>
      </c>
      <c r="E2430" s="51">
        <v>202411</v>
      </c>
      <c r="F2430" s="51" t="s">
        <v>38</v>
      </c>
      <c r="G2430" s="51" t="s">
        <v>97</v>
      </c>
      <c r="H2430" s="51" t="s">
        <v>82</v>
      </c>
      <c r="I2430" s="50">
        <v>4.7</v>
      </c>
    </row>
    <row r="2431" spans="1:9" x14ac:dyDescent="0.35">
      <c r="A2431" s="52" t="s">
        <v>78</v>
      </c>
      <c r="B2431" s="51" t="s">
        <v>79</v>
      </c>
      <c r="C2431" s="61">
        <v>370501291</v>
      </c>
      <c r="D2431" s="62">
        <v>10</v>
      </c>
      <c r="E2431" s="51">
        <v>202411</v>
      </c>
      <c r="F2431" s="51" t="s">
        <v>38</v>
      </c>
      <c r="G2431" s="51" t="s">
        <v>97</v>
      </c>
      <c r="H2431" s="51" t="s">
        <v>82</v>
      </c>
      <c r="I2431" s="50">
        <v>4.7</v>
      </c>
    </row>
    <row r="2432" spans="1:9" x14ac:dyDescent="0.35">
      <c r="A2432" s="52" t="s">
        <v>78</v>
      </c>
      <c r="B2432" s="51" t="s">
        <v>79</v>
      </c>
      <c r="C2432" s="61">
        <v>371302600</v>
      </c>
      <c r="D2432" s="62">
        <v>10</v>
      </c>
      <c r="E2432" s="51">
        <v>202411</v>
      </c>
      <c r="F2432" s="51" t="s">
        <v>38</v>
      </c>
      <c r="G2432" s="51" t="s">
        <v>97</v>
      </c>
      <c r="H2432" s="51" t="s">
        <v>82</v>
      </c>
      <c r="I2432" s="50">
        <v>4.7</v>
      </c>
    </row>
    <row r="2433" spans="1:9" x14ac:dyDescent="0.35">
      <c r="A2433" s="52" t="s">
        <v>78</v>
      </c>
      <c r="B2433" s="51" t="s">
        <v>79</v>
      </c>
      <c r="C2433" s="61">
        <v>372102680</v>
      </c>
      <c r="D2433" s="62">
        <v>10</v>
      </c>
      <c r="E2433" s="51">
        <v>202411</v>
      </c>
      <c r="F2433" s="51" t="s">
        <v>38</v>
      </c>
      <c r="G2433" s="51" t="s">
        <v>97</v>
      </c>
      <c r="H2433" s="51" t="s">
        <v>82</v>
      </c>
      <c r="I2433" s="50">
        <v>4.7</v>
      </c>
    </row>
    <row r="2434" spans="1:9" x14ac:dyDescent="0.35">
      <c r="A2434" s="52" t="s">
        <v>78</v>
      </c>
      <c r="B2434" s="51" t="s">
        <v>79</v>
      </c>
      <c r="C2434" s="61">
        <v>373600680</v>
      </c>
      <c r="D2434" s="62">
        <v>10</v>
      </c>
      <c r="E2434" s="51">
        <v>202411</v>
      </c>
      <c r="F2434" s="51" t="s">
        <v>38</v>
      </c>
      <c r="G2434" s="51" t="s">
        <v>97</v>
      </c>
      <c r="H2434" s="51" t="s">
        <v>82</v>
      </c>
      <c r="I2434" s="50">
        <v>4.7</v>
      </c>
    </row>
    <row r="2435" spans="1:9" x14ac:dyDescent="0.35">
      <c r="A2435" s="52" t="s">
        <v>78</v>
      </c>
      <c r="B2435" s="51" t="s">
        <v>79</v>
      </c>
      <c r="C2435" s="61">
        <v>375557171</v>
      </c>
      <c r="D2435" s="62">
        <v>10</v>
      </c>
      <c r="E2435" s="51">
        <v>202411</v>
      </c>
      <c r="F2435" s="51" t="s">
        <v>38</v>
      </c>
      <c r="G2435" s="51" t="s">
        <v>97</v>
      </c>
      <c r="H2435" s="51" t="s">
        <v>82</v>
      </c>
      <c r="I2435" s="50">
        <v>4.7</v>
      </c>
    </row>
    <row r="2436" spans="1:9" x14ac:dyDescent="0.35">
      <c r="A2436" s="52" t="s">
        <v>78</v>
      </c>
      <c r="B2436" s="51" t="s">
        <v>79</v>
      </c>
      <c r="C2436" s="61">
        <v>375721291</v>
      </c>
      <c r="D2436" s="62">
        <v>10</v>
      </c>
      <c r="E2436" s="51">
        <v>202411</v>
      </c>
      <c r="F2436" s="51" t="s">
        <v>38</v>
      </c>
      <c r="G2436" s="51" t="s">
        <v>97</v>
      </c>
      <c r="H2436" s="51" t="s">
        <v>82</v>
      </c>
      <c r="I2436" s="50">
        <v>4.7</v>
      </c>
    </row>
    <row r="2437" spans="1:9" x14ac:dyDescent="0.35">
      <c r="A2437" s="52" t="s">
        <v>78</v>
      </c>
      <c r="B2437" s="51" t="s">
        <v>79</v>
      </c>
      <c r="C2437" s="61">
        <v>378000036</v>
      </c>
      <c r="D2437" s="62">
        <v>10</v>
      </c>
      <c r="E2437" s="51">
        <v>202411</v>
      </c>
      <c r="F2437" s="51" t="s">
        <v>38</v>
      </c>
      <c r="G2437" s="51" t="s">
        <v>97</v>
      </c>
      <c r="H2437" s="51" t="s">
        <v>82</v>
      </c>
      <c r="I2437" s="50">
        <v>4.7</v>
      </c>
    </row>
    <row r="2438" spans="1:9" x14ac:dyDescent="0.35">
      <c r="A2438" s="52" t="s">
        <v>78</v>
      </c>
      <c r="B2438" s="51" t="s">
        <v>79</v>
      </c>
      <c r="C2438" s="61">
        <v>378500040</v>
      </c>
      <c r="D2438" s="62">
        <v>10</v>
      </c>
      <c r="E2438" s="51">
        <v>202411</v>
      </c>
      <c r="F2438" s="51" t="s">
        <v>38</v>
      </c>
      <c r="G2438" s="51" t="s">
        <v>97</v>
      </c>
      <c r="H2438" s="51" t="s">
        <v>82</v>
      </c>
      <c r="I2438" s="50">
        <v>4.7</v>
      </c>
    </row>
    <row r="2439" spans="1:9" x14ac:dyDescent="0.35">
      <c r="A2439" s="52" t="s">
        <v>78</v>
      </c>
      <c r="B2439" s="51" t="s">
        <v>79</v>
      </c>
      <c r="C2439" s="61">
        <v>379524876</v>
      </c>
      <c r="D2439" s="62">
        <v>10</v>
      </c>
      <c r="E2439" s="51">
        <v>202411</v>
      </c>
      <c r="F2439" s="51" t="s">
        <v>38</v>
      </c>
      <c r="G2439" s="51" t="s">
        <v>97</v>
      </c>
      <c r="H2439" s="51" t="s">
        <v>82</v>
      </c>
      <c r="I2439" s="50">
        <v>30</v>
      </c>
    </row>
    <row r="2440" spans="1:9" x14ac:dyDescent="0.35">
      <c r="A2440" s="52" t="s">
        <v>78</v>
      </c>
      <c r="B2440" s="51" t="s">
        <v>79</v>
      </c>
      <c r="C2440" s="61">
        <v>381306882</v>
      </c>
      <c r="D2440" s="62">
        <v>10</v>
      </c>
      <c r="E2440" s="51">
        <v>202411</v>
      </c>
      <c r="F2440" s="51" t="s">
        <v>38</v>
      </c>
      <c r="G2440" s="51" t="s">
        <v>97</v>
      </c>
      <c r="H2440" s="51" t="s">
        <v>82</v>
      </c>
      <c r="I2440" s="50">
        <v>4.7</v>
      </c>
    </row>
    <row r="2441" spans="1:9" x14ac:dyDescent="0.35">
      <c r="A2441" s="52" t="s">
        <v>78</v>
      </c>
      <c r="B2441" s="51" t="s">
        <v>79</v>
      </c>
      <c r="C2441" s="61">
        <v>381903333</v>
      </c>
      <c r="D2441" s="62">
        <v>10</v>
      </c>
      <c r="E2441" s="51">
        <v>202411</v>
      </c>
      <c r="F2441" s="51" t="s">
        <v>38</v>
      </c>
      <c r="G2441" s="51" t="s">
        <v>97</v>
      </c>
      <c r="H2441" s="51" t="s">
        <v>82</v>
      </c>
      <c r="I2441" s="50">
        <v>4.7</v>
      </c>
    </row>
    <row r="2442" spans="1:9" x14ac:dyDescent="0.35">
      <c r="A2442" s="52" t="s">
        <v>78</v>
      </c>
      <c r="B2442" s="51" t="s">
        <v>79</v>
      </c>
      <c r="C2442" s="61">
        <v>382645033</v>
      </c>
      <c r="D2442" s="62">
        <v>10</v>
      </c>
      <c r="E2442" s="51">
        <v>202411</v>
      </c>
      <c r="F2442" s="51" t="s">
        <v>38</v>
      </c>
      <c r="G2442" s="51" t="s">
        <v>97</v>
      </c>
      <c r="H2442" s="51" t="s">
        <v>82</v>
      </c>
      <c r="I2442" s="50">
        <v>95</v>
      </c>
    </row>
    <row r="2443" spans="1:9" x14ac:dyDescent="0.35">
      <c r="A2443" s="52" t="s">
        <v>78</v>
      </c>
      <c r="B2443" s="51" t="s">
        <v>79</v>
      </c>
      <c r="C2443" s="61">
        <v>385403469</v>
      </c>
      <c r="D2443" s="62">
        <v>10</v>
      </c>
      <c r="E2443" s="51">
        <v>202411</v>
      </c>
      <c r="F2443" s="51" t="s">
        <v>38</v>
      </c>
      <c r="G2443" s="51" t="s">
        <v>97</v>
      </c>
      <c r="H2443" s="51" t="s">
        <v>82</v>
      </c>
      <c r="I2443" s="50">
        <v>4.7</v>
      </c>
    </row>
    <row r="2444" spans="1:9" x14ac:dyDescent="0.35">
      <c r="A2444" s="52" t="s">
        <v>78</v>
      </c>
      <c r="B2444" s="51" t="s">
        <v>79</v>
      </c>
      <c r="C2444" s="61">
        <v>386505619</v>
      </c>
      <c r="D2444" s="62">
        <v>10</v>
      </c>
      <c r="E2444" s="51">
        <v>202411</v>
      </c>
      <c r="F2444" s="51" t="s">
        <v>38</v>
      </c>
      <c r="G2444" s="51" t="s">
        <v>97</v>
      </c>
      <c r="H2444" s="51" t="s">
        <v>82</v>
      </c>
      <c r="I2444" s="50">
        <v>4.7</v>
      </c>
    </row>
    <row r="2445" spans="1:9" x14ac:dyDescent="0.35">
      <c r="A2445" s="52" t="s">
        <v>78</v>
      </c>
      <c r="B2445" s="51" t="s">
        <v>79</v>
      </c>
      <c r="C2445" s="61">
        <v>390100621</v>
      </c>
      <c r="D2445" s="62">
        <v>10</v>
      </c>
      <c r="E2445" s="51">
        <v>202411</v>
      </c>
      <c r="F2445" s="51" t="s">
        <v>38</v>
      </c>
      <c r="G2445" s="51" t="s">
        <v>97</v>
      </c>
      <c r="H2445" s="51" t="s">
        <v>82</v>
      </c>
      <c r="I2445" s="50">
        <v>4.7</v>
      </c>
    </row>
    <row r="2446" spans="1:9" x14ac:dyDescent="0.35">
      <c r="A2446" s="52" t="s">
        <v>78</v>
      </c>
      <c r="B2446" s="51" t="s">
        <v>79</v>
      </c>
      <c r="C2446" s="61">
        <v>390501248</v>
      </c>
      <c r="D2446" s="62">
        <v>10</v>
      </c>
      <c r="E2446" s="51">
        <v>202411</v>
      </c>
      <c r="F2446" s="51" t="s">
        <v>38</v>
      </c>
      <c r="G2446" s="51" t="s">
        <v>97</v>
      </c>
      <c r="H2446" s="51" t="s">
        <v>82</v>
      </c>
      <c r="I2446" s="50">
        <v>4.7</v>
      </c>
    </row>
    <row r="2447" spans="1:9" x14ac:dyDescent="0.35">
      <c r="A2447" s="52" t="s">
        <v>78</v>
      </c>
      <c r="B2447" s="51" t="s">
        <v>79</v>
      </c>
      <c r="C2447" s="61">
        <v>390900875</v>
      </c>
      <c r="D2447" s="62">
        <v>10</v>
      </c>
      <c r="E2447" s="51">
        <v>202411</v>
      </c>
      <c r="F2447" s="51" t="s">
        <v>38</v>
      </c>
      <c r="G2447" s="51" t="s">
        <v>97</v>
      </c>
      <c r="H2447" s="51" t="s">
        <v>82</v>
      </c>
      <c r="I2447" s="50">
        <v>4.7</v>
      </c>
    </row>
    <row r="2448" spans="1:9" x14ac:dyDescent="0.35">
      <c r="A2448" s="52" t="s">
        <v>78</v>
      </c>
      <c r="B2448" s="51" t="s">
        <v>79</v>
      </c>
      <c r="C2448" s="61">
        <v>392501282</v>
      </c>
      <c r="D2448" s="62">
        <v>10</v>
      </c>
      <c r="E2448" s="51">
        <v>202411</v>
      </c>
      <c r="F2448" s="51" t="s">
        <v>38</v>
      </c>
      <c r="G2448" s="51" t="s">
        <v>97</v>
      </c>
      <c r="H2448" s="51" t="s">
        <v>82</v>
      </c>
      <c r="I2448" s="50">
        <v>4.7</v>
      </c>
    </row>
    <row r="2449" spans="1:9" x14ac:dyDescent="0.35">
      <c r="A2449" s="52" t="s">
        <v>78</v>
      </c>
      <c r="B2449" s="51" t="s">
        <v>79</v>
      </c>
      <c r="C2449" s="61">
        <v>393102698</v>
      </c>
      <c r="D2449" s="62">
        <v>10</v>
      </c>
      <c r="E2449" s="51">
        <v>202411</v>
      </c>
      <c r="F2449" s="51" t="s">
        <v>38</v>
      </c>
      <c r="G2449" s="51" t="s">
        <v>97</v>
      </c>
      <c r="H2449" s="51" t="s">
        <v>82</v>
      </c>
      <c r="I2449" s="50">
        <v>4.7</v>
      </c>
    </row>
    <row r="2450" spans="1:9" x14ac:dyDescent="0.35">
      <c r="A2450" s="52" t="s">
        <v>78</v>
      </c>
      <c r="B2450" s="51" t="s">
        <v>79</v>
      </c>
      <c r="C2450" s="61">
        <v>393600136</v>
      </c>
      <c r="D2450" s="62">
        <v>10</v>
      </c>
      <c r="E2450" s="51">
        <v>202411</v>
      </c>
      <c r="F2450" s="51" t="s">
        <v>38</v>
      </c>
      <c r="G2450" s="51" t="s">
        <v>97</v>
      </c>
      <c r="H2450" s="51" t="s">
        <v>82</v>
      </c>
      <c r="I2450" s="50">
        <v>4.7</v>
      </c>
    </row>
    <row r="2451" spans="1:9" x14ac:dyDescent="0.35">
      <c r="A2451" s="52" t="s">
        <v>78</v>
      </c>
      <c r="B2451" s="51" t="s">
        <v>79</v>
      </c>
      <c r="C2451" s="61">
        <v>395100612</v>
      </c>
      <c r="D2451" s="62">
        <v>10</v>
      </c>
      <c r="E2451" s="51">
        <v>202411</v>
      </c>
      <c r="F2451" s="51" t="s">
        <v>38</v>
      </c>
      <c r="G2451" s="51" t="s">
        <v>97</v>
      </c>
      <c r="H2451" s="51" t="s">
        <v>82</v>
      </c>
      <c r="I2451" s="50">
        <v>30</v>
      </c>
    </row>
    <row r="2452" spans="1:9" x14ac:dyDescent="0.35">
      <c r="A2452" s="52" t="s">
        <v>78</v>
      </c>
      <c r="B2452" s="51" t="s">
        <v>79</v>
      </c>
      <c r="C2452" s="61">
        <v>395460800</v>
      </c>
      <c r="D2452" s="62">
        <v>10</v>
      </c>
      <c r="E2452" s="51">
        <v>202411</v>
      </c>
      <c r="F2452" s="51" t="s">
        <v>38</v>
      </c>
      <c r="G2452" s="51" t="s">
        <v>97</v>
      </c>
      <c r="H2452" s="51" t="s">
        <v>82</v>
      </c>
      <c r="I2452" s="50">
        <v>4.7</v>
      </c>
    </row>
    <row r="2453" spans="1:9" x14ac:dyDescent="0.35">
      <c r="A2453" s="52" t="s">
        <v>78</v>
      </c>
      <c r="B2453" s="51" t="s">
        <v>79</v>
      </c>
      <c r="C2453" s="61">
        <v>396500387</v>
      </c>
      <c r="D2453" s="62">
        <v>10</v>
      </c>
      <c r="E2453" s="51">
        <v>202411</v>
      </c>
      <c r="F2453" s="51" t="s">
        <v>38</v>
      </c>
      <c r="G2453" s="51" t="s">
        <v>97</v>
      </c>
      <c r="H2453" s="51" t="s">
        <v>82</v>
      </c>
      <c r="I2453" s="50">
        <v>4.7</v>
      </c>
    </row>
    <row r="2454" spans="1:9" x14ac:dyDescent="0.35">
      <c r="A2454" s="52" t="s">
        <v>78</v>
      </c>
      <c r="B2454" s="51" t="s">
        <v>79</v>
      </c>
      <c r="C2454" s="61">
        <v>398210080</v>
      </c>
      <c r="D2454" s="62">
        <v>10</v>
      </c>
      <c r="E2454" s="51">
        <v>202411</v>
      </c>
      <c r="F2454" s="51" t="s">
        <v>38</v>
      </c>
      <c r="G2454" s="51" t="s">
        <v>97</v>
      </c>
      <c r="H2454" s="51" t="s">
        <v>82</v>
      </c>
      <c r="I2454" s="50">
        <v>4.7</v>
      </c>
    </row>
    <row r="2455" spans="1:9" x14ac:dyDescent="0.35">
      <c r="A2455" s="52" t="s">
        <v>78</v>
      </c>
      <c r="B2455" s="51" t="s">
        <v>79</v>
      </c>
      <c r="C2455" s="61">
        <v>398900570</v>
      </c>
      <c r="D2455" s="62">
        <v>10</v>
      </c>
      <c r="E2455" s="51">
        <v>202411</v>
      </c>
      <c r="F2455" s="51" t="s">
        <v>38</v>
      </c>
      <c r="G2455" s="51" t="s">
        <v>97</v>
      </c>
      <c r="H2455" s="51" t="s">
        <v>82</v>
      </c>
      <c r="I2455" s="50">
        <v>4.7</v>
      </c>
    </row>
    <row r="2456" spans="1:9" x14ac:dyDescent="0.35">
      <c r="A2456" s="52" t="s">
        <v>78</v>
      </c>
      <c r="B2456" s="51" t="s">
        <v>79</v>
      </c>
      <c r="C2456" s="61">
        <v>300390768</v>
      </c>
      <c r="D2456" s="62">
        <v>20</v>
      </c>
      <c r="E2456" s="51">
        <v>202411</v>
      </c>
      <c r="F2456" s="51" t="s">
        <v>38</v>
      </c>
      <c r="G2456" s="51" t="s">
        <v>97</v>
      </c>
      <c r="H2456" s="51" t="s">
        <v>82</v>
      </c>
      <c r="I2456" s="50">
        <v>4.7</v>
      </c>
    </row>
    <row r="2457" spans="1:9" x14ac:dyDescent="0.35">
      <c r="A2457" s="52" t="s">
        <v>78</v>
      </c>
      <c r="B2457" s="51" t="s">
        <v>79</v>
      </c>
      <c r="C2457" s="61">
        <v>301646909</v>
      </c>
      <c r="D2457" s="62">
        <v>20</v>
      </c>
      <c r="E2457" s="51">
        <v>202411</v>
      </c>
      <c r="F2457" s="51" t="s">
        <v>38</v>
      </c>
      <c r="G2457" s="51" t="s">
        <v>97</v>
      </c>
      <c r="H2457" s="51" t="s">
        <v>82</v>
      </c>
      <c r="I2457" s="50">
        <v>4.7</v>
      </c>
    </row>
    <row r="2458" spans="1:9" x14ac:dyDescent="0.35">
      <c r="A2458" s="52" t="s">
        <v>78</v>
      </c>
      <c r="B2458" s="51" t="s">
        <v>79</v>
      </c>
      <c r="C2458" s="61">
        <v>303720150</v>
      </c>
      <c r="D2458" s="62">
        <v>20</v>
      </c>
      <c r="E2458" s="51">
        <v>202411</v>
      </c>
      <c r="F2458" s="51" t="s">
        <v>38</v>
      </c>
      <c r="G2458" s="51" t="s">
        <v>97</v>
      </c>
      <c r="H2458" s="51" t="s">
        <v>82</v>
      </c>
      <c r="I2458" s="50">
        <v>4.7</v>
      </c>
    </row>
    <row r="2459" spans="1:9" x14ac:dyDescent="0.35">
      <c r="A2459" s="52" t="s">
        <v>78</v>
      </c>
      <c r="B2459" s="51" t="s">
        <v>79</v>
      </c>
      <c r="C2459" s="61">
        <v>303750101</v>
      </c>
      <c r="D2459" s="62">
        <v>20</v>
      </c>
      <c r="E2459" s="51">
        <v>202411</v>
      </c>
      <c r="F2459" s="51" t="s">
        <v>38</v>
      </c>
      <c r="G2459" s="51" t="s">
        <v>97</v>
      </c>
      <c r="H2459" s="51" t="s">
        <v>82</v>
      </c>
      <c r="I2459" s="50">
        <v>4.7</v>
      </c>
    </row>
    <row r="2460" spans="1:9" x14ac:dyDescent="0.35">
      <c r="A2460" s="52" t="s">
        <v>78</v>
      </c>
      <c r="B2460" s="51" t="s">
        <v>79</v>
      </c>
      <c r="C2460" s="61">
        <v>304537096</v>
      </c>
      <c r="D2460" s="62">
        <v>20</v>
      </c>
      <c r="E2460" s="51">
        <v>202411</v>
      </c>
      <c r="F2460" s="51" t="s">
        <v>38</v>
      </c>
      <c r="G2460" s="51" t="s">
        <v>97</v>
      </c>
      <c r="H2460" s="51" t="s">
        <v>82</v>
      </c>
      <c r="I2460" s="50">
        <v>4.7</v>
      </c>
    </row>
    <row r="2461" spans="1:9" x14ac:dyDescent="0.35">
      <c r="A2461" s="52" t="s">
        <v>78</v>
      </c>
      <c r="B2461" s="51" t="s">
        <v>79</v>
      </c>
      <c r="C2461" s="61">
        <v>304874879</v>
      </c>
      <c r="D2461" s="62">
        <v>20</v>
      </c>
      <c r="E2461" s="51">
        <v>202411</v>
      </c>
      <c r="F2461" s="51" t="s">
        <v>38</v>
      </c>
      <c r="G2461" s="51" t="s">
        <v>97</v>
      </c>
      <c r="H2461" s="51" t="s">
        <v>82</v>
      </c>
      <c r="I2461" s="50">
        <v>4.7</v>
      </c>
    </row>
    <row r="2462" spans="1:9" x14ac:dyDescent="0.35">
      <c r="A2462" s="52" t="s">
        <v>78</v>
      </c>
      <c r="B2462" s="51" t="s">
        <v>79</v>
      </c>
      <c r="C2462" s="61">
        <v>305823569</v>
      </c>
      <c r="D2462" s="62">
        <v>20</v>
      </c>
      <c r="E2462" s="51">
        <v>202411</v>
      </c>
      <c r="F2462" s="51" t="s">
        <v>38</v>
      </c>
      <c r="G2462" s="51" t="s">
        <v>97</v>
      </c>
      <c r="H2462" s="51" t="s">
        <v>82</v>
      </c>
      <c r="I2462" s="50">
        <v>4.7</v>
      </c>
    </row>
    <row r="2463" spans="1:9" x14ac:dyDescent="0.35">
      <c r="A2463" s="52" t="s">
        <v>78</v>
      </c>
      <c r="B2463" s="51" t="s">
        <v>79</v>
      </c>
      <c r="C2463" s="61">
        <v>306347442</v>
      </c>
      <c r="D2463" s="62">
        <v>20</v>
      </c>
      <c r="E2463" s="51">
        <v>202411</v>
      </c>
      <c r="F2463" s="51" t="s">
        <v>38</v>
      </c>
      <c r="G2463" s="51" t="s">
        <v>97</v>
      </c>
      <c r="H2463" s="51" t="s">
        <v>82</v>
      </c>
      <c r="I2463" s="50">
        <v>4.7</v>
      </c>
    </row>
    <row r="2464" spans="1:9" x14ac:dyDescent="0.35">
      <c r="A2464" s="52" t="s">
        <v>78</v>
      </c>
      <c r="B2464" s="51" t="s">
        <v>79</v>
      </c>
      <c r="C2464" s="61">
        <v>307000359</v>
      </c>
      <c r="D2464" s="62">
        <v>20</v>
      </c>
      <c r="E2464" s="51">
        <v>202411</v>
      </c>
      <c r="F2464" s="51" t="s">
        <v>38</v>
      </c>
      <c r="G2464" s="51" t="s">
        <v>97</v>
      </c>
      <c r="H2464" s="51" t="s">
        <v>82</v>
      </c>
      <c r="I2464" s="50">
        <v>4.7</v>
      </c>
    </row>
    <row r="2465" spans="1:9" x14ac:dyDescent="0.35">
      <c r="A2465" s="52" t="s">
        <v>78</v>
      </c>
      <c r="B2465" s="51" t="s">
        <v>79</v>
      </c>
      <c r="C2465" s="61">
        <v>307402048</v>
      </c>
      <c r="D2465" s="62">
        <v>20</v>
      </c>
      <c r="E2465" s="51">
        <v>202411</v>
      </c>
      <c r="F2465" s="51" t="s">
        <v>38</v>
      </c>
      <c r="G2465" s="51" t="s">
        <v>97</v>
      </c>
      <c r="H2465" s="51" t="s">
        <v>82</v>
      </c>
      <c r="I2465" s="50">
        <v>4.7</v>
      </c>
    </row>
    <row r="2466" spans="1:9" x14ac:dyDescent="0.35">
      <c r="A2466" s="52" t="s">
        <v>78</v>
      </c>
      <c r="B2466" s="51" t="s">
        <v>79</v>
      </c>
      <c r="C2466" s="61">
        <v>308104086</v>
      </c>
      <c r="D2466" s="62">
        <v>20</v>
      </c>
      <c r="E2466" s="51">
        <v>202411</v>
      </c>
      <c r="F2466" s="51" t="s">
        <v>38</v>
      </c>
      <c r="G2466" s="51" t="s">
        <v>97</v>
      </c>
      <c r="H2466" s="51" t="s">
        <v>82</v>
      </c>
      <c r="I2466" s="50">
        <v>4.7</v>
      </c>
    </row>
    <row r="2467" spans="1:9" x14ac:dyDescent="0.35">
      <c r="A2467" s="52" t="s">
        <v>78</v>
      </c>
      <c r="B2467" s="51" t="s">
        <v>79</v>
      </c>
      <c r="C2467" s="61">
        <v>311714435</v>
      </c>
      <c r="D2467" s="62">
        <v>20</v>
      </c>
      <c r="E2467" s="51">
        <v>202411</v>
      </c>
      <c r="F2467" s="51" t="s">
        <v>38</v>
      </c>
      <c r="G2467" s="51" t="s">
        <v>97</v>
      </c>
      <c r="H2467" s="51" t="s">
        <v>82</v>
      </c>
      <c r="I2467" s="50">
        <v>4.7</v>
      </c>
    </row>
    <row r="2468" spans="1:9" x14ac:dyDescent="0.35">
      <c r="A2468" s="52" t="s">
        <v>78</v>
      </c>
      <c r="B2468" s="51" t="s">
        <v>79</v>
      </c>
      <c r="C2468" s="61">
        <v>314323283</v>
      </c>
      <c r="D2468" s="62">
        <v>20</v>
      </c>
      <c r="E2468" s="51">
        <v>202411</v>
      </c>
      <c r="F2468" s="51" t="s">
        <v>38</v>
      </c>
      <c r="G2468" s="51" t="s">
        <v>97</v>
      </c>
      <c r="H2468" s="51" t="s">
        <v>82</v>
      </c>
      <c r="I2468" s="50">
        <v>4.7</v>
      </c>
    </row>
    <row r="2469" spans="1:9" x14ac:dyDescent="0.35">
      <c r="A2469" s="52" t="s">
        <v>78</v>
      </c>
      <c r="B2469" s="51" t="s">
        <v>79</v>
      </c>
      <c r="C2469" s="61">
        <v>314623125</v>
      </c>
      <c r="D2469" s="62">
        <v>20</v>
      </c>
      <c r="E2469" s="51">
        <v>202411</v>
      </c>
      <c r="F2469" s="51" t="s">
        <v>38</v>
      </c>
      <c r="G2469" s="51" t="s">
        <v>97</v>
      </c>
      <c r="H2469" s="51" t="s">
        <v>82</v>
      </c>
      <c r="I2469" s="50">
        <v>4.7</v>
      </c>
    </row>
    <row r="2470" spans="1:9" x14ac:dyDescent="0.35">
      <c r="A2470" s="52" t="s">
        <v>78</v>
      </c>
      <c r="B2470" s="51" t="s">
        <v>79</v>
      </c>
      <c r="C2470" s="61">
        <v>315551320</v>
      </c>
      <c r="D2470" s="62">
        <v>20</v>
      </c>
      <c r="E2470" s="51">
        <v>202411</v>
      </c>
      <c r="F2470" s="51" t="s">
        <v>38</v>
      </c>
      <c r="G2470" s="51" t="s">
        <v>97</v>
      </c>
      <c r="H2470" s="51" t="s">
        <v>82</v>
      </c>
      <c r="I2470" s="50">
        <v>4.7</v>
      </c>
    </row>
    <row r="2471" spans="1:9" x14ac:dyDescent="0.35">
      <c r="A2471" s="52" t="s">
        <v>78</v>
      </c>
      <c r="B2471" s="51" t="s">
        <v>79</v>
      </c>
      <c r="C2471" s="61">
        <v>316000934</v>
      </c>
      <c r="D2471" s="62">
        <v>20</v>
      </c>
      <c r="E2471" s="51">
        <v>202411</v>
      </c>
      <c r="F2471" s="51" t="s">
        <v>38</v>
      </c>
      <c r="G2471" s="51" t="s">
        <v>97</v>
      </c>
      <c r="H2471" s="51" t="s">
        <v>82</v>
      </c>
      <c r="I2471" s="50">
        <v>4.7</v>
      </c>
    </row>
    <row r="2472" spans="1:9" x14ac:dyDescent="0.35">
      <c r="A2472" s="52" t="s">
        <v>78</v>
      </c>
      <c r="B2472" s="51" t="s">
        <v>79</v>
      </c>
      <c r="C2472" s="61">
        <v>318303050</v>
      </c>
      <c r="D2472" s="62">
        <v>20</v>
      </c>
      <c r="E2472" s="51">
        <v>202411</v>
      </c>
      <c r="F2472" s="51" t="s">
        <v>38</v>
      </c>
      <c r="G2472" s="51" t="s">
        <v>97</v>
      </c>
      <c r="H2472" s="51" t="s">
        <v>82</v>
      </c>
      <c r="I2472" s="50">
        <v>4.7</v>
      </c>
    </row>
    <row r="2473" spans="1:9" x14ac:dyDescent="0.35">
      <c r="A2473" s="52" t="s">
        <v>78</v>
      </c>
      <c r="B2473" s="51" t="s">
        <v>79</v>
      </c>
      <c r="C2473" s="61">
        <v>320706552</v>
      </c>
      <c r="D2473" s="62">
        <v>20</v>
      </c>
      <c r="E2473" s="51">
        <v>202411</v>
      </c>
      <c r="F2473" s="51" t="s">
        <v>38</v>
      </c>
      <c r="G2473" s="51" t="s">
        <v>97</v>
      </c>
      <c r="H2473" s="51" t="s">
        <v>82</v>
      </c>
      <c r="I2473" s="50">
        <v>4.7</v>
      </c>
    </row>
    <row r="2474" spans="1:9" x14ac:dyDescent="0.35">
      <c r="A2474" s="52" t="s">
        <v>78</v>
      </c>
      <c r="B2474" s="51" t="s">
        <v>79</v>
      </c>
      <c r="C2474" s="61">
        <v>320832140</v>
      </c>
      <c r="D2474" s="62">
        <v>20</v>
      </c>
      <c r="E2474" s="51">
        <v>202411</v>
      </c>
      <c r="F2474" s="51" t="s">
        <v>38</v>
      </c>
      <c r="G2474" s="51" t="s">
        <v>97</v>
      </c>
      <c r="H2474" s="51" t="s">
        <v>82</v>
      </c>
      <c r="I2474" s="50">
        <v>4.7</v>
      </c>
    </row>
    <row r="2475" spans="1:9" x14ac:dyDescent="0.35">
      <c r="A2475" s="52" t="s">
        <v>78</v>
      </c>
      <c r="B2475" s="51" t="s">
        <v>79</v>
      </c>
      <c r="C2475" s="61">
        <v>321973312</v>
      </c>
      <c r="D2475" s="62">
        <v>20</v>
      </c>
      <c r="E2475" s="51">
        <v>202411</v>
      </c>
      <c r="F2475" s="51" t="s">
        <v>38</v>
      </c>
      <c r="G2475" s="51" t="s">
        <v>97</v>
      </c>
      <c r="H2475" s="51" t="s">
        <v>82</v>
      </c>
      <c r="I2475" s="50">
        <v>4.7</v>
      </c>
    </row>
    <row r="2476" spans="1:9" x14ac:dyDescent="0.35">
      <c r="A2476" s="52" t="s">
        <v>78</v>
      </c>
      <c r="B2476" s="51" t="s">
        <v>79</v>
      </c>
      <c r="C2476" s="61">
        <v>326301916</v>
      </c>
      <c r="D2476" s="62">
        <v>20</v>
      </c>
      <c r="E2476" s="51">
        <v>202411</v>
      </c>
      <c r="F2476" s="51" t="s">
        <v>38</v>
      </c>
      <c r="G2476" s="51" t="s">
        <v>97</v>
      </c>
      <c r="H2476" s="51" t="s">
        <v>82</v>
      </c>
      <c r="I2476" s="50">
        <v>30</v>
      </c>
    </row>
    <row r="2477" spans="1:9" x14ac:dyDescent="0.35">
      <c r="A2477" s="52" t="s">
        <v>78</v>
      </c>
      <c r="B2477" s="51" t="s">
        <v>79</v>
      </c>
      <c r="C2477" s="61">
        <v>326503954</v>
      </c>
      <c r="D2477" s="62">
        <v>20</v>
      </c>
      <c r="E2477" s="51">
        <v>202411</v>
      </c>
      <c r="F2477" s="51" t="s">
        <v>38</v>
      </c>
      <c r="G2477" s="51" t="s">
        <v>97</v>
      </c>
      <c r="H2477" s="51" t="s">
        <v>82</v>
      </c>
      <c r="I2477" s="50">
        <v>4.7</v>
      </c>
    </row>
    <row r="2478" spans="1:9" x14ac:dyDescent="0.35">
      <c r="A2478" s="52" t="s">
        <v>78</v>
      </c>
      <c r="B2478" s="51" t="s">
        <v>79</v>
      </c>
      <c r="C2478" s="61">
        <v>327503973</v>
      </c>
      <c r="D2478" s="62">
        <v>20</v>
      </c>
      <c r="E2478" s="51">
        <v>202411</v>
      </c>
      <c r="F2478" s="51" t="s">
        <v>38</v>
      </c>
      <c r="G2478" s="51" t="s">
        <v>97</v>
      </c>
      <c r="H2478" s="51" t="s">
        <v>82</v>
      </c>
      <c r="I2478" s="50">
        <v>4.7</v>
      </c>
    </row>
    <row r="2479" spans="1:9" x14ac:dyDescent="0.35">
      <c r="A2479" s="52" t="s">
        <v>78</v>
      </c>
      <c r="B2479" s="51" t="s">
        <v>79</v>
      </c>
      <c r="C2479" s="61">
        <v>327803841</v>
      </c>
      <c r="D2479" s="62">
        <v>20</v>
      </c>
      <c r="E2479" s="51">
        <v>202411</v>
      </c>
      <c r="F2479" s="51" t="s">
        <v>38</v>
      </c>
      <c r="G2479" s="51" t="s">
        <v>97</v>
      </c>
      <c r="H2479" s="51" t="s">
        <v>82</v>
      </c>
      <c r="I2479" s="50">
        <v>4.7</v>
      </c>
    </row>
    <row r="2480" spans="1:9" x14ac:dyDescent="0.35">
      <c r="A2480" s="52" t="s">
        <v>78</v>
      </c>
      <c r="B2480" s="51" t="s">
        <v>79</v>
      </c>
      <c r="C2480" s="61">
        <v>328006060</v>
      </c>
      <c r="D2480" s="62">
        <v>20</v>
      </c>
      <c r="E2480" s="51">
        <v>202411</v>
      </c>
      <c r="F2480" s="51" t="s">
        <v>38</v>
      </c>
      <c r="G2480" s="51" t="s">
        <v>97</v>
      </c>
      <c r="H2480" s="51" t="s">
        <v>82</v>
      </c>
      <c r="I2480" s="50">
        <v>30</v>
      </c>
    </row>
    <row r="2481" spans="1:9" x14ac:dyDescent="0.35">
      <c r="A2481" s="52" t="s">
        <v>78</v>
      </c>
      <c r="B2481" s="51" t="s">
        <v>79</v>
      </c>
      <c r="C2481" s="61">
        <v>330304477</v>
      </c>
      <c r="D2481" s="62">
        <v>20</v>
      </c>
      <c r="E2481" s="51">
        <v>202411</v>
      </c>
      <c r="F2481" s="51" t="s">
        <v>38</v>
      </c>
      <c r="G2481" s="51" t="s">
        <v>97</v>
      </c>
      <c r="H2481" s="51" t="s">
        <v>82</v>
      </c>
      <c r="I2481" s="50">
        <v>95</v>
      </c>
    </row>
    <row r="2482" spans="1:9" x14ac:dyDescent="0.35">
      <c r="A2482" s="52" t="s">
        <v>78</v>
      </c>
      <c r="B2482" s="51" t="s">
        <v>79</v>
      </c>
      <c r="C2482" s="61">
        <v>331760014</v>
      </c>
      <c r="D2482" s="62">
        <v>20</v>
      </c>
      <c r="E2482" s="51">
        <v>202411</v>
      </c>
      <c r="F2482" s="51" t="s">
        <v>38</v>
      </c>
      <c r="G2482" s="51" t="s">
        <v>97</v>
      </c>
      <c r="H2482" s="51" t="s">
        <v>82</v>
      </c>
      <c r="I2482" s="50">
        <v>4.7</v>
      </c>
    </row>
    <row r="2483" spans="1:9" x14ac:dyDescent="0.35">
      <c r="A2483" s="52" t="s">
        <v>78</v>
      </c>
      <c r="B2483" s="51" t="s">
        <v>79</v>
      </c>
      <c r="C2483" s="61">
        <v>332281960</v>
      </c>
      <c r="D2483" s="62">
        <v>20</v>
      </c>
      <c r="E2483" s="51">
        <v>202411</v>
      </c>
      <c r="F2483" s="51" t="s">
        <v>38</v>
      </c>
      <c r="G2483" s="51" t="s">
        <v>97</v>
      </c>
      <c r="H2483" s="51" t="s">
        <v>82</v>
      </c>
      <c r="I2483" s="50">
        <v>4.7</v>
      </c>
    </row>
    <row r="2484" spans="1:9" x14ac:dyDescent="0.35">
      <c r="A2484" s="52" t="s">
        <v>78</v>
      </c>
      <c r="B2484" s="51" t="s">
        <v>79</v>
      </c>
      <c r="C2484" s="61">
        <v>333068692</v>
      </c>
      <c r="D2484" s="62">
        <v>20</v>
      </c>
      <c r="E2484" s="51">
        <v>202411</v>
      </c>
      <c r="F2484" s="51" t="s">
        <v>38</v>
      </c>
      <c r="G2484" s="51" t="s">
        <v>97</v>
      </c>
      <c r="H2484" s="51" t="s">
        <v>82</v>
      </c>
      <c r="I2484" s="50">
        <v>4.7</v>
      </c>
    </row>
    <row r="2485" spans="1:9" x14ac:dyDescent="0.35">
      <c r="A2485" s="52" t="s">
        <v>78</v>
      </c>
      <c r="B2485" s="51" t="s">
        <v>79</v>
      </c>
      <c r="C2485" s="61">
        <v>333100714</v>
      </c>
      <c r="D2485" s="62">
        <v>20</v>
      </c>
      <c r="E2485" s="51">
        <v>202411</v>
      </c>
      <c r="F2485" s="51" t="s">
        <v>38</v>
      </c>
      <c r="G2485" s="51" t="s">
        <v>97</v>
      </c>
      <c r="H2485" s="51" t="s">
        <v>82</v>
      </c>
      <c r="I2485" s="50">
        <v>4.7</v>
      </c>
    </row>
    <row r="2486" spans="1:9" x14ac:dyDescent="0.35">
      <c r="A2486" s="52" t="s">
        <v>78</v>
      </c>
      <c r="B2486" s="51" t="s">
        <v>79</v>
      </c>
      <c r="C2486" s="61">
        <v>338320419</v>
      </c>
      <c r="D2486" s="62">
        <v>20</v>
      </c>
      <c r="E2486" s="51">
        <v>202411</v>
      </c>
      <c r="F2486" s="51" t="s">
        <v>38</v>
      </c>
      <c r="G2486" s="51" t="s">
        <v>97</v>
      </c>
      <c r="H2486" s="51" t="s">
        <v>82</v>
      </c>
      <c r="I2486" s="50">
        <v>4.7</v>
      </c>
    </row>
    <row r="2487" spans="1:9" x14ac:dyDescent="0.35">
      <c r="A2487" s="52" t="s">
        <v>78</v>
      </c>
      <c r="B2487" s="51" t="s">
        <v>79</v>
      </c>
      <c r="C2487" s="61">
        <v>339605574</v>
      </c>
      <c r="D2487" s="62">
        <v>20</v>
      </c>
      <c r="E2487" s="51">
        <v>202411</v>
      </c>
      <c r="F2487" s="51" t="s">
        <v>38</v>
      </c>
      <c r="G2487" s="51" t="s">
        <v>97</v>
      </c>
      <c r="H2487" s="51" t="s">
        <v>82</v>
      </c>
      <c r="I2487" s="50">
        <v>4.7</v>
      </c>
    </row>
    <row r="2488" spans="1:9" x14ac:dyDescent="0.35">
      <c r="A2488" s="52" t="s">
        <v>78</v>
      </c>
      <c r="B2488" s="51" t="s">
        <v>79</v>
      </c>
      <c r="C2488" s="61">
        <v>339849731</v>
      </c>
      <c r="D2488" s="62">
        <v>20</v>
      </c>
      <c r="E2488" s="51">
        <v>202411</v>
      </c>
      <c r="F2488" s="51" t="s">
        <v>38</v>
      </c>
      <c r="G2488" s="51" t="s">
        <v>97</v>
      </c>
      <c r="H2488" s="51" t="s">
        <v>82</v>
      </c>
      <c r="I2488" s="50">
        <v>4.7</v>
      </c>
    </row>
    <row r="2489" spans="1:9" x14ac:dyDescent="0.35">
      <c r="A2489" s="52" t="s">
        <v>78</v>
      </c>
      <c r="B2489" s="51" t="s">
        <v>79</v>
      </c>
      <c r="C2489" s="61">
        <v>340511623</v>
      </c>
      <c r="D2489" s="62">
        <v>20</v>
      </c>
      <c r="E2489" s="51">
        <v>202411</v>
      </c>
      <c r="F2489" s="51" t="s">
        <v>38</v>
      </c>
      <c r="G2489" s="51" t="s">
        <v>97</v>
      </c>
      <c r="H2489" s="51" t="s">
        <v>82</v>
      </c>
      <c r="I2489" s="50">
        <v>4.7</v>
      </c>
    </row>
    <row r="2490" spans="1:9" x14ac:dyDescent="0.35">
      <c r="A2490" s="52" t="s">
        <v>78</v>
      </c>
      <c r="B2490" s="51" t="s">
        <v>79</v>
      </c>
      <c r="C2490" s="61">
        <v>340733140</v>
      </c>
      <c r="D2490" s="62">
        <v>20</v>
      </c>
      <c r="E2490" s="51">
        <v>202411</v>
      </c>
      <c r="F2490" s="51" t="s">
        <v>38</v>
      </c>
      <c r="G2490" s="51" t="s">
        <v>97</v>
      </c>
      <c r="H2490" s="51" t="s">
        <v>82</v>
      </c>
      <c r="I2490" s="50">
        <v>4.7</v>
      </c>
    </row>
    <row r="2491" spans="1:9" x14ac:dyDescent="0.35">
      <c r="A2491" s="52" t="s">
        <v>78</v>
      </c>
      <c r="B2491" s="51" t="s">
        <v>79</v>
      </c>
      <c r="C2491" s="61">
        <v>341003114</v>
      </c>
      <c r="D2491" s="62">
        <v>20</v>
      </c>
      <c r="E2491" s="51">
        <v>202411</v>
      </c>
      <c r="F2491" s="51" t="s">
        <v>38</v>
      </c>
      <c r="G2491" s="51" t="s">
        <v>97</v>
      </c>
      <c r="H2491" s="51" t="s">
        <v>82</v>
      </c>
      <c r="I2491" s="50">
        <v>4.7</v>
      </c>
    </row>
    <row r="2492" spans="1:9" x14ac:dyDescent="0.35">
      <c r="A2492" s="52" t="s">
        <v>78</v>
      </c>
      <c r="B2492" s="51" t="s">
        <v>79</v>
      </c>
      <c r="C2492" s="61">
        <v>342303852</v>
      </c>
      <c r="D2492" s="62">
        <v>20</v>
      </c>
      <c r="E2492" s="51">
        <v>202411</v>
      </c>
      <c r="F2492" s="51" t="s">
        <v>38</v>
      </c>
      <c r="G2492" s="51" t="s">
        <v>97</v>
      </c>
      <c r="H2492" s="51" t="s">
        <v>82</v>
      </c>
      <c r="I2492" s="50">
        <v>4.7</v>
      </c>
    </row>
    <row r="2493" spans="1:9" x14ac:dyDescent="0.35">
      <c r="A2493" s="52" t="s">
        <v>78</v>
      </c>
      <c r="B2493" s="51" t="s">
        <v>79</v>
      </c>
      <c r="C2493" s="61">
        <v>347104688</v>
      </c>
      <c r="D2493" s="62">
        <v>20</v>
      </c>
      <c r="E2493" s="51">
        <v>202411</v>
      </c>
      <c r="F2493" s="51" t="s">
        <v>38</v>
      </c>
      <c r="G2493" s="51" t="s">
        <v>97</v>
      </c>
      <c r="H2493" s="51" t="s">
        <v>82</v>
      </c>
      <c r="I2493" s="50">
        <v>4.7</v>
      </c>
    </row>
    <row r="2494" spans="1:9" x14ac:dyDescent="0.35">
      <c r="A2494" s="52" t="s">
        <v>78</v>
      </c>
      <c r="B2494" s="51" t="s">
        <v>79</v>
      </c>
      <c r="C2494" s="61">
        <v>347282536</v>
      </c>
      <c r="D2494" s="62">
        <v>20</v>
      </c>
      <c r="E2494" s="51">
        <v>202411</v>
      </c>
      <c r="F2494" s="51" t="s">
        <v>38</v>
      </c>
      <c r="G2494" s="51" t="s">
        <v>97</v>
      </c>
      <c r="H2494" s="51" t="s">
        <v>82</v>
      </c>
      <c r="I2494" s="50">
        <v>4.7</v>
      </c>
    </row>
    <row r="2495" spans="1:9" x14ac:dyDescent="0.35">
      <c r="A2495" s="52" t="s">
        <v>78</v>
      </c>
      <c r="B2495" s="51" t="s">
        <v>79</v>
      </c>
      <c r="C2495" s="61">
        <v>347501633</v>
      </c>
      <c r="D2495" s="62">
        <v>20</v>
      </c>
      <c r="E2495" s="51">
        <v>202411</v>
      </c>
      <c r="F2495" s="51" t="s">
        <v>38</v>
      </c>
      <c r="G2495" s="51" t="s">
        <v>97</v>
      </c>
      <c r="H2495" s="51" t="s">
        <v>82</v>
      </c>
      <c r="I2495" s="50">
        <v>4.7</v>
      </c>
    </row>
    <row r="2496" spans="1:9" x14ac:dyDescent="0.35">
      <c r="A2496" s="52" t="s">
        <v>78</v>
      </c>
      <c r="B2496" s="51" t="s">
        <v>79</v>
      </c>
      <c r="C2496" s="61">
        <v>348702660</v>
      </c>
      <c r="D2496" s="62">
        <v>20</v>
      </c>
      <c r="E2496" s="51">
        <v>202411</v>
      </c>
      <c r="F2496" s="51" t="s">
        <v>38</v>
      </c>
      <c r="G2496" s="51" t="s">
        <v>97</v>
      </c>
      <c r="H2496" s="51" t="s">
        <v>82</v>
      </c>
      <c r="I2496" s="50">
        <v>4.7</v>
      </c>
    </row>
    <row r="2497" spans="1:9" x14ac:dyDescent="0.35">
      <c r="A2497" s="52" t="s">
        <v>78</v>
      </c>
      <c r="B2497" s="51" t="s">
        <v>79</v>
      </c>
      <c r="C2497" s="61">
        <v>350001693</v>
      </c>
      <c r="D2497" s="62">
        <v>20</v>
      </c>
      <c r="E2497" s="51">
        <v>202411</v>
      </c>
      <c r="F2497" s="51" t="s">
        <v>38</v>
      </c>
      <c r="G2497" s="51" t="s">
        <v>97</v>
      </c>
      <c r="H2497" s="51" t="s">
        <v>82</v>
      </c>
      <c r="I2497" s="50">
        <v>4.7</v>
      </c>
    </row>
    <row r="2498" spans="1:9" x14ac:dyDescent="0.35">
      <c r="A2498" s="52" t="s">
        <v>78</v>
      </c>
      <c r="B2498" s="51" t="s">
        <v>79</v>
      </c>
      <c r="C2498" s="61">
        <v>350060390</v>
      </c>
      <c r="D2498" s="62">
        <v>20</v>
      </c>
      <c r="E2498" s="51">
        <v>202411</v>
      </c>
      <c r="F2498" s="51" t="s">
        <v>38</v>
      </c>
      <c r="G2498" s="51" t="s">
        <v>97</v>
      </c>
      <c r="H2498" s="51" t="s">
        <v>82</v>
      </c>
      <c r="I2498" s="50">
        <v>30</v>
      </c>
    </row>
    <row r="2499" spans="1:9" x14ac:dyDescent="0.35">
      <c r="A2499" s="52" t="s">
        <v>78</v>
      </c>
      <c r="B2499" s="51" t="s">
        <v>79</v>
      </c>
      <c r="C2499" s="61">
        <v>350068866</v>
      </c>
      <c r="D2499" s="62">
        <v>20</v>
      </c>
      <c r="E2499" s="51">
        <v>202411</v>
      </c>
      <c r="F2499" s="51" t="s">
        <v>38</v>
      </c>
      <c r="G2499" s="51" t="s">
        <v>97</v>
      </c>
      <c r="H2499" s="51" t="s">
        <v>82</v>
      </c>
      <c r="I2499" s="50">
        <v>4.7</v>
      </c>
    </row>
    <row r="2500" spans="1:9" x14ac:dyDescent="0.35">
      <c r="A2500" s="52" t="s">
        <v>78</v>
      </c>
      <c r="B2500" s="51" t="s">
        <v>79</v>
      </c>
      <c r="C2500" s="61">
        <v>351077299</v>
      </c>
      <c r="D2500" s="62">
        <v>20</v>
      </c>
      <c r="E2500" s="51">
        <v>202411</v>
      </c>
      <c r="F2500" s="51" t="s">
        <v>38</v>
      </c>
      <c r="G2500" s="51" t="s">
        <v>97</v>
      </c>
      <c r="H2500" s="51" t="s">
        <v>82</v>
      </c>
      <c r="I2500" s="50">
        <v>4.7</v>
      </c>
    </row>
    <row r="2501" spans="1:9" x14ac:dyDescent="0.35">
      <c r="A2501" s="52" t="s">
        <v>78</v>
      </c>
      <c r="B2501" s="51" t="s">
        <v>79</v>
      </c>
      <c r="C2501" s="61">
        <v>352803713</v>
      </c>
      <c r="D2501" s="62">
        <v>20</v>
      </c>
      <c r="E2501" s="51">
        <v>202411</v>
      </c>
      <c r="F2501" s="51" t="s">
        <v>38</v>
      </c>
      <c r="G2501" s="51" t="s">
        <v>97</v>
      </c>
      <c r="H2501" s="51" t="s">
        <v>82</v>
      </c>
      <c r="I2501" s="50">
        <v>4.7</v>
      </c>
    </row>
    <row r="2502" spans="1:9" x14ac:dyDescent="0.35">
      <c r="A2502" s="52" t="s">
        <v>78</v>
      </c>
      <c r="B2502" s="51" t="s">
        <v>79</v>
      </c>
      <c r="C2502" s="61">
        <v>355262111</v>
      </c>
      <c r="D2502" s="62">
        <v>20</v>
      </c>
      <c r="E2502" s="51">
        <v>202411</v>
      </c>
      <c r="F2502" s="51" t="s">
        <v>38</v>
      </c>
      <c r="G2502" s="51" t="s">
        <v>97</v>
      </c>
      <c r="H2502" s="51" t="s">
        <v>82</v>
      </c>
      <c r="I2502" s="50">
        <v>4.7</v>
      </c>
    </row>
    <row r="2503" spans="1:9" x14ac:dyDescent="0.35">
      <c r="A2503" s="52" t="s">
        <v>78</v>
      </c>
      <c r="B2503" s="51" t="s">
        <v>79</v>
      </c>
      <c r="C2503" s="61">
        <v>355903326</v>
      </c>
      <c r="D2503" s="62">
        <v>20</v>
      </c>
      <c r="E2503" s="51">
        <v>202411</v>
      </c>
      <c r="F2503" s="51" t="s">
        <v>38</v>
      </c>
      <c r="G2503" s="51" t="s">
        <v>97</v>
      </c>
      <c r="H2503" s="51" t="s">
        <v>82</v>
      </c>
      <c r="I2503" s="50">
        <v>4.7</v>
      </c>
    </row>
    <row r="2504" spans="1:9" x14ac:dyDescent="0.35">
      <c r="A2504" s="52" t="s">
        <v>78</v>
      </c>
      <c r="B2504" s="51" t="s">
        <v>79</v>
      </c>
      <c r="C2504" s="61">
        <v>355930273</v>
      </c>
      <c r="D2504" s="62">
        <v>20</v>
      </c>
      <c r="E2504" s="51">
        <v>202411</v>
      </c>
      <c r="F2504" s="51" t="s">
        <v>38</v>
      </c>
      <c r="G2504" s="51" t="s">
        <v>97</v>
      </c>
      <c r="H2504" s="51" t="s">
        <v>82</v>
      </c>
      <c r="I2504" s="50">
        <v>4.7</v>
      </c>
    </row>
    <row r="2505" spans="1:9" x14ac:dyDescent="0.35">
      <c r="A2505" s="52" t="s">
        <v>78</v>
      </c>
      <c r="B2505" s="51" t="s">
        <v>79</v>
      </c>
      <c r="C2505" s="61">
        <v>356100627</v>
      </c>
      <c r="D2505" s="62">
        <v>20</v>
      </c>
      <c r="E2505" s="51">
        <v>202411</v>
      </c>
      <c r="F2505" s="51" t="s">
        <v>38</v>
      </c>
      <c r="G2505" s="51" t="s">
        <v>97</v>
      </c>
      <c r="H2505" s="51" t="s">
        <v>82</v>
      </c>
      <c r="I2505" s="50">
        <v>30</v>
      </c>
    </row>
    <row r="2506" spans="1:9" x14ac:dyDescent="0.35">
      <c r="A2506" s="52" t="s">
        <v>78</v>
      </c>
      <c r="B2506" s="51" t="s">
        <v>79</v>
      </c>
      <c r="C2506" s="61">
        <v>358062591</v>
      </c>
      <c r="D2506" s="62">
        <v>20</v>
      </c>
      <c r="E2506" s="51">
        <v>202411</v>
      </c>
      <c r="F2506" s="51" t="s">
        <v>38</v>
      </c>
      <c r="G2506" s="51" t="s">
        <v>97</v>
      </c>
      <c r="H2506" s="51" t="s">
        <v>82</v>
      </c>
      <c r="I2506" s="50">
        <v>4.7</v>
      </c>
    </row>
    <row r="2507" spans="1:9" x14ac:dyDescent="0.35">
      <c r="A2507" s="52" t="s">
        <v>78</v>
      </c>
      <c r="B2507" s="51" t="s">
        <v>79</v>
      </c>
      <c r="C2507" s="61">
        <v>358900610</v>
      </c>
      <c r="D2507" s="62">
        <v>20</v>
      </c>
      <c r="E2507" s="51">
        <v>202411</v>
      </c>
      <c r="F2507" s="51" t="s">
        <v>38</v>
      </c>
      <c r="G2507" s="51" t="s">
        <v>97</v>
      </c>
      <c r="H2507" s="51" t="s">
        <v>82</v>
      </c>
      <c r="I2507" s="50">
        <v>4.7</v>
      </c>
    </row>
    <row r="2508" spans="1:9" x14ac:dyDescent="0.35">
      <c r="A2508" s="52" t="s">
        <v>78</v>
      </c>
      <c r="B2508" s="51" t="s">
        <v>79</v>
      </c>
      <c r="C2508" s="61">
        <v>359305545</v>
      </c>
      <c r="D2508" s="62">
        <v>20</v>
      </c>
      <c r="E2508" s="51">
        <v>202411</v>
      </c>
      <c r="F2508" s="51" t="s">
        <v>38</v>
      </c>
      <c r="G2508" s="51" t="s">
        <v>97</v>
      </c>
      <c r="H2508" s="51" t="s">
        <v>82</v>
      </c>
      <c r="I2508" s="50">
        <v>4.7</v>
      </c>
    </row>
    <row r="2509" spans="1:9" x14ac:dyDescent="0.35">
      <c r="A2509" s="52" t="s">
        <v>78</v>
      </c>
      <c r="B2509" s="51" t="s">
        <v>79</v>
      </c>
      <c r="C2509" s="61">
        <v>362025275</v>
      </c>
      <c r="D2509" s="62">
        <v>20</v>
      </c>
      <c r="E2509" s="51">
        <v>202411</v>
      </c>
      <c r="F2509" s="51" t="s">
        <v>38</v>
      </c>
      <c r="G2509" s="51" t="s">
        <v>97</v>
      </c>
      <c r="H2509" s="51" t="s">
        <v>82</v>
      </c>
      <c r="I2509" s="50">
        <v>4.7</v>
      </c>
    </row>
    <row r="2510" spans="1:9" x14ac:dyDescent="0.35">
      <c r="A2510" s="52" t="s">
        <v>78</v>
      </c>
      <c r="B2510" s="51" t="s">
        <v>79</v>
      </c>
      <c r="C2510" s="61">
        <v>362243314</v>
      </c>
      <c r="D2510" s="62">
        <v>20</v>
      </c>
      <c r="E2510" s="51">
        <v>202411</v>
      </c>
      <c r="F2510" s="51" t="s">
        <v>38</v>
      </c>
      <c r="G2510" s="51" t="s">
        <v>97</v>
      </c>
      <c r="H2510" s="51" t="s">
        <v>82</v>
      </c>
      <c r="I2510" s="50">
        <v>4.7</v>
      </c>
    </row>
    <row r="2511" spans="1:9" x14ac:dyDescent="0.35">
      <c r="A2511" s="52" t="s">
        <v>78</v>
      </c>
      <c r="B2511" s="51" t="s">
        <v>79</v>
      </c>
      <c r="C2511" s="61">
        <v>362759063</v>
      </c>
      <c r="D2511" s="62">
        <v>20</v>
      </c>
      <c r="E2511" s="51">
        <v>202411</v>
      </c>
      <c r="F2511" s="51" t="s">
        <v>38</v>
      </c>
      <c r="G2511" s="51" t="s">
        <v>97</v>
      </c>
      <c r="H2511" s="51" t="s">
        <v>82</v>
      </c>
      <c r="I2511" s="50">
        <v>4.7</v>
      </c>
    </row>
    <row r="2512" spans="1:9" x14ac:dyDescent="0.35">
      <c r="A2512" s="52" t="s">
        <v>78</v>
      </c>
      <c r="B2512" s="51" t="s">
        <v>79</v>
      </c>
      <c r="C2512" s="61">
        <v>365603948</v>
      </c>
      <c r="D2512" s="62">
        <v>20</v>
      </c>
      <c r="E2512" s="51">
        <v>202411</v>
      </c>
      <c r="F2512" s="51" t="s">
        <v>38</v>
      </c>
      <c r="G2512" s="51" t="s">
        <v>97</v>
      </c>
      <c r="H2512" s="51" t="s">
        <v>82</v>
      </c>
      <c r="I2512" s="50">
        <v>4.7</v>
      </c>
    </row>
    <row r="2513" spans="1:9" x14ac:dyDescent="0.35">
      <c r="A2513" s="52" t="s">
        <v>78</v>
      </c>
      <c r="B2513" s="51" t="s">
        <v>79</v>
      </c>
      <c r="C2513" s="61">
        <v>365673055</v>
      </c>
      <c r="D2513" s="62">
        <v>20</v>
      </c>
      <c r="E2513" s="51">
        <v>202411</v>
      </c>
      <c r="F2513" s="51" t="s">
        <v>38</v>
      </c>
      <c r="G2513" s="51" t="s">
        <v>97</v>
      </c>
      <c r="H2513" s="51" t="s">
        <v>82</v>
      </c>
      <c r="I2513" s="50">
        <v>4.7</v>
      </c>
    </row>
    <row r="2514" spans="1:9" x14ac:dyDescent="0.35">
      <c r="A2514" s="52" t="s">
        <v>78</v>
      </c>
      <c r="B2514" s="51" t="s">
        <v>79</v>
      </c>
      <c r="C2514" s="61">
        <v>365742875</v>
      </c>
      <c r="D2514" s="62">
        <v>20</v>
      </c>
      <c r="E2514" s="51">
        <v>202411</v>
      </c>
      <c r="F2514" s="51" t="s">
        <v>38</v>
      </c>
      <c r="G2514" s="51" t="s">
        <v>97</v>
      </c>
      <c r="H2514" s="51" t="s">
        <v>82</v>
      </c>
      <c r="I2514" s="50">
        <v>4.7</v>
      </c>
    </row>
    <row r="2515" spans="1:9" x14ac:dyDescent="0.35">
      <c r="A2515" s="52" t="s">
        <v>78</v>
      </c>
      <c r="B2515" s="51" t="s">
        <v>79</v>
      </c>
      <c r="C2515" s="61">
        <v>367647318</v>
      </c>
      <c r="D2515" s="62">
        <v>20</v>
      </c>
      <c r="E2515" s="51">
        <v>202411</v>
      </c>
      <c r="F2515" s="51" t="s">
        <v>38</v>
      </c>
      <c r="G2515" s="51" t="s">
        <v>97</v>
      </c>
      <c r="H2515" s="51" t="s">
        <v>82</v>
      </c>
      <c r="I2515" s="50">
        <v>95</v>
      </c>
    </row>
    <row r="2516" spans="1:9" x14ac:dyDescent="0.35">
      <c r="A2516" s="52" t="s">
        <v>78</v>
      </c>
      <c r="B2516" s="51" t="s">
        <v>79</v>
      </c>
      <c r="C2516" s="61">
        <v>368503140</v>
      </c>
      <c r="D2516" s="62">
        <v>20</v>
      </c>
      <c r="E2516" s="51">
        <v>202411</v>
      </c>
      <c r="F2516" s="51" t="s">
        <v>38</v>
      </c>
      <c r="G2516" s="51" t="s">
        <v>97</v>
      </c>
      <c r="H2516" s="51" t="s">
        <v>82</v>
      </c>
      <c r="I2516" s="50">
        <v>95</v>
      </c>
    </row>
    <row r="2517" spans="1:9" x14ac:dyDescent="0.35">
      <c r="A2517" s="52" t="s">
        <v>78</v>
      </c>
      <c r="B2517" s="51" t="s">
        <v>79</v>
      </c>
      <c r="C2517" s="61">
        <v>368570662</v>
      </c>
      <c r="D2517" s="62">
        <v>20</v>
      </c>
      <c r="E2517" s="51">
        <v>202411</v>
      </c>
      <c r="F2517" s="51" t="s">
        <v>38</v>
      </c>
      <c r="G2517" s="51" t="s">
        <v>97</v>
      </c>
      <c r="H2517" s="51" t="s">
        <v>82</v>
      </c>
      <c r="I2517" s="50">
        <v>4.7</v>
      </c>
    </row>
    <row r="2518" spans="1:9" x14ac:dyDescent="0.35">
      <c r="A2518" s="52" t="s">
        <v>78</v>
      </c>
      <c r="B2518" s="51" t="s">
        <v>79</v>
      </c>
      <c r="C2518" s="61">
        <v>368988892</v>
      </c>
      <c r="D2518" s="62">
        <v>20</v>
      </c>
      <c r="E2518" s="51">
        <v>202411</v>
      </c>
      <c r="F2518" s="51" t="s">
        <v>38</v>
      </c>
      <c r="G2518" s="51" t="s">
        <v>97</v>
      </c>
      <c r="H2518" s="51" t="s">
        <v>82</v>
      </c>
      <c r="I2518" s="50">
        <v>4.7</v>
      </c>
    </row>
    <row r="2519" spans="1:9" x14ac:dyDescent="0.35">
      <c r="A2519" s="52" t="s">
        <v>78</v>
      </c>
      <c r="B2519" s="51" t="s">
        <v>79</v>
      </c>
      <c r="C2519" s="61">
        <v>370605341</v>
      </c>
      <c r="D2519" s="62">
        <v>20</v>
      </c>
      <c r="E2519" s="51">
        <v>202411</v>
      </c>
      <c r="F2519" s="51" t="s">
        <v>38</v>
      </c>
      <c r="G2519" s="51" t="s">
        <v>97</v>
      </c>
      <c r="H2519" s="51" t="s">
        <v>82</v>
      </c>
      <c r="I2519" s="50">
        <v>95</v>
      </c>
    </row>
    <row r="2520" spans="1:9" x14ac:dyDescent="0.35">
      <c r="A2520" s="52" t="s">
        <v>78</v>
      </c>
      <c r="B2520" s="51" t="s">
        <v>79</v>
      </c>
      <c r="C2520" s="61">
        <v>374803592</v>
      </c>
      <c r="D2520" s="62">
        <v>20</v>
      </c>
      <c r="E2520" s="51">
        <v>202411</v>
      </c>
      <c r="F2520" s="51" t="s">
        <v>38</v>
      </c>
      <c r="G2520" s="51" t="s">
        <v>97</v>
      </c>
      <c r="H2520" s="51" t="s">
        <v>82</v>
      </c>
      <c r="I2520" s="50">
        <v>4.7</v>
      </c>
    </row>
    <row r="2521" spans="1:9" x14ac:dyDescent="0.35">
      <c r="A2521" s="52" t="s">
        <v>78</v>
      </c>
      <c r="B2521" s="51" t="s">
        <v>79</v>
      </c>
      <c r="C2521" s="61">
        <v>376920828</v>
      </c>
      <c r="D2521" s="62">
        <v>20</v>
      </c>
      <c r="E2521" s="51">
        <v>202411</v>
      </c>
      <c r="F2521" s="51" t="s">
        <v>38</v>
      </c>
      <c r="G2521" s="51" t="s">
        <v>97</v>
      </c>
      <c r="H2521" s="51" t="s">
        <v>82</v>
      </c>
      <c r="I2521" s="50">
        <v>4.7</v>
      </c>
    </row>
    <row r="2522" spans="1:9" x14ac:dyDescent="0.35">
      <c r="A2522" s="52" t="s">
        <v>78</v>
      </c>
      <c r="B2522" s="51" t="s">
        <v>79</v>
      </c>
      <c r="C2522" s="61">
        <v>378262842</v>
      </c>
      <c r="D2522" s="62">
        <v>20</v>
      </c>
      <c r="E2522" s="51">
        <v>202411</v>
      </c>
      <c r="F2522" s="51" t="s">
        <v>38</v>
      </c>
      <c r="G2522" s="51" t="s">
        <v>97</v>
      </c>
      <c r="H2522" s="51" t="s">
        <v>82</v>
      </c>
      <c r="I2522" s="50">
        <v>95</v>
      </c>
    </row>
    <row r="2523" spans="1:9" x14ac:dyDescent="0.35">
      <c r="A2523" s="52" t="s">
        <v>78</v>
      </c>
      <c r="B2523" s="51" t="s">
        <v>79</v>
      </c>
      <c r="C2523" s="61">
        <v>378356199</v>
      </c>
      <c r="D2523" s="62">
        <v>20</v>
      </c>
      <c r="E2523" s="51">
        <v>202411</v>
      </c>
      <c r="F2523" s="51" t="s">
        <v>38</v>
      </c>
      <c r="G2523" s="51" t="s">
        <v>97</v>
      </c>
      <c r="H2523" s="51" t="s">
        <v>82</v>
      </c>
      <c r="I2523" s="50">
        <v>4.7</v>
      </c>
    </row>
    <row r="2524" spans="1:9" x14ac:dyDescent="0.35">
      <c r="A2524" s="52" t="s">
        <v>78</v>
      </c>
      <c r="B2524" s="51" t="s">
        <v>79</v>
      </c>
      <c r="C2524" s="61">
        <v>379062571</v>
      </c>
      <c r="D2524" s="62">
        <v>20</v>
      </c>
      <c r="E2524" s="51">
        <v>202411</v>
      </c>
      <c r="F2524" s="51" t="s">
        <v>38</v>
      </c>
      <c r="G2524" s="51" t="s">
        <v>97</v>
      </c>
      <c r="H2524" s="51" t="s">
        <v>82</v>
      </c>
      <c r="I2524" s="50">
        <v>4.7</v>
      </c>
    </row>
    <row r="2525" spans="1:9" x14ac:dyDescent="0.35">
      <c r="A2525" s="52" t="s">
        <v>78</v>
      </c>
      <c r="B2525" s="51" t="s">
        <v>79</v>
      </c>
      <c r="C2525" s="61">
        <v>379159354</v>
      </c>
      <c r="D2525" s="62">
        <v>20</v>
      </c>
      <c r="E2525" s="51">
        <v>202411</v>
      </c>
      <c r="F2525" s="51" t="s">
        <v>38</v>
      </c>
      <c r="G2525" s="51" t="s">
        <v>97</v>
      </c>
      <c r="H2525" s="51" t="s">
        <v>82</v>
      </c>
      <c r="I2525" s="50">
        <v>4.7</v>
      </c>
    </row>
    <row r="2526" spans="1:9" x14ac:dyDescent="0.35">
      <c r="A2526" s="52" t="s">
        <v>78</v>
      </c>
      <c r="B2526" s="51" t="s">
        <v>79</v>
      </c>
      <c r="C2526" s="61">
        <v>380304445</v>
      </c>
      <c r="D2526" s="62">
        <v>20</v>
      </c>
      <c r="E2526" s="51">
        <v>202411</v>
      </c>
      <c r="F2526" s="51" t="s">
        <v>38</v>
      </c>
      <c r="G2526" s="51" t="s">
        <v>97</v>
      </c>
      <c r="H2526" s="51" t="s">
        <v>82</v>
      </c>
      <c r="I2526" s="50">
        <v>4.7</v>
      </c>
    </row>
    <row r="2527" spans="1:9" x14ac:dyDescent="0.35">
      <c r="A2527" s="52" t="s">
        <v>78</v>
      </c>
      <c r="B2527" s="51" t="s">
        <v>79</v>
      </c>
      <c r="C2527" s="61">
        <v>381905352</v>
      </c>
      <c r="D2527" s="62">
        <v>20</v>
      </c>
      <c r="E2527" s="51">
        <v>202411</v>
      </c>
      <c r="F2527" s="51" t="s">
        <v>38</v>
      </c>
      <c r="G2527" s="51" t="s">
        <v>97</v>
      </c>
      <c r="H2527" s="51" t="s">
        <v>82</v>
      </c>
      <c r="I2527" s="50">
        <v>4.7</v>
      </c>
    </row>
    <row r="2528" spans="1:9" x14ac:dyDescent="0.35">
      <c r="A2528" s="52" t="s">
        <v>78</v>
      </c>
      <c r="B2528" s="51" t="s">
        <v>79</v>
      </c>
      <c r="C2528" s="61">
        <v>383216888</v>
      </c>
      <c r="D2528" s="62">
        <v>20</v>
      </c>
      <c r="E2528" s="51">
        <v>202411</v>
      </c>
      <c r="F2528" s="51" t="s">
        <v>38</v>
      </c>
      <c r="G2528" s="51" t="s">
        <v>97</v>
      </c>
      <c r="H2528" s="51" t="s">
        <v>82</v>
      </c>
      <c r="I2528" s="50">
        <v>4.7</v>
      </c>
    </row>
    <row r="2529" spans="1:9" x14ac:dyDescent="0.35">
      <c r="A2529" s="52" t="s">
        <v>78</v>
      </c>
      <c r="B2529" s="51" t="s">
        <v>79</v>
      </c>
      <c r="C2529" s="61">
        <v>384101252</v>
      </c>
      <c r="D2529" s="62">
        <v>20</v>
      </c>
      <c r="E2529" s="51">
        <v>202411</v>
      </c>
      <c r="F2529" s="51" t="s">
        <v>38</v>
      </c>
      <c r="G2529" s="51" t="s">
        <v>97</v>
      </c>
      <c r="H2529" s="51" t="s">
        <v>82</v>
      </c>
      <c r="I2529" s="50">
        <v>4.7</v>
      </c>
    </row>
    <row r="2530" spans="1:9" x14ac:dyDescent="0.35">
      <c r="A2530" s="52" t="s">
        <v>78</v>
      </c>
      <c r="B2530" s="51" t="s">
        <v>79</v>
      </c>
      <c r="C2530" s="61">
        <v>384212914</v>
      </c>
      <c r="D2530" s="62">
        <v>20</v>
      </c>
      <c r="E2530" s="51">
        <v>202411</v>
      </c>
      <c r="F2530" s="51" t="s">
        <v>38</v>
      </c>
      <c r="G2530" s="51" t="s">
        <v>97</v>
      </c>
      <c r="H2530" s="51" t="s">
        <v>82</v>
      </c>
      <c r="I2530" s="50">
        <v>4.7</v>
      </c>
    </row>
    <row r="2531" spans="1:9" x14ac:dyDescent="0.35">
      <c r="A2531" s="52" t="s">
        <v>78</v>
      </c>
      <c r="B2531" s="51" t="s">
        <v>79</v>
      </c>
      <c r="C2531" s="61">
        <v>384439357</v>
      </c>
      <c r="D2531" s="62">
        <v>20</v>
      </c>
      <c r="E2531" s="51">
        <v>202411</v>
      </c>
      <c r="F2531" s="51" t="s">
        <v>38</v>
      </c>
      <c r="G2531" s="51" t="s">
        <v>97</v>
      </c>
      <c r="H2531" s="51" t="s">
        <v>82</v>
      </c>
      <c r="I2531" s="50">
        <v>4.7</v>
      </c>
    </row>
    <row r="2532" spans="1:9" x14ac:dyDescent="0.35">
      <c r="A2532" s="52" t="s">
        <v>78</v>
      </c>
      <c r="B2532" s="51" t="s">
        <v>79</v>
      </c>
      <c r="C2532" s="61">
        <v>384681035</v>
      </c>
      <c r="D2532" s="62">
        <v>20</v>
      </c>
      <c r="E2532" s="51">
        <v>202411</v>
      </c>
      <c r="F2532" s="51" t="s">
        <v>38</v>
      </c>
      <c r="G2532" s="51" t="s">
        <v>97</v>
      </c>
      <c r="H2532" s="51" t="s">
        <v>82</v>
      </c>
      <c r="I2532" s="50">
        <v>4.7</v>
      </c>
    </row>
    <row r="2533" spans="1:9" x14ac:dyDescent="0.35">
      <c r="A2533" s="52" t="s">
        <v>78</v>
      </c>
      <c r="B2533" s="51" t="s">
        <v>79</v>
      </c>
      <c r="C2533" s="61">
        <v>388700249</v>
      </c>
      <c r="D2533" s="62">
        <v>20</v>
      </c>
      <c r="E2533" s="51">
        <v>202411</v>
      </c>
      <c r="F2533" s="51" t="s">
        <v>38</v>
      </c>
      <c r="G2533" s="51" t="s">
        <v>97</v>
      </c>
      <c r="H2533" s="51" t="s">
        <v>82</v>
      </c>
      <c r="I2533" s="50">
        <v>4.7</v>
      </c>
    </row>
    <row r="2534" spans="1:9" x14ac:dyDescent="0.35">
      <c r="A2534" s="52" t="s">
        <v>78</v>
      </c>
      <c r="B2534" s="51" t="s">
        <v>79</v>
      </c>
      <c r="C2534" s="61">
        <v>389100122</v>
      </c>
      <c r="D2534" s="62">
        <v>20</v>
      </c>
      <c r="E2534" s="51">
        <v>202411</v>
      </c>
      <c r="F2534" s="51" t="s">
        <v>38</v>
      </c>
      <c r="G2534" s="51" t="s">
        <v>97</v>
      </c>
      <c r="H2534" s="51" t="s">
        <v>82</v>
      </c>
      <c r="I2534" s="50">
        <v>4.7</v>
      </c>
    </row>
    <row r="2535" spans="1:9" x14ac:dyDescent="0.35">
      <c r="A2535" s="52" t="s">
        <v>78</v>
      </c>
      <c r="B2535" s="51" t="s">
        <v>79</v>
      </c>
      <c r="C2535" s="61">
        <v>389900146</v>
      </c>
      <c r="D2535" s="62">
        <v>20</v>
      </c>
      <c r="E2535" s="51">
        <v>202411</v>
      </c>
      <c r="F2535" s="51" t="s">
        <v>38</v>
      </c>
      <c r="G2535" s="51" t="s">
        <v>97</v>
      </c>
      <c r="H2535" s="51" t="s">
        <v>82</v>
      </c>
      <c r="I2535" s="50">
        <v>4.7</v>
      </c>
    </row>
    <row r="2536" spans="1:9" x14ac:dyDescent="0.35">
      <c r="A2536" s="52" t="s">
        <v>78</v>
      </c>
      <c r="B2536" s="51" t="s">
        <v>79</v>
      </c>
      <c r="C2536" s="61">
        <v>390000634</v>
      </c>
      <c r="D2536" s="62">
        <v>20</v>
      </c>
      <c r="E2536" s="51">
        <v>202411</v>
      </c>
      <c r="F2536" s="51" t="s">
        <v>38</v>
      </c>
      <c r="G2536" s="51" t="s">
        <v>97</v>
      </c>
      <c r="H2536" s="51" t="s">
        <v>82</v>
      </c>
      <c r="I2536" s="50">
        <v>4.7</v>
      </c>
    </row>
    <row r="2537" spans="1:9" x14ac:dyDescent="0.35">
      <c r="A2537" s="52" t="s">
        <v>78</v>
      </c>
      <c r="B2537" s="51" t="s">
        <v>79</v>
      </c>
      <c r="C2537" s="61">
        <v>392402057</v>
      </c>
      <c r="D2537" s="62">
        <v>20</v>
      </c>
      <c r="E2537" s="51">
        <v>202411</v>
      </c>
      <c r="F2537" s="51" t="s">
        <v>38</v>
      </c>
      <c r="G2537" s="51" t="s">
        <v>97</v>
      </c>
      <c r="H2537" s="51" t="s">
        <v>82</v>
      </c>
      <c r="I2537" s="50">
        <v>95</v>
      </c>
    </row>
    <row r="2538" spans="1:9" x14ac:dyDescent="0.35">
      <c r="A2538" s="52" t="s">
        <v>78</v>
      </c>
      <c r="B2538" s="51" t="s">
        <v>79</v>
      </c>
      <c r="C2538" s="61">
        <v>392802092</v>
      </c>
      <c r="D2538" s="62">
        <v>20</v>
      </c>
      <c r="E2538" s="51">
        <v>202411</v>
      </c>
      <c r="F2538" s="51" t="s">
        <v>38</v>
      </c>
      <c r="G2538" s="51" t="s">
        <v>97</v>
      </c>
      <c r="H2538" s="51" t="s">
        <v>82</v>
      </c>
      <c r="I2538" s="50">
        <v>4.7</v>
      </c>
    </row>
    <row r="2539" spans="1:9" x14ac:dyDescent="0.35">
      <c r="A2539" s="52" t="s">
        <v>78</v>
      </c>
      <c r="B2539" s="51" t="s">
        <v>79</v>
      </c>
      <c r="C2539" s="61">
        <v>393090723</v>
      </c>
      <c r="D2539" s="62">
        <v>20</v>
      </c>
      <c r="E2539" s="51">
        <v>202411</v>
      </c>
      <c r="F2539" s="51" t="s">
        <v>38</v>
      </c>
      <c r="G2539" s="51" t="s">
        <v>97</v>
      </c>
      <c r="H2539" s="51" t="s">
        <v>82</v>
      </c>
      <c r="I2539" s="50">
        <v>4.7</v>
      </c>
    </row>
    <row r="2540" spans="1:9" x14ac:dyDescent="0.35">
      <c r="A2540" s="52" t="s">
        <v>78</v>
      </c>
      <c r="B2540" s="51" t="s">
        <v>79</v>
      </c>
      <c r="C2540" s="61">
        <v>394220111</v>
      </c>
      <c r="D2540" s="62">
        <v>20</v>
      </c>
      <c r="E2540" s="51">
        <v>202411</v>
      </c>
      <c r="F2540" s="51" t="s">
        <v>38</v>
      </c>
      <c r="G2540" s="51" t="s">
        <v>97</v>
      </c>
      <c r="H2540" s="51" t="s">
        <v>82</v>
      </c>
      <c r="I2540" s="50">
        <v>4.7</v>
      </c>
    </row>
    <row r="2541" spans="1:9" x14ac:dyDescent="0.35">
      <c r="A2541" s="52" t="s">
        <v>78</v>
      </c>
      <c r="B2541" s="51" t="s">
        <v>79</v>
      </c>
      <c r="C2541" s="61">
        <v>395586445</v>
      </c>
      <c r="D2541" s="62">
        <v>20</v>
      </c>
      <c r="E2541" s="51">
        <v>202411</v>
      </c>
      <c r="F2541" s="51" t="s">
        <v>38</v>
      </c>
      <c r="G2541" s="51" t="s">
        <v>97</v>
      </c>
      <c r="H2541" s="51" t="s">
        <v>82</v>
      </c>
      <c r="I2541" s="50">
        <v>4.7</v>
      </c>
    </row>
    <row r="2542" spans="1:9" x14ac:dyDescent="0.35">
      <c r="A2542" s="52" t="s">
        <v>78</v>
      </c>
      <c r="B2542" s="51" t="s">
        <v>79</v>
      </c>
      <c r="C2542" s="61">
        <v>396303579</v>
      </c>
      <c r="D2542" s="62">
        <v>20</v>
      </c>
      <c r="E2542" s="51">
        <v>202411</v>
      </c>
      <c r="F2542" s="51" t="s">
        <v>38</v>
      </c>
      <c r="G2542" s="51" t="s">
        <v>97</v>
      </c>
      <c r="H2542" s="51" t="s">
        <v>82</v>
      </c>
      <c r="I2542" s="50">
        <v>4.7</v>
      </c>
    </row>
    <row r="2543" spans="1:9" x14ac:dyDescent="0.35">
      <c r="A2543" s="52" t="s">
        <v>78</v>
      </c>
      <c r="B2543" s="51" t="s">
        <v>79</v>
      </c>
      <c r="C2543" s="61">
        <v>397002002</v>
      </c>
      <c r="D2543" s="62">
        <v>20</v>
      </c>
      <c r="E2543" s="51">
        <v>202411</v>
      </c>
      <c r="F2543" s="51" t="s">
        <v>38</v>
      </c>
      <c r="G2543" s="51" t="s">
        <v>97</v>
      </c>
      <c r="H2543" s="51" t="s">
        <v>82</v>
      </c>
      <c r="I2543" s="50">
        <v>4.7</v>
      </c>
    </row>
    <row r="2544" spans="1:9" x14ac:dyDescent="0.35">
      <c r="A2544" s="52" t="s">
        <v>78</v>
      </c>
      <c r="B2544" s="51" t="s">
        <v>79</v>
      </c>
      <c r="C2544" s="61">
        <v>397504113</v>
      </c>
      <c r="D2544" s="62">
        <v>20</v>
      </c>
      <c r="E2544" s="51">
        <v>202411</v>
      </c>
      <c r="F2544" s="51" t="s">
        <v>38</v>
      </c>
      <c r="G2544" s="51" t="s">
        <v>97</v>
      </c>
      <c r="H2544" s="51" t="s">
        <v>82</v>
      </c>
      <c r="I2544" s="50">
        <v>4.7</v>
      </c>
    </row>
    <row r="2545" spans="1:9" x14ac:dyDescent="0.35">
      <c r="A2545" s="52" t="s">
        <v>78</v>
      </c>
      <c r="B2545" s="51" t="s">
        <v>79</v>
      </c>
      <c r="C2545" s="61">
        <v>399455270</v>
      </c>
      <c r="D2545" s="62">
        <v>20</v>
      </c>
      <c r="E2545" s="51">
        <v>202411</v>
      </c>
      <c r="F2545" s="51" t="s">
        <v>38</v>
      </c>
      <c r="G2545" s="51" t="s">
        <v>97</v>
      </c>
      <c r="H2545" s="51" t="s">
        <v>82</v>
      </c>
      <c r="I2545" s="50">
        <v>4.7</v>
      </c>
    </row>
    <row r="2546" spans="1:9" x14ac:dyDescent="0.35">
      <c r="A2546" s="52" t="s">
        <v>78</v>
      </c>
      <c r="B2546" s="51" t="s">
        <v>79</v>
      </c>
      <c r="C2546" s="61">
        <v>310302363</v>
      </c>
      <c r="D2546" s="62">
        <v>211</v>
      </c>
      <c r="E2546" s="51">
        <v>202411</v>
      </c>
      <c r="F2546" s="51" t="s">
        <v>38</v>
      </c>
      <c r="G2546" s="51" t="s">
        <v>97</v>
      </c>
      <c r="H2546" s="51" t="s">
        <v>82</v>
      </c>
      <c r="I2546" s="50">
        <v>4.7</v>
      </c>
    </row>
    <row r="2547" spans="1:9" x14ac:dyDescent="0.35">
      <c r="A2547" s="52" t="s">
        <v>78</v>
      </c>
      <c r="B2547" s="51" t="s">
        <v>79</v>
      </c>
      <c r="C2547" s="61">
        <v>310500908</v>
      </c>
      <c r="D2547" s="62">
        <v>211</v>
      </c>
      <c r="E2547" s="51">
        <v>202411</v>
      </c>
      <c r="F2547" s="51" t="s">
        <v>38</v>
      </c>
      <c r="G2547" s="51" t="s">
        <v>97</v>
      </c>
      <c r="H2547" s="51" t="s">
        <v>82</v>
      </c>
      <c r="I2547" s="50">
        <v>4.7</v>
      </c>
    </row>
    <row r="2548" spans="1:9" x14ac:dyDescent="0.35">
      <c r="A2548" s="52" t="s">
        <v>78</v>
      </c>
      <c r="B2548" s="51" t="s">
        <v>79</v>
      </c>
      <c r="C2548" s="61">
        <v>316800631</v>
      </c>
      <c r="D2548" s="62">
        <v>211</v>
      </c>
      <c r="E2548" s="51">
        <v>202411</v>
      </c>
      <c r="F2548" s="51" t="s">
        <v>38</v>
      </c>
      <c r="G2548" s="51" t="s">
        <v>97</v>
      </c>
      <c r="H2548" s="51" t="s">
        <v>82</v>
      </c>
      <c r="I2548" s="50">
        <v>95</v>
      </c>
    </row>
    <row r="2549" spans="1:9" x14ac:dyDescent="0.35">
      <c r="A2549" s="52" t="s">
        <v>78</v>
      </c>
      <c r="B2549" s="51" t="s">
        <v>79</v>
      </c>
      <c r="C2549" s="61">
        <v>320298658</v>
      </c>
      <c r="D2549" s="62">
        <v>211</v>
      </c>
      <c r="E2549" s="51">
        <v>202411</v>
      </c>
      <c r="F2549" s="51" t="s">
        <v>38</v>
      </c>
      <c r="G2549" s="51" t="s">
        <v>97</v>
      </c>
      <c r="H2549" s="51" t="s">
        <v>82</v>
      </c>
      <c r="I2549" s="50">
        <v>4.7</v>
      </c>
    </row>
    <row r="2550" spans="1:9" x14ac:dyDescent="0.35">
      <c r="A2550" s="52" t="s">
        <v>78</v>
      </c>
      <c r="B2550" s="51" t="s">
        <v>79</v>
      </c>
      <c r="C2550" s="61">
        <v>325100041</v>
      </c>
      <c r="D2550" s="62">
        <v>211</v>
      </c>
      <c r="E2550" s="51">
        <v>202411</v>
      </c>
      <c r="F2550" s="51" t="s">
        <v>38</v>
      </c>
      <c r="G2550" s="51" t="s">
        <v>97</v>
      </c>
      <c r="H2550" s="51" t="s">
        <v>82</v>
      </c>
      <c r="I2550" s="50">
        <v>4.7</v>
      </c>
    </row>
    <row r="2551" spans="1:9" x14ac:dyDescent="0.35">
      <c r="A2551" s="52" t="s">
        <v>78</v>
      </c>
      <c r="B2551" s="51" t="s">
        <v>79</v>
      </c>
      <c r="C2551" s="61">
        <v>328342020</v>
      </c>
      <c r="D2551" s="62">
        <v>211</v>
      </c>
      <c r="E2551" s="51">
        <v>202411</v>
      </c>
      <c r="F2551" s="51" t="s">
        <v>38</v>
      </c>
      <c r="G2551" s="51" t="s">
        <v>97</v>
      </c>
      <c r="H2551" s="51" t="s">
        <v>82</v>
      </c>
      <c r="I2551" s="50">
        <v>4.7</v>
      </c>
    </row>
    <row r="2552" spans="1:9" x14ac:dyDescent="0.35">
      <c r="A2552" s="52" t="s">
        <v>78</v>
      </c>
      <c r="B2552" s="51" t="s">
        <v>79</v>
      </c>
      <c r="C2552" s="61">
        <v>335104712</v>
      </c>
      <c r="D2552" s="62">
        <v>211</v>
      </c>
      <c r="E2552" s="51">
        <v>202411</v>
      </c>
      <c r="F2552" s="51" t="s">
        <v>38</v>
      </c>
      <c r="G2552" s="51" t="s">
        <v>97</v>
      </c>
      <c r="H2552" s="51" t="s">
        <v>82</v>
      </c>
      <c r="I2552" s="50">
        <v>4.7</v>
      </c>
    </row>
    <row r="2553" spans="1:9" x14ac:dyDescent="0.35">
      <c r="A2553" s="52" t="s">
        <v>78</v>
      </c>
      <c r="B2553" s="51" t="s">
        <v>79</v>
      </c>
      <c r="C2553" s="61">
        <v>347201730</v>
      </c>
      <c r="D2553" s="62">
        <v>211</v>
      </c>
      <c r="E2553" s="51">
        <v>202411</v>
      </c>
      <c r="F2553" s="51" t="s">
        <v>38</v>
      </c>
      <c r="G2553" s="51" t="s">
        <v>97</v>
      </c>
      <c r="H2553" s="51" t="s">
        <v>82</v>
      </c>
      <c r="I2553" s="50">
        <v>4.7</v>
      </c>
    </row>
    <row r="2554" spans="1:9" x14ac:dyDescent="0.35">
      <c r="A2554" s="52" t="s">
        <v>78</v>
      </c>
      <c r="B2554" s="51" t="s">
        <v>79</v>
      </c>
      <c r="C2554" s="61">
        <v>349100906</v>
      </c>
      <c r="D2554" s="62">
        <v>211</v>
      </c>
      <c r="E2554" s="51">
        <v>202411</v>
      </c>
      <c r="F2554" s="51" t="s">
        <v>38</v>
      </c>
      <c r="G2554" s="51" t="s">
        <v>97</v>
      </c>
      <c r="H2554" s="51" t="s">
        <v>82</v>
      </c>
      <c r="I2554" s="50">
        <v>4.7</v>
      </c>
    </row>
    <row r="2555" spans="1:9" x14ac:dyDescent="0.35">
      <c r="A2555" s="52" t="s">
        <v>78</v>
      </c>
      <c r="B2555" s="51" t="s">
        <v>79</v>
      </c>
      <c r="C2555" s="61">
        <v>373336454</v>
      </c>
      <c r="D2555" s="62">
        <v>211</v>
      </c>
      <c r="E2555" s="51">
        <v>202411</v>
      </c>
      <c r="F2555" s="51" t="s">
        <v>38</v>
      </c>
      <c r="G2555" s="51" t="s">
        <v>97</v>
      </c>
      <c r="H2555" s="51" t="s">
        <v>82</v>
      </c>
      <c r="I2555" s="50">
        <v>4.7</v>
      </c>
    </row>
    <row r="2556" spans="1:9" x14ac:dyDescent="0.35">
      <c r="A2556" s="52" t="s">
        <v>78</v>
      </c>
      <c r="B2556" s="51" t="s">
        <v>79</v>
      </c>
      <c r="C2556" s="61">
        <v>380628371</v>
      </c>
      <c r="D2556" s="62">
        <v>211</v>
      </c>
      <c r="E2556" s="51">
        <v>202411</v>
      </c>
      <c r="F2556" s="51" t="s">
        <v>38</v>
      </c>
      <c r="G2556" s="51" t="s">
        <v>97</v>
      </c>
      <c r="H2556" s="51" t="s">
        <v>82</v>
      </c>
      <c r="I2556" s="50">
        <v>4.7</v>
      </c>
    </row>
    <row r="2557" spans="1:9" x14ac:dyDescent="0.35">
      <c r="A2557" s="52" t="s">
        <v>78</v>
      </c>
      <c r="B2557" s="51" t="s">
        <v>79</v>
      </c>
      <c r="C2557" s="61">
        <v>381174141</v>
      </c>
      <c r="D2557" s="62">
        <v>211</v>
      </c>
      <c r="E2557" s="51">
        <v>202411</v>
      </c>
      <c r="F2557" s="51" t="s">
        <v>38</v>
      </c>
      <c r="G2557" s="51" t="s">
        <v>97</v>
      </c>
      <c r="H2557" s="51" t="s">
        <v>82</v>
      </c>
      <c r="I2557" s="50">
        <v>4.7</v>
      </c>
    </row>
    <row r="2558" spans="1:9" x14ac:dyDescent="0.35">
      <c r="A2558" s="52" t="s">
        <v>78</v>
      </c>
      <c r="B2558" s="51" t="s">
        <v>79</v>
      </c>
      <c r="C2558" s="61">
        <v>384012717</v>
      </c>
      <c r="D2558" s="62">
        <v>211</v>
      </c>
      <c r="E2558" s="51">
        <v>202411</v>
      </c>
      <c r="F2558" s="51" t="s">
        <v>38</v>
      </c>
      <c r="G2558" s="51" t="s">
        <v>97</v>
      </c>
      <c r="H2558" s="51" t="s">
        <v>82</v>
      </c>
      <c r="I2558" s="50">
        <v>4.7</v>
      </c>
    </row>
    <row r="2559" spans="1:9" x14ac:dyDescent="0.35">
      <c r="A2559" s="52" t="s">
        <v>78</v>
      </c>
      <c r="B2559" s="51" t="s">
        <v>79</v>
      </c>
      <c r="C2559" s="61">
        <v>389309760</v>
      </c>
      <c r="D2559" s="62">
        <v>211</v>
      </c>
      <c r="E2559" s="51">
        <v>202411</v>
      </c>
      <c r="F2559" s="51" t="s">
        <v>38</v>
      </c>
      <c r="G2559" s="51" t="s">
        <v>97</v>
      </c>
      <c r="H2559" s="51" t="s">
        <v>82</v>
      </c>
      <c r="I2559" s="50">
        <v>4.7</v>
      </c>
    </row>
    <row r="2560" spans="1:9" x14ac:dyDescent="0.35">
      <c r="A2560" s="52" t="s">
        <v>78</v>
      </c>
      <c r="B2560" s="51" t="s">
        <v>79</v>
      </c>
      <c r="C2560" s="61">
        <v>364800004</v>
      </c>
      <c r="D2560" s="62">
        <v>212</v>
      </c>
      <c r="E2560" s="51">
        <v>202411</v>
      </c>
      <c r="F2560" s="51" t="s">
        <v>38</v>
      </c>
      <c r="G2560" s="51" t="s">
        <v>97</v>
      </c>
      <c r="H2560" s="51" t="s">
        <v>82</v>
      </c>
      <c r="I2560" s="50">
        <v>4.7</v>
      </c>
    </row>
    <row r="2561" spans="1:9" x14ac:dyDescent="0.35">
      <c r="A2561" s="52" t="s">
        <v>78</v>
      </c>
      <c r="B2561" s="51" t="s">
        <v>79</v>
      </c>
      <c r="C2561" s="61">
        <v>304112936</v>
      </c>
      <c r="D2561" s="62">
        <v>10</v>
      </c>
      <c r="E2561" s="51">
        <v>202412</v>
      </c>
      <c r="F2561" s="51" t="s">
        <v>38</v>
      </c>
      <c r="G2561" s="51" t="s">
        <v>97</v>
      </c>
      <c r="H2561" s="51" t="s">
        <v>82</v>
      </c>
      <c r="I2561" s="50">
        <v>4.7</v>
      </c>
    </row>
    <row r="2562" spans="1:9" x14ac:dyDescent="0.35">
      <c r="A2562" s="52" t="s">
        <v>78</v>
      </c>
      <c r="B2562" s="51" t="s">
        <v>79</v>
      </c>
      <c r="C2562" s="61">
        <v>304400994</v>
      </c>
      <c r="D2562" s="62">
        <v>10</v>
      </c>
      <c r="E2562" s="51">
        <v>202412</v>
      </c>
      <c r="F2562" s="51" t="s">
        <v>38</v>
      </c>
      <c r="G2562" s="51" t="s">
        <v>97</v>
      </c>
      <c r="H2562" s="51" t="s">
        <v>82</v>
      </c>
      <c r="I2562" s="50">
        <v>4.7</v>
      </c>
    </row>
    <row r="2563" spans="1:9" x14ac:dyDescent="0.35">
      <c r="A2563" s="52" t="s">
        <v>78</v>
      </c>
      <c r="B2563" s="51" t="s">
        <v>79</v>
      </c>
      <c r="C2563" s="61">
        <v>305501379</v>
      </c>
      <c r="D2563" s="62">
        <v>10</v>
      </c>
      <c r="E2563" s="51">
        <v>202412</v>
      </c>
      <c r="F2563" s="51" t="s">
        <v>38</v>
      </c>
      <c r="G2563" s="51" t="s">
        <v>97</v>
      </c>
      <c r="H2563" s="51" t="s">
        <v>82</v>
      </c>
      <c r="I2563" s="50">
        <v>4.7</v>
      </c>
    </row>
    <row r="2564" spans="1:9" x14ac:dyDescent="0.35">
      <c r="A2564" s="52" t="s">
        <v>78</v>
      </c>
      <c r="B2564" s="51" t="s">
        <v>79</v>
      </c>
      <c r="C2564" s="61">
        <v>308305502</v>
      </c>
      <c r="D2564" s="62">
        <v>10</v>
      </c>
      <c r="E2564" s="51">
        <v>202412</v>
      </c>
      <c r="F2564" s="51" t="s">
        <v>38</v>
      </c>
      <c r="G2564" s="51" t="s">
        <v>97</v>
      </c>
      <c r="H2564" s="51" t="s">
        <v>82</v>
      </c>
      <c r="I2564" s="50">
        <v>30</v>
      </c>
    </row>
    <row r="2565" spans="1:9" x14ac:dyDescent="0.35">
      <c r="A2565" s="52" t="s">
        <v>78</v>
      </c>
      <c r="B2565" s="51" t="s">
        <v>79</v>
      </c>
      <c r="C2565" s="61">
        <v>310700220</v>
      </c>
      <c r="D2565" s="62">
        <v>10</v>
      </c>
      <c r="E2565" s="51">
        <v>202412</v>
      </c>
      <c r="F2565" s="51" t="s">
        <v>38</v>
      </c>
      <c r="G2565" s="51" t="s">
        <v>97</v>
      </c>
      <c r="H2565" s="51" t="s">
        <v>82</v>
      </c>
      <c r="I2565" s="50">
        <v>30</v>
      </c>
    </row>
    <row r="2566" spans="1:9" x14ac:dyDescent="0.35">
      <c r="A2566" s="52" t="s">
        <v>78</v>
      </c>
      <c r="B2566" s="51" t="s">
        <v>79</v>
      </c>
      <c r="C2566" s="61">
        <v>315941860</v>
      </c>
      <c r="D2566" s="62">
        <v>10</v>
      </c>
      <c r="E2566" s="51">
        <v>202412</v>
      </c>
      <c r="F2566" s="51" t="s">
        <v>38</v>
      </c>
      <c r="G2566" s="51" t="s">
        <v>97</v>
      </c>
      <c r="H2566" s="51" t="s">
        <v>82</v>
      </c>
      <c r="I2566" s="50">
        <v>4.7</v>
      </c>
    </row>
    <row r="2567" spans="1:9" x14ac:dyDescent="0.35">
      <c r="A2567" s="52" t="s">
        <v>78</v>
      </c>
      <c r="B2567" s="51" t="s">
        <v>79</v>
      </c>
      <c r="C2567" s="61">
        <v>318901981</v>
      </c>
      <c r="D2567" s="62">
        <v>10</v>
      </c>
      <c r="E2567" s="51">
        <v>202412</v>
      </c>
      <c r="F2567" s="51" t="s">
        <v>38</v>
      </c>
      <c r="G2567" s="51" t="s">
        <v>97</v>
      </c>
      <c r="H2567" s="51" t="s">
        <v>82</v>
      </c>
      <c r="I2567" s="50">
        <v>4.7</v>
      </c>
    </row>
    <row r="2568" spans="1:9" x14ac:dyDescent="0.35">
      <c r="A2568" s="52" t="s">
        <v>78</v>
      </c>
      <c r="B2568" s="51" t="s">
        <v>79</v>
      </c>
      <c r="C2568" s="61">
        <v>321204275</v>
      </c>
      <c r="D2568" s="62">
        <v>10</v>
      </c>
      <c r="E2568" s="51">
        <v>202412</v>
      </c>
      <c r="F2568" s="51" t="s">
        <v>38</v>
      </c>
      <c r="G2568" s="51" t="s">
        <v>97</v>
      </c>
      <c r="H2568" s="51" t="s">
        <v>82</v>
      </c>
      <c r="I2568" s="50">
        <v>4.7</v>
      </c>
    </row>
    <row r="2569" spans="1:9" x14ac:dyDescent="0.35">
      <c r="A2569" s="52" t="s">
        <v>78</v>
      </c>
      <c r="B2569" s="51" t="s">
        <v>79</v>
      </c>
      <c r="C2569" s="61">
        <v>323917061</v>
      </c>
      <c r="D2569" s="62">
        <v>10</v>
      </c>
      <c r="E2569" s="51">
        <v>202412</v>
      </c>
      <c r="F2569" s="51" t="s">
        <v>38</v>
      </c>
      <c r="G2569" s="51" t="s">
        <v>97</v>
      </c>
      <c r="H2569" s="51" t="s">
        <v>82</v>
      </c>
      <c r="I2569" s="50">
        <v>4.7</v>
      </c>
    </row>
    <row r="2570" spans="1:9" x14ac:dyDescent="0.35">
      <c r="A2570" s="52" t="s">
        <v>78</v>
      </c>
      <c r="B2570" s="51" t="s">
        <v>79</v>
      </c>
      <c r="C2570" s="61">
        <v>326601301</v>
      </c>
      <c r="D2570" s="62">
        <v>10</v>
      </c>
      <c r="E2570" s="51">
        <v>202412</v>
      </c>
      <c r="F2570" s="51" t="s">
        <v>38</v>
      </c>
      <c r="G2570" s="51" t="s">
        <v>97</v>
      </c>
      <c r="H2570" s="51" t="s">
        <v>82</v>
      </c>
      <c r="I2570" s="50">
        <v>4.7</v>
      </c>
    </row>
    <row r="2571" spans="1:9" x14ac:dyDescent="0.35">
      <c r="A2571" s="52" t="s">
        <v>78</v>
      </c>
      <c r="B2571" s="51" t="s">
        <v>79</v>
      </c>
      <c r="C2571" s="61">
        <v>327337553</v>
      </c>
      <c r="D2571" s="62">
        <v>10</v>
      </c>
      <c r="E2571" s="51">
        <v>202412</v>
      </c>
      <c r="F2571" s="51" t="s">
        <v>38</v>
      </c>
      <c r="G2571" s="51" t="s">
        <v>97</v>
      </c>
      <c r="H2571" s="51" t="s">
        <v>82</v>
      </c>
      <c r="I2571" s="50">
        <v>4.7</v>
      </c>
    </row>
    <row r="2572" spans="1:9" x14ac:dyDescent="0.35">
      <c r="A2572" s="52" t="s">
        <v>78</v>
      </c>
      <c r="B2572" s="51" t="s">
        <v>79</v>
      </c>
      <c r="C2572" s="61">
        <v>331075092</v>
      </c>
      <c r="D2572" s="62">
        <v>10</v>
      </c>
      <c r="E2572" s="51">
        <v>202412</v>
      </c>
      <c r="F2572" s="51" t="s">
        <v>38</v>
      </c>
      <c r="G2572" s="51" t="s">
        <v>97</v>
      </c>
      <c r="H2572" s="51" t="s">
        <v>82</v>
      </c>
      <c r="I2572" s="50">
        <v>4.7</v>
      </c>
    </row>
    <row r="2573" spans="1:9" x14ac:dyDescent="0.35">
      <c r="A2573" s="52" t="s">
        <v>78</v>
      </c>
      <c r="B2573" s="51" t="s">
        <v>79</v>
      </c>
      <c r="C2573" s="61">
        <v>332601022</v>
      </c>
      <c r="D2573" s="62">
        <v>10</v>
      </c>
      <c r="E2573" s="51">
        <v>202412</v>
      </c>
      <c r="F2573" s="51" t="s">
        <v>38</v>
      </c>
      <c r="G2573" s="51" t="s">
        <v>97</v>
      </c>
      <c r="H2573" s="51" t="s">
        <v>82</v>
      </c>
      <c r="I2573" s="50">
        <v>4.7</v>
      </c>
    </row>
    <row r="2574" spans="1:9" x14ac:dyDescent="0.35">
      <c r="A2574" s="52" t="s">
        <v>78</v>
      </c>
      <c r="B2574" s="51" t="s">
        <v>79</v>
      </c>
      <c r="C2574" s="61">
        <v>343904404</v>
      </c>
      <c r="D2574" s="62">
        <v>10</v>
      </c>
      <c r="E2574" s="51">
        <v>202412</v>
      </c>
      <c r="F2574" s="51" t="s">
        <v>38</v>
      </c>
      <c r="G2574" s="51" t="s">
        <v>97</v>
      </c>
      <c r="H2574" s="51" t="s">
        <v>82</v>
      </c>
      <c r="I2574" s="50">
        <v>4.7</v>
      </c>
    </row>
    <row r="2575" spans="1:9" x14ac:dyDescent="0.35">
      <c r="A2575" s="52" t="s">
        <v>78</v>
      </c>
      <c r="B2575" s="51" t="s">
        <v>79</v>
      </c>
      <c r="C2575" s="61">
        <v>346400916</v>
      </c>
      <c r="D2575" s="62">
        <v>10</v>
      </c>
      <c r="E2575" s="51">
        <v>202412</v>
      </c>
      <c r="F2575" s="51" t="s">
        <v>38</v>
      </c>
      <c r="G2575" s="51" t="s">
        <v>97</v>
      </c>
      <c r="H2575" s="51" t="s">
        <v>82</v>
      </c>
      <c r="I2575" s="50">
        <v>4.7</v>
      </c>
    </row>
    <row r="2576" spans="1:9" x14ac:dyDescent="0.35">
      <c r="A2576" s="52" t="s">
        <v>78</v>
      </c>
      <c r="B2576" s="51" t="s">
        <v>79</v>
      </c>
      <c r="C2576" s="61">
        <v>348601322</v>
      </c>
      <c r="D2576" s="62">
        <v>10</v>
      </c>
      <c r="E2576" s="51">
        <v>202412</v>
      </c>
      <c r="F2576" s="51" t="s">
        <v>38</v>
      </c>
      <c r="G2576" s="51" t="s">
        <v>97</v>
      </c>
      <c r="H2576" s="51" t="s">
        <v>82</v>
      </c>
      <c r="I2576" s="50">
        <v>4.7</v>
      </c>
    </row>
    <row r="2577" spans="1:9" x14ac:dyDescent="0.35">
      <c r="A2577" s="52" t="s">
        <v>78</v>
      </c>
      <c r="B2577" s="51" t="s">
        <v>79</v>
      </c>
      <c r="C2577" s="61">
        <v>349104274</v>
      </c>
      <c r="D2577" s="62">
        <v>10</v>
      </c>
      <c r="E2577" s="51">
        <v>202412</v>
      </c>
      <c r="F2577" s="51" t="s">
        <v>38</v>
      </c>
      <c r="G2577" s="51" t="s">
        <v>97</v>
      </c>
      <c r="H2577" s="51" t="s">
        <v>82</v>
      </c>
      <c r="I2577" s="50">
        <v>30</v>
      </c>
    </row>
    <row r="2578" spans="1:9" x14ac:dyDescent="0.35">
      <c r="A2578" s="52" t="s">
        <v>78</v>
      </c>
      <c r="B2578" s="51" t="s">
        <v>79</v>
      </c>
      <c r="C2578" s="61">
        <v>350405592</v>
      </c>
      <c r="D2578" s="62">
        <v>10</v>
      </c>
      <c r="E2578" s="51">
        <v>202412</v>
      </c>
      <c r="F2578" s="51" t="s">
        <v>38</v>
      </c>
      <c r="G2578" s="51" t="s">
        <v>97</v>
      </c>
      <c r="H2578" s="51" t="s">
        <v>82</v>
      </c>
      <c r="I2578" s="50">
        <v>4.7</v>
      </c>
    </row>
    <row r="2579" spans="1:9" x14ac:dyDescent="0.35">
      <c r="A2579" s="52" t="s">
        <v>78</v>
      </c>
      <c r="B2579" s="51" t="s">
        <v>79</v>
      </c>
      <c r="C2579" s="61">
        <v>353301231</v>
      </c>
      <c r="D2579" s="62">
        <v>10</v>
      </c>
      <c r="E2579" s="51">
        <v>202412</v>
      </c>
      <c r="F2579" s="51" t="s">
        <v>38</v>
      </c>
      <c r="G2579" s="51" t="s">
        <v>97</v>
      </c>
      <c r="H2579" s="51" t="s">
        <v>82</v>
      </c>
      <c r="I2579" s="50">
        <v>4.7</v>
      </c>
    </row>
    <row r="2580" spans="1:9" x14ac:dyDescent="0.35">
      <c r="A2580" s="52" t="s">
        <v>78</v>
      </c>
      <c r="B2580" s="51" t="s">
        <v>79</v>
      </c>
      <c r="C2580" s="61">
        <v>356601095</v>
      </c>
      <c r="D2580" s="62">
        <v>10</v>
      </c>
      <c r="E2580" s="51">
        <v>202412</v>
      </c>
      <c r="F2580" s="51" t="s">
        <v>38</v>
      </c>
      <c r="G2580" s="51" t="s">
        <v>97</v>
      </c>
      <c r="H2580" s="51" t="s">
        <v>82</v>
      </c>
      <c r="I2580" s="50">
        <v>4.7</v>
      </c>
    </row>
    <row r="2581" spans="1:9" x14ac:dyDescent="0.35">
      <c r="A2581" s="52" t="s">
        <v>78</v>
      </c>
      <c r="B2581" s="51" t="s">
        <v>79</v>
      </c>
      <c r="C2581" s="61">
        <v>356705557</v>
      </c>
      <c r="D2581" s="62">
        <v>10</v>
      </c>
      <c r="E2581" s="51">
        <v>202412</v>
      </c>
      <c r="F2581" s="51" t="s">
        <v>38</v>
      </c>
      <c r="G2581" s="51" t="s">
        <v>97</v>
      </c>
      <c r="H2581" s="51" t="s">
        <v>82</v>
      </c>
      <c r="I2581" s="50">
        <v>4.7</v>
      </c>
    </row>
    <row r="2582" spans="1:9" x14ac:dyDescent="0.35">
      <c r="A2582" s="52" t="s">
        <v>78</v>
      </c>
      <c r="B2582" s="51" t="s">
        <v>79</v>
      </c>
      <c r="C2582" s="61">
        <v>363404071</v>
      </c>
      <c r="D2582" s="62">
        <v>10</v>
      </c>
      <c r="E2582" s="51">
        <v>202412</v>
      </c>
      <c r="F2582" s="51" t="s">
        <v>38</v>
      </c>
      <c r="G2582" s="51" t="s">
        <v>97</v>
      </c>
      <c r="H2582" s="51" t="s">
        <v>82</v>
      </c>
      <c r="I2582" s="50">
        <v>4.7</v>
      </c>
    </row>
    <row r="2583" spans="1:9" x14ac:dyDescent="0.35">
      <c r="A2583" s="52" t="s">
        <v>78</v>
      </c>
      <c r="B2583" s="51" t="s">
        <v>79</v>
      </c>
      <c r="C2583" s="61">
        <v>363404071</v>
      </c>
      <c r="D2583" s="62">
        <v>10</v>
      </c>
      <c r="E2583" s="51">
        <v>202412</v>
      </c>
      <c r="F2583" s="51" t="s">
        <v>38</v>
      </c>
      <c r="G2583" s="51" t="s">
        <v>97</v>
      </c>
      <c r="H2583" s="51" t="s">
        <v>82</v>
      </c>
      <c r="I2583" s="50">
        <v>4.7</v>
      </c>
    </row>
    <row r="2584" spans="1:9" x14ac:dyDescent="0.35">
      <c r="A2584" s="52" t="s">
        <v>78</v>
      </c>
      <c r="B2584" s="51" t="s">
        <v>79</v>
      </c>
      <c r="C2584" s="61">
        <v>363404071</v>
      </c>
      <c r="D2584" s="62">
        <v>10</v>
      </c>
      <c r="E2584" s="51">
        <v>202412</v>
      </c>
      <c r="F2584" s="51" t="s">
        <v>38</v>
      </c>
      <c r="G2584" s="51" t="s">
        <v>97</v>
      </c>
      <c r="H2584" s="51" t="s">
        <v>82</v>
      </c>
      <c r="I2584" s="50">
        <v>4.7</v>
      </c>
    </row>
    <row r="2585" spans="1:9" x14ac:dyDescent="0.35">
      <c r="A2585" s="52" t="s">
        <v>78</v>
      </c>
      <c r="B2585" s="51" t="s">
        <v>79</v>
      </c>
      <c r="C2585" s="61">
        <v>368300282</v>
      </c>
      <c r="D2585" s="62">
        <v>10</v>
      </c>
      <c r="E2585" s="51">
        <v>202412</v>
      </c>
      <c r="F2585" s="51" t="s">
        <v>38</v>
      </c>
      <c r="G2585" s="51" t="s">
        <v>97</v>
      </c>
      <c r="H2585" s="51" t="s">
        <v>82</v>
      </c>
      <c r="I2585" s="50">
        <v>4.7</v>
      </c>
    </row>
    <row r="2586" spans="1:9" x14ac:dyDescent="0.35">
      <c r="A2586" s="52" t="s">
        <v>78</v>
      </c>
      <c r="B2586" s="51" t="s">
        <v>79</v>
      </c>
      <c r="C2586" s="61">
        <v>368800207</v>
      </c>
      <c r="D2586" s="62">
        <v>10</v>
      </c>
      <c r="E2586" s="51">
        <v>202412</v>
      </c>
      <c r="F2586" s="51" t="s">
        <v>38</v>
      </c>
      <c r="G2586" s="51" t="s">
        <v>97</v>
      </c>
      <c r="H2586" s="51" t="s">
        <v>82</v>
      </c>
      <c r="I2586" s="50">
        <v>4.7</v>
      </c>
    </row>
    <row r="2587" spans="1:9" x14ac:dyDescent="0.35">
      <c r="A2587" s="52" t="s">
        <v>78</v>
      </c>
      <c r="B2587" s="51" t="s">
        <v>79</v>
      </c>
      <c r="C2587" s="61">
        <v>369674530</v>
      </c>
      <c r="D2587" s="62">
        <v>10</v>
      </c>
      <c r="E2587" s="51">
        <v>202412</v>
      </c>
      <c r="F2587" s="51" t="s">
        <v>38</v>
      </c>
      <c r="G2587" s="51" t="s">
        <v>97</v>
      </c>
      <c r="H2587" s="51" t="s">
        <v>82</v>
      </c>
      <c r="I2587" s="50">
        <v>4.7</v>
      </c>
    </row>
    <row r="2588" spans="1:9" x14ac:dyDescent="0.35">
      <c r="A2588" s="52" t="s">
        <v>78</v>
      </c>
      <c r="B2588" s="51" t="s">
        <v>79</v>
      </c>
      <c r="C2588" s="61">
        <v>370705383</v>
      </c>
      <c r="D2588" s="62">
        <v>10</v>
      </c>
      <c r="E2588" s="51">
        <v>202412</v>
      </c>
      <c r="F2588" s="51" t="s">
        <v>38</v>
      </c>
      <c r="G2588" s="51" t="s">
        <v>97</v>
      </c>
      <c r="H2588" s="51" t="s">
        <v>82</v>
      </c>
      <c r="I2588" s="50">
        <v>4.7</v>
      </c>
    </row>
    <row r="2589" spans="1:9" x14ac:dyDescent="0.35">
      <c r="A2589" s="52" t="s">
        <v>78</v>
      </c>
      <c r="B2589" s="51" t="s">
        <v>79</v>
      </c>
      <c r="C2589" s="61">
        <v>375400990</v>
      </c>
      <c r="D2589" s="62">
        <v>10</v>
      </c>
      <c r="E2589" s="51">
        <v>202412</v>
      </c>
      <c r="F2589" s="51" t="s">
        <v>38</v>
      </c>
      <c r="G2589" s="51" t="s">
        <v>97</v>
      </c>
      <c r="H2589" s="51" t="s">
        <v>82</v>
      </c>
      <c r="I2589" s="50">
        <v>4.7</v>
      </c>
    </row>
    <row r="2590" spans="1:9" x14ac:dyDescent="0.35">
      <c r="A2590" s="52" t="s">
        <v>78</v>
      </c>
      <c r="B2590" s="51" t="s">
        <v>79</v>
      </c>
      <c r="C2590" s="61">
        <v>378104221</v>
      </c>
      <c r="D2590" s="62">
        <v>10</v>
      </c>
      <c r="E2590" s="51">
        <v>202412</v>
      </c>
      <c r="F2590" s="51" t="s">
        <v>38</v>
      </c>
      <c r="G2590" s="51" t="s">
        <v>97</v>
      </c>
      <c r="H2590" s="51" t="s">
        <v>82</v>
      </c>
      <c r="I2590" s="50">
        <v>4.7</v>
      </c>
    </row>
    <row r="2591" spans="1:9" x14ac:dyDescent="0.35">
      <c r="A2591" s="52" t="s">
        <v>78</v>
      </c>
      <c r="B2591" s="51" t="s">
        <v>79</v>
      </c>
      <c r="C2591" s="61">
        <v>379524876</v>
      </c>
      <c r="D2591" s="62">
        <v>10</v>
      </c>
      <c r="E2591" s="51">
        <v>202412</v>
      </c>
      <c r="F2591" s="51" t="s">
        <v>38</v>
      </c>
      <c r="G2591" s="51" t="s">
        <v>97</v>
      </c>
      <c r="H2591" s="51" t="s">
        <v>82</v>
      </c>
      <c r="I2591" s="50">
        <v>4.7</v>
      </c>
    </row>
    <row r="2592" spans="1:9" x14ac:dyDescent="0.35">
      <c r="A2592" s="52" t="s">
        <v>78</v>
      </c>
      <c r="B2592" s="51" t="s">
        <v>79</v>
      </c>
      <c r="C2592" s="61">
        <v>381704513</v>
      </c>
      <c r="D2592" s="62">
        <v>10</v>
      </c>
      <c r="E2592" s="51">
        <v>202412</v>
      </c>
      <c r="F2592" s="51" t="s">
        <v>38</v>
      </c>
      <c r="G2592" s="51" t="s">
        <v>97</v>
      </c>
      <c r="H2592" s="51" t="s">
        <v>82</v>
      </c>
      <c r="I2592" s="50">
        <v>4.7</v>
      </c>
    </row>
    <row r="2593" spans="1:9" x14ac:dyDescent="0.35">
      <c r="A2593" s="52" t="s">
        <v>78</v>
      </c>
      <c r="B2593" s="51" t="s">
        <v>79</v>
      </c>
      <c r="C2593" s="61">
        <v>391701366</v>
      </c>
      <c r="D2593" s="62">
        <v>10</v>
      </c>
      <c r="E2593" s="51">
        <v>202412</v>
      </c>
      <c r="F2593" s="51" t="s">
        <v>38</v>
      </c>
      <c r="G2593" s="51" t="s">
        <v>97</v>
      </c>
      <c r="H2593" s="51" t="s">
        <v>82</v>
      </c>
      <c r="I2593" s="50">
        <v>4.7</v>
      </c>
    </row>
    <row r="2594" spans="1:9" x14ac:dyDescent="0.35">
      <c r="A2594" s="52" t="s">
        <v>78</v>
      </c>
      <c r="B2594" s="51" t="s">
        <v>79</v>
      </c>
      <c r="C2594" s="61">
        <v>392147268</v>
      </c>
      <c r="D2594" s="62">
        <v>10</v>
      </c>
      <c r="E2594" s="51">
        <v>202412</v>
      </c>
      <c r="F2594" s="51" t="s">
        <v>38</v>
      </c>
      <c r="G2594" s="51" t="s">
        <v>97</v>
      </c>
      <c r="H2594" s="51" t="s">
        <v>82</v>
      </c>
      <c r="I2594" s="50">
        <v>4.7</v>
      </c>
    </row>
    <row r="2595" spans="1:9" x14ac:dyDescent="0.35">
      <c r="A2595" s="52" t="s">
        <v>78</v>
      </c>
      <c r="B2595" s="51" t="s">
        <v>79</v>
      </c>
      <c r="C2595" s="61">
        <v>394203966</v>
      </c>
      <c r="D2595" s="62">
        <v>10</v>
      </c>
      <c r="E2595" s="51">
        <v>202412</v>
      </c>
      <c r="F2595" s="51" t="s">
        <v>38</v>
      </c>
      <c r="G2595" s="51" t="s">
        <v>97</v>
      </c>
      <c r="H2595" s="51" t="s">
        <v>82</v>
      </c>
      <c r="I2595" s="50">
        <v>4.7</v>
      </c>
    </row>
    <row r="2596" spans="1:9" x14ac:dyDescent="0.35">
      <c r="A2596" s="52" t="s">
        <v>78</v>
      </c>
      <c r="B2596" s="51" t="s">
        <v>79</v>
      </c>
      <c r="C2596" s="61">
        <v>399501098</v>
      </c>
      <c r="D2596" s="62">
        <v>10</v>
      </c>
      <c r="E2596" s="51">
        <v>202412</v>
      </c>
      <c r="F2596" s="51" t="s">
        <v>38</v>
      </c>
      <c r="G2596" s="51" t="s">
        <v>97</v>
      </c>
      <c r="H2596" s="51" t="s">
        <v>82</v>
      </c>
      <c r="I2596" s="50">
        <v>4.7</v>
      </c>
    </row>
    <row r="2597" spans="1:9" x14ac:dyDescent="0.35">
      <c r="A2597" s="52" t="s">
        <v>78</v>
      </c>
      <c r="B2597" s="51" t="s">
        <v>79</v>
      </c>
      <c r="C2597" s="61">
        <v>300005974</v>
      </c>
      <c r="D2597" s="62">
        <v>20</v>
      </c>
      <c r="E2597" s="51">
        <v>202412</v>
      </c>
      <c r="F2597" s="51" t="s">
        <v>38</v>
      </c>
      <c r="G2597" s="51" t="s">
        <v>97</v>
      </c>
      <c r="H2597" s="51" t="s">
        <v>82</v>
      </c>
      <c r="I2597" s="50">
        <v>4.7</v>
      </c>
    </row>
    <row r="2598" spans="1:9" x14ac:dyDescent="0.35">
      <c r="A2598" s="52" t="s">
        <v>78</v>
      </c>
      <c r="B2598" s="51" t="s">
        <v>79</v>
      </c>
      <c r="C2598" s="61">
        <v>300190702</v>
      </c>
      <c r="D2598" s="62">
        <v>20</v>
      </c>
      <c r="E2598" s="51">
        <v>202412</v>
      </c>
      <c r="F2598" s="51" t="s">
        <v>38</v>
      </c>
      <c r="G2598" s="51" t="s">
        <v>97</v>
      </c>
      <c r="H2598" s="51" t="s">
        <v>82</v>
      </c>
      <c r="I2598" s="50">
        <v>4.7</v>
      </c>
    </row>
    <row r="2599" spans="1:9" x14ac:dyDescent="0.35">
      <c r="A2599" s="52" t="s">
        <v>78</v>
      </c>
      <c r="B2599" s="51" t="s">
        <v>79</v>
      </c>
      <c r="C2599" s="61">
        <v>300601101</v>
      </c>
      <c r="D2599" s="62">
        <v>20</v>
      </c>
      <c r="E2599" s="51">
        <v>202412</v>
      </c>
      <c r="F2599" s="51" t="s">
        <v>38</v>
      </c>
      <c r="G2599" s="51" t="s">
        <v>97</v>
      </c>
      <c r="H2599" s="51" t="s">
        <v>82</v>
      </c>
      <c r="I2599" s="50">
        <v>4.7</v>
      </c>
    </row>
    <row r="2600" spans="1:9" x14ac:dyDescent="0.35">
      <c r="A2600" s="52" t="s">
        <v>78</v>
      </c>
      <c r="B2600" s="51" t="s">
        <v>79</v>
      </c>
      <c r="C2600" s="61">
        <v>303500138</v>
      </c>
      <c r="D2600" s="62">
        <v>20</v>
      </c>
      <c r="E2600" s="51">
        <v>202412</v>
      </c>
      <c r="F2600" s="51" t="s">
        <v>38</v>
      </c>
      <c r="G2600" s="51" t="s">
        <v>97</v>
      </c>
      <c r="H2600" s="51" t="s">
        <v>82</v>
      </c>
      <c r="I2600" s="50">
        <v>4.7</v>
      </c>
    </row>
    <row r="2601" spans="1:9" x14ac:dyDescent="0.35">
      <c r="A2601" s="52" t="s">
        <v>78</v>
      </c>
      <c r="B2601" s="51" t="s">
        <v>79</v>
      </c>
      <c r="C2601" s="61">
        <v>305304480</v>
      </c>
      <c r="D2601" s="62">
        <v>20</v>
      </c>
      <c r="E2601" s="51">
        <v>202412</v>
      </c>
      <c r="F2601" s="51" t="s">
        <v>38</v>
      </c>
      <c r="G2601" s="51" t="s">
        <v>97</v>
      </c>
      <c r="H2601" s="51" t="s">
        <v>82</v>
      </c>
      <c r="I2601" s="50">
        <v>4.7</v>
      </c>
    </row>
    <row r="2602" spans="1:9" x14ac:dyDescent="0.35">
      <c r="A2602" s="52" t="s">
        <v>78</v>
      </c>
      <c r="B2602" s="51" t="s">
        <v>79</v>
      </c>
      <c r="C2602" s="61">
        <v>307500862</v>
      </c>
      <c r="D2602" s="62">
        <v>20</v>
      </c>
      <c r="E2602" s="51">
        <v>202412</v>
      </c>
      <c r="F2602" s="51" t="s">
        <v>38</v>
      </c>
      <c r="G2602" s="51" t="s">
        <v>97</v>
      </c>
      <c r="H2602" s="51" t="s">
        <v>82</v>
      </c>
      <c r="I2602" s="50">
        <v>4.7</v>
      </c>
    </row>
    <row r="2603" spans="1:9" x14ac:dyDescent="0.35">
      <c r="A2603" s="52" t="s">
        <v>78</v>
      </c>
      <c r="B2603" s="51" t="s">
        <v>79</v>
      </c>
      <c r="C2603" s="61">
        <v>311905518</v>
      </c>
      <c r="D2603" s="62">
        <v>20</v>
      </c>
      <c r="E2603" s="51">
        <v>202412</v>
      </c>
      <c r="F2603" s="51" t="s">
        <v>38</v>
      </c>
      <c r="G2603" s="51" t="s">
        <v>97</v>
      </c>
      <c r="H2603" s="51" t="s">
        <v>82</v>
      </c>
      <c r="I2603" s="50">
        <v>4.7</v>
      </c>
    </row>
    <row r="2604" spans="1:9" x14ac:dyDescent="0.35">
      <c r="A2604" s="52" t="s">
        <v>78</v>
      </c>
      <c r="B2604" s="51" t="s">
        <v>79</v>
      </c>
      <c r="C2604" s="61">
        <v>313788131</v>
      </c>
      <c r="D2604" s="62">
        <v>20</v>
      </c>
      <c r="E2604" s="51">
        <v>202412</v>
      </c>
      <c r="F2604" s="51" t="s">
        <v>38</v>
      </c>
      <c r="G2604" s="51" t="s">
        <v>97</v>
      </c>
      <c r="H2604" s="51" t="s">
        <v>82</v>
      </c>
      <c r="I2604" s="50">
        <v>95</v>
      </c>
    </row>
    <row r="2605" spans="1:9" x14ac:dyDescent="0.35">
      <c r="A2605" s="52" t="s">
        <v>78</v>
      </c>
      <c r="B2605" s="51" t="s">
        <v>79</v>
      </c>
      <c r="C2605" s="61">
        <v>314202064</v>
      </c>
      <c r="D2605" s="62">
        <v>20</v>
      </c>
      <c r="E2605" s="51">
        <v>202412</v>
      </c>
      <c r="F2605" s="51" t="s">
        <v>38</v>
      </c>
      <c r="G2605" s="51" t="s">
        <v>97</v>
      </c>
      <c r="H2605" s="51" t="s">
        <v>82</v>
      </c>
      <c r="I2605" s="50">
        <v>95</v>
      </c>
    </row>
    <row r="2606" spans="1:9" x14ac:dyDescent="0.35">
      <c r="A2606" s="52" t="s">
        <v>78</v>
      </c>
      <c r="B2606" s="51" t="s">
        <v>79</v>
      </c>
      <c r="C2606" s="61">
        <v>314402764</v>
      </c>
      <c r="D2606" s="62">
        <v>20</v>
      </c>
      <c r="E2606" s="51">
        <v>202412</v>
      </c>
      <c r="F2606" s="51" t="s">
        <v>38</v>
      </c>
      <c r="G2606" s="51" t="s">
        <v>97</v>
      </c>
      <c r="H2606" s="51" t="s">
        <v>82</v>
      </c>
      <c r="I2606" s="50">
        <v>4.7</v>
      </c>
    </row>
    <row r="2607" spans="1:9" x14ac:dyDescent="0.35">
      <c r="A2607" s="52" t="s">
        <v>78</v>
      </c>
      <c r="B2607" s="51" t="s">
        <v>79</v>
      </c>
      <c r="C2607" s="61">
        <v>314966355</v>
      </c>
      <c r="D2607" s="62">
        <v>20</v>
      </c>
      <c r="E2607" s="51">
        <v>202412</v>
      </c>
      <c r="F2607" s="51" t="s">
        <v>38</v>
      </c>
      <c r="G2607" s="51" t="s">
        <v>97</v>
      </c>
      <c r="H2607" s="51" t="s">
        <v>82</v>
      </c>
      <c r="I2607" s="50">
        <v>4.7</v>
      </c>
    </row>
    <row r="2608" spans="1:9" x14ac:dyDescent="0.35">
      <c r="A2608" s="52" t="s">
        <v>78</v>
      </c>
      <c r="B2608" s="51" t="s">
        <v>79</v>
      </c>
      <c r="C2608" s="61">
        <v>317453701</v>
      </c>
      <c r="D2608" s="62">
        <v>20</v>
      </c>
      <c r="E2608" s="51">
        <v>202412</v>
      </c>
      <c r="F2608" s="51" t="s">
        <v>38</v>
      </c>
      <c r="G2608" s="51" t="s">
        <v>97</v>
      </c>
      <c r="H2608" s="51" t="s">
        <v>82</v>
      </c>
      <c r="I2608" s="50">
        <v>30</v>
      </c>
    </row>
    <row r="2609" spans="1:9" x14ac:dyDescent="0.35">
      <c r="A2609" s="52" t="s">
        <v>78</v>
      </c>
      <c r="B2609" s="51" t="s">
        <v>79</v>
      </c>
      <c r="C2609" s="61">
        <v>319801830</v>
      </c>
      <c r="D2609" s="62">
        <v>20</v>
      </c>
      <c r="E2609" s="51">
        <v>202412</v>
      </c>
      <c r="F2609" s="51" t="s">
        <v>38</v>
      </c>
      <c r="G2609" s="51" t="s">
        <v>97</v>
      </c>
      <c r="H2609" s="51" t="s">
        <v>82</v>
      </c>
      <c r="I2609" s="50">
        <v>30</v>
      </c>
    </row>
    <row r="2610" spans="1:9" x14ac:dyDescent="0.35">
      <c r="A2610" s="52" t="s">
        <v>78</v>
      </c>
      <c r="B2610" s="51" t="s">
        <v>79</v>
      </c>
      <c r="C2610" s="61">
        <v>320209730</v>
      </c>
      <c r="D2610" s="62">
        <v>20</v>
      </c>
      <c r="E2610" s="51">
        <v>202412</v>
      </c>
      <c r="F2610" s="51" t="s">
        <v>38</v>
      </c>
      <c r="G2610" s="51" t="s">
        <v>97</v>
      </c>
      <c r="H2610" s="51" t="s">
        <v>82</v>
      </c>
      <c r="I2610" s="50">
        <v>4.7</v>
      </c>
    </row>
    <row r="2611" spans="1:9" x14ac:dyDescent="0.35">
      <c r="A2611" s="52" t="s">
        <v>78</v>
      </c>
      <c r="B2611" s="51" t="s">
        <v>79</v>
      </c>
      <c r="C2611" s="61">
        <v>322589263</v>
      </c>
      <c r="D2611" s="62">
        <v>20</v>
      </c>
      <c r="E2611" s="51">
        <v>202412</v>
      </c>
      <c r="F2611" s="51" t="s">
        <v>38</v>
      </c>
      <c r="G2611" s="51" t="s">
        <v>97</v>
      </c>
      <c r="H2611" s="51" t="s">
        <v>82</v>
      </c>
      <c r="I2611" s="50">
        <v>4.7</v>
      </c>
    </row>
    <row r="2612" spans="1:9" x14ac:dyDescent="0.35">
      <c r="A2612" s="52" t="s">
        <v>78</v>
      </c>
      <c r="B2612" s="51" t="s">
        <v>79</v>
      </c>
      <c r="C2612" s="61">
        <v>325601111</v>
      </c>
      <c r="D2612" s="62">
        <v>20</v>
      </c>
      <c r="E2612" s="51">
        <v>202412</v>
      </c>
      <c r="F2612" s="51" t="s">
        <v>38</v>
      </c>
      <c r="G2612" s="51" t="s">
        <v>97</v>
      </c>
      <c r="H2612" s="51" t="s">
        <v>82</v>
      </c>
      <c r="I2612" s="50">
        <v>4.7</v>
      </c>
    </row>
    <row r="2613" spans="1:9" x14ac:dyDescent="0.35">
      <c r="A2613" s="52" t="s">
        <v>78</v>
      </c>
      <c r="B2613" s="51" t="s">
        <v>79</v>
      </c>
      <c r="C2613" s="61">
        <v>326850990</v>
      </c>
      <c r="D2613" s="62">
        <v>20</v>
      </c>
      <c r="E2613" s="51">
        <v>202412</v>
      </c>
      <c r="F2613" s="51" t="s">
        <v>38</v>
      </c>
      <c r="G2613" s="51" t="s">
        <v>97</v>
      </c>
      <c r="H2613" s="51" t="s">
        <v>82</v>
      </c>
      <c r="I2613" s="50">
        <v>4.7</v>
      </c>
    </row>
    <row r="2614" spans="1:9" x14ac:dyDescent="0.35">
      <c r="A2614" s="52" t="s">
        <v>78</v>
      </c>
      <c r="B2614" s="51" t="s">
        <v>79</v>
      </c>
      <c r="C2614" s="61">
        <v>328856876</v>
      </c>
      <c r="D2614" s="62">
        <v>20</v>
      </c>
      <c r="E2614" s="51">
        <v>202412</v>
      </c>
      <c r="F2614" s="51" t="s">
        <v>38</v>
      </c>
      <c r="G2614" s="51" t="s">
        <v>97</v>
      </c>
      <c r="H2614" s="51" t="s">
        <v>82</v>
      </c>
      <c r="I2614" s="50">
        <v>4.7</v>
      </c>
    </row>
    <row r="2615" spans="1:9" x14ac:dyDescent="0.35">
      <c r="A2615" s="52" t="s">
        <v>78</v>
      </c>
      <c r="B2615" s="51" t="s">
        <v>79</v>
      </c>
      <c r="C2615" s="61">
        <v>330470079</v>
      </c>
      <c r="D2615" s="62">
        <v>20</v>
      </c>
      <c r="E2615" s="51">
        <v>202412</v>
      </c>
      <c r="F2615" s="51" t="s">
        <v>38</v>
      </c>
      <c r="G2615" s="51" t="s">
        <v>97</v>
      </c>
      <c r="H2615" s="51" t="s">
        <v>82</v>
      </c>
      <c r="I2615" s="50">
        <v>4.7</v>
      </c>
    </row>
    <row r="2616" spans="1:9" x14ac:dyDescent="0.35">
      <c r="A2616" s="52" t="s">
        <v>78</v>
      </c>
      <c r="B2616" s="51" t="s">
        <v>79</v>
      </c>
      <c r="C2616" s="61">
        <v>330601080</v>
      </c>
      <c r="D2616" s="62">
        <v>20</v>
      </c>
      <c r="E2616" s="51">
        <v>202412</v>
      </c>
      <c r="F2616" s="51" t="s">
        <v>38</v>
      </c>
      <c r="G2616" s="51" t="s">
        <v>97</v>
      </c>
      <c r="H2616" s="51" t="s">
        <v>82</v>
      </c>
      <c r="I2616" s="50">
        <v>4.7</v>
      </c>
    </row>
    <row r="2617" spans="1:9" x14ac:dyDescent="0.35">
      <c r="A2617" s="52" t="s">
        <v>78</v>
      </c>
      <c r="B2617" s="51" t="s">
        <v>79</v>
      </c>
      <c r="C2617" s="61">
        <v>333205599</v>
      </c>
      <c r="D2617" s="62">
        <v>20</v>
      </c>
      <c r="E2617" s="51">
        <v>202412</v>
      </c>
      <c r="F2617" s="51" t="s">
        <v>38</v>
      </c>
      <c r="G2617" s="51" t="s">
        <v>97</v>
      </c>
      <c r="H2617" s="51" t="s">
        <v>82</v>
      </c>
      <c r="I2617" s="50">
        <v>4.7</v>
      </c>
    </row>
    <row r="2618" spans="1:9" x14ac:dyDescent="0.35">
      <c r="A2618" s="52" t="s">
        <v>78</v>
      </c>
      <c r="B2618" s="51" t="s">
        <v>79</v>
      </c>
      <c r="C2618" s="61">
        <v>335566096</v>
      </c>
      <c r="D2618" s="62">
        <v>20</v>
      </c>
      <c r="E2618" s="51">
        <v>202412</v>
      </c>
      <c r="F2618" s="51" t="s">
        <v>38</v>
      </c>
      <c r="G2618" s="51" t="s">
        <v>97</v>
      </c>
      <c r="H2618" s="51" t="s">
        <v>82</v>
      </c>
      <c r="I2618" s="50">
        <v>95</v>
      </c>
    </row>
    <row r="2619" spans="1:9" x14ac:dyDescent="0.35">
      <c r="A2619" s="52" t="s">
        <v>78</v>
      </c>
      <c r="B2619" s="51" t="s">
        <v>79</v>
      </c>
      <c r="C2619" s="61">
        <v>341757128</v>
      </c>
      <c r="D2619" s="62">
        <v>20</v>
      </c>
      <c r="E2619" s="51">
        <v>202412</v>
      </c>
      <c r="F2619" s="51" t="s">
        <v>38</v>
      </c>
      <c r="G2619" s="51" t="s">
        <v>97</v>
      </c>
      <c r="H2619" s="51" t="s">
        <v>82</v>
      </c>
      <c r="I2619" s="50">
        <v>4.7</v>
      </c>
    </row>
    <row r="2620" spans="1:9" x14ac:dyDescent="0.35">
      <c r="A2620" s="52" t="s">
        <v>78</v>
      </c>
      <c r="B2620" s="51" t="s">
        <v>79</v>
      </c>
      <c r="C2620" s="61">
        <v>343602428</v>
      </c>
      <c r="D2620" s="62">
        <v>20</v>
      </c>
      <c r="E2620" s="51">
        <v>202412</v>
      </c>
      <c r="F2620" s="51" t="s">
        <v>38</v>
      </c>
      <c r="G2620" s="51" t="s">
        <v>97</v>
      </c>
      <c r="H2620" s="51" t="s">
        <v>82</v>
      </c>
      <c r="I2620" s="50">
        <v>4.7</v>
      </c>
    </row>
    <row r="2621" spans="1:9" x14ac:dyDescent="0.35">
      <c r="A2621" s="52" t="s">
        <v>78</v>
      </c>
      <c r="B2621" s="51" t="s">
        <v>79</v>
      </c>
      <c r="C2621" s="61">
        <v>343904740</v>
      </c>
      <c r="D2621" s="62">
        <v>20</v>
      </c>
      <c r="E2621" s="51">
        <v>202412</v>
      </c>
      <c r="F2621" s="51" t="s">
        <v>38</v>
      </c>
      <c r="G2621" s="51" t="s">
        <v>97</v>
      </c>
      <c r="H2621" s="51" t="s">
        <v>82</v>
      </c>
      <c r="I2621" s="50">
        <v>4.7</v>
      </c>
    </row>
    <row r="2622" spans="1:9" x14ac:dyDescent="0.35">
      <c r="A2622" s="52" t="s">
        <v>78</v>
      </c>
      <c r="B2622" s="51" t="s">
        <v>79</v>
      </c>
      <c r="C2622" s="61">
        <v>344206635</v>
      </c>
      <c r="D2622" s="62">
        <v>20</v>
      </c>
      <c r="E2622" s="51">
        <v>202412</v>
      </c>
      <c r="F2622" s="51" t="s">
        <v>38</v>
      </c>
      <c r="G2622" s="51" t="s">
        <v>97</v>
      </c>
      <c r="H2622" s="51" t="s">
        <v>82</v>
      </c>
      <c r="I2622" s="50">
        <v>4.7</v>
      </c>
    </row>
    <row r="2623" spans="1:9" x14ac:dyDescent="0.35">
      <c r="A2623" s="52" t="s">
        <v>78</v>
      </c>
      <c r="B2623" s="51" t="s">
        <v>79</v>
      </c>
      <c r="C2623" s="61">
        <v>345243912</v>
      </c>
      <c r="D2623" s="62">
        <v>20</v>
      </c>
      <c r="E2623" s="51">
        <v>202412</v>
      </c>
      <c r="F2623" s="51" t="s">
        <v>38</v>
      </c>
      <c r="G2623" s="51" t="s">
        <v>97</v>
      </c>
      <c r="H2623" s="51" t="s">
        <v>82</v>
      </c>
      <c r="I2623" s="50">
        <v>4.7</v>
      </c>
    </row>
    <row r="2624" spans="1:9" x14ac:dyDescent="0.35">
      <c r="A2624" s="52" t="s">
        <v>78</v>
      </c>
      <c r="B2624" s="51" t="s">
        <v>79</v>
      </c>
      <c r="C2624" s="61">
        <v>347402066</v>
      </c>
      <c r="D2624" s="62">
        <v>20</v>
      </c>
      <c r="E2624" s="51">
        <v>202412</v>
      </c>
      <c r="F2624" s="51" t="s">
        <v>38</v>
      </c>
      <c r="G2624" s="51" t="s">
        <v>97</v>
      </c>
      <c r="H2624" s="51" t="s">
        <v>82</v>
      </c>
      <c r="I2624" s="50">
        <v>4.7</v>
      </c>
    </row>
    <row r="2625" spans="1:9" x14ac:dyDescent="0.35">
      <c r="A2625" s="52" t="s">
        <v>78</v>
      </c>
      <c r="B2625" s="51" t="s">
        <v>79</v>
      </c>
      <c r="C2625" s="61">
        <v>348505624</v>
      </c>
      <c r="D2625" s="62">
        <v>20</v>
      </c>
      <c r="E2625" s="51">
        <v>202412</v>
      </c>
      <c r="F2625" s="51" t="s">
        <v>38</v>
      </c>
      <c r="G2625" s="51" t="s">
        <v>97</v>
      </c>
      <c r="H2625" s="51" t="s">
        <v>82</v>
      </c>
      <c r="I2625" s="50">
        <v>30</v>
      </c>
    </row>
    <row r="2626" spans="1:9" x14ac:dyDescent="0.35">
      <c r="A2626" s="52" t="s">
        <v>78</v>
      </c>
      <c r="B2626" s="51" t="s">
        <v>79</v>
      </c>
      <c r="C2626" s="61">
        <v>350347431</v>
      </c>
      <c r="D2626" s="62">
        <v>20</v>
      </c>
      <c r="E2626" s="51">
        <v>202412</v>
      </c>
      <c r="F2626" s="51" t="s">
        <v>38</v>
      </c>
      <c r="G2626" s="51" t="s">
        <v>97</v>
      </c>
      <c r="H2626" s="51" t="s">
        <v>82</v>
      </c>
      <c r="I2626" s="50">
        <v>4.7</v>
      </c>
    </row>
    <row r="2627" spans="1:9" x14ac:dyDescent="0.35">
      <c r="A2627" s="52" t="s">
        <v>78</v>
      </c>
      <c r="B2627" s="51" t="s">
        <v>79</v>
      </c>
      <c r="C2627" s="61">
        <v>351945063</v>
      </c>
      <c r="D2627" s="62">
        <v>20</v>
      </c>
      <c r="E2627" s="51">
        <v>202412</v>
      </c>
      <c r="F2627" s="51" t="s">
        <v>38</v>
      </c>
      <c r="G2627" s="51" t="s">
        <v>97</v>
      </c>
      <c r="H2627" s="51" t="s">
        <v>82</v>
      </c>
      <c r="I2627" s="50">
        <v>4.7</v>
      </c>
    </row>
    <row r="2628" spans="1:9" x14ac:dyDescent="0.35">
      <c r="A2628" s="52" t="s">
        <v>78</v>
      </c>
      <c r="B2628" s="51" t="s">
        <v>79</v>
      </c>
      <c r="C2628" s="61">
        <v>352100285</v>
      </c>
      <c r="D2628" s="62">
        <v>20</v>
      </c>
      <c r="E2628" s="51">
        <v>202412</v>
      </c>
      <c r="F2628" s="51" t="s">
        <v>38</v>
      </c>
      <c r="G2628" s="51" t="s">
        <v>97</v>
      </c>
      <c r="H2628" s="51" t="s">
        <v>82</v>
      </c>
      <c r="I2628" s="50">
        <v>4.7</v>
      </c>
    </row>
    <row r="2629" spans="1:9" x14ac:dyDescent="0.35">
      <c r="A2629" s="52" t="s">
        <v>78</v>
      </c>
      <c r="B2629" s="51" t="s">
        <v>79</v>
      </c>
      <c r="C2629" s="61">
        <v>355426298</v>
      </c>
      <c r="D2629" s="62">
        <v>20</v>
      </c>
      <c r="E2629" s="51">
        <v>202412</v>
      </c>
      <c r="F2629" s="51" t="s">
        <v>38</v>
      </c>
      <c r="G2629" s="51" t="s">
        <v>97</v>
      </c>
      <c r="H2629" s="51" t="s">
        <v>82</v>
      </c>
      <c r="I2629" s="50">
        <v>4.7</v>
      </c>
    </row>
    <row r="2630" spans="1:9" x14ac:dyDescent="0.35">
      <c r="A2630" s="52" t="s">
        <v>78</v>
      </c>
      <c r="B2630" s="51" t="s">
        <v>79</v>
      </c>
      <c r="C2630" s="61">
        <v>355601097</v>
      </c>
      <c r="D2630" s="62">
        <v>20</v>
      </c>
      <c r="E2630" s="51">
        <v>202412</v>
      </c>
      <c r="F2630" s="51" t="s">
        <v>38</v>
      </c>
      <c r="G2630" s="51" t="s">
        <v>97</v>
      </c>
      <c r="H2630" s="51" t="s">
        <v>82</v>
      </c>
      <c r="I2630" s="50">
        <v>4.7</v>
      </c>
    </row>
    <row r="2631" spans="1:9" x14ac:dyDescent="0.35">
      <c r="A2631" s="52" t="s">
        <v>78</v>
      </c>
      <c r="B2631" s="51" t="s">
        <v>79</v>
      </c>
      <c r="C2631" s="61">
        <v>357883332</v>
      </c>
      <c r="D2631" s="62">
        <v>20</v>
      </c>
      <c r="E2631" s="51">
        <v>202412</v>
      </c>
      <c r="F2631" s="51" t="s">
        <v>38</v>
      </c>
      <c r="G2631" s="51" t="s">
        <v>97</v>
      </c>
      <c r="H2631" s="51" t="s">
        <v>82</v>
      </c>
      <c r="I2631" s="50">
        <v>4.7</v>
      </c>
    </row>
    <row r="2632" spans="1:9" x14ac:dyDescent="0.35">
      <c r="A2632" s="52" t="s">
        <v>78</v>
      </c>
      <c r="B2632" s="51" t="s">
        <v>79</v>
      </c>
      <c r="C2632" s="61">
        <v>359599831</v>
      </c>
      <c r="D2632" s="62">
        <v>20</v>
      </c>
      <c r="E2632" s="51">
        <v>202412</v>
      </c>
      <c r="F2632" s="51" t="s">
        <v>38</v>
      </c>
      <c r="G2632" s="51" t="s">
        <v>97</v>
      </c>
      <c r="H2632" s="51" t="s">
        <v>82</v>
      </c>
      <c r="I2632" s="50">
        <v>4.7</v>
      </c>
    </row>
    <row r="2633" spans="1:9" x14ac:dyDescent="0.35">
      <c r="A2633" s="52" t="s">
        <v>78</v>
      </c>
      <c r="B2633" s="51" t="s">
        <v>79</v>
      </c>
      <c r="C2633" s="61">
        <v>368902292</v>
      </c>
      <c r="D2633" s="62">
        <v>20</v>
      </c>
      <c r="E2633" s="51">
        <v>202412</v>
      </c>
      <c r="F2633" s="51" t="s">
        <v>38</v>
      </c>
      <c r="G2633" s="51" t="s">
        <v>97</v>
      </c>
      <c r="H2633" s="51" t="s">
        <v>82</v>
      </c>
      <c r="I2633" s="50">
        <v>4.7</v>
      </c>
    </row>
    <row r="2634" spans="1:9" x14ac:dyDescent="0.35">
      <c r="A2634" s="52" t="s">
        <v>78</v>
      </c>
      <c r="B2634" s="51" t="s">
        <v>79</v>
      </c>
      <c r="C2634" s="61">
        <v>370065000</v>
      </c>
      <c r="D2634" s="62">
        <v>20</v>
      </c>
      <c r="E2634" s="51">
        <v>202412</v>
      </c>
      <c r="F2634" s="51" t="s">
        <v>38</v>
      </c>
      <c r="G2634" s="51" t="s">
        <v>97</v>
      </c>
      <c r="H2634" s="51" t="s">
        <v>82</v>
      </c>
      <c r="I2634" s="50">
        <v>30</v>
      </c>
    </row>
    <row r="2635" spans="1:9" x14ac:dyDescent="0.35">
      <c r="A2635" s="52" t="s">
        <v>78</v>
      </c>
      <c r="B2635" s="51" t="s">
        <v>79</v>
      </c>
      <c r="C2635" s="61">
        <v>370701872</v>
      </c>
      <c r="D2635" s="62">
        <v>20</v>
      </c>
      <c r="E2635" s="51">
        <v>202412</v>
      </c>
      <c r="F2635" s="51" t="s">
        <v>38</v>
      </c>
      <c r="G2635" s="51" t="s">
        <v>97</v>
      </c>
      <c r="H2635" s="51" t="s">
        <v>82</v>
      </c>
      <c r="I2635" s="50">
        <v>124</v>
      </c>
    </row>
    <row r="2636" spans="1:9" x14ac:dyDescent="0.35">
      <c r="A2636" s="52" t="s">
        <v>78</v>
      </c>
      <c r="B2636" s="51" t="s">
        <v>79</v>
      </c>
      <c r="C2636" s="61">
        <v>371700213</v>
      </c>
      <c r="D2636" s="62">
        <v>20</v>
      </c>
      <c r="E2636" s="51">
        <v>202412</v>
      </c>
      <c r="F2636" s="51" t="s">
        <v>38</v>
      </c>
      <c r="G2636" s="51" t="s">
        <v>97</v>
      </c>
      <c r="H2636" s="51" t="s">
        <v>82</v>
      </c>
      <c r="I2636" s="50">
        <v>95</v>
      </c>
    </row>
    <row r="2637" spans="1:9" x14ac:dyDescent="0.35">
      <c r="A2637" s="52" t="s">
        <v>78</v>
      </c>
      <c r="B2637" s="51" t="s">
        <v>79</v>
      </c>
      <c r="C2637" s="61">
        <v>374200291</v>
      </c>
      <c r="D2637" s="62">
        <v>20</v>
      </c>
      <c r="E2637" s="51">
        <v>202412</v>
      </c>
      <c r="F2637" s="51" t="s">
        <v>38</v>
      </c>
      <c r="G2637" s="51" t="s">
        <v>97</v>
      </c>
      <c r="H2637" s="51" t="s">
        <v>82</v>
      </c>
      <c r="I2637" s="50">
        <v>30</v>
      </c>
    </row>
    <row r="2638" spans="1:9" x14ac:dyDescent="0.35">
      <c r="A2638" s="52" t="s">
        <v>78</v>
      </c>
      <c r="B2638" s="51" t="s">
        <v>79</v>
      </c>
      <c r="C2638" s="61">
        <v>374402074</v>
      </c>
      <c r="D2638" s="62">
        <v>20</v>
      </c>
      <c r="E2638" s="51">
        <v>202412</v>
      </c>
      <c r="F2638" s="51" t="s">
        <v>38</v>
      </c>
      <c r="G2638" s="51" t="s">
        <v>97</v>
      </c>
      <c r="H2638" s="51" t="s">
        <v>82</v>
      </c>
      <c r="I2638" s="50">
        <v>4.7</v>
      </c>
    </row>
    <row r="2639" spans="1:9" x14ac:dyDescent="0.35">
      <c r="A2639" s="52" t="s">
        <v>78</v>
      </c>
      <c r="B2639" s="51" t="s">
        <v>79</v>
      </c>
      <c r="C2639" s="61">
        <v>375455006</v>
      </c>
      <c r="D2639" s="62">
        <v>20</v>
      </c>
      <c r="E2639" s="51">
        <v>202412</v>
      </c>
      <c r="F2639" s="51" t="s">
        <v>38</v>
      </c>
      <c r="G2639" s="51" t="s">
        <v>97</v>
      </c>
      <c r="H2639" s="51" t="s">
        <v>82</v>
      </c>
      <c r="I2639" s="50">
        <v>95</v>
      </c>
    </row>
    <row r="2640" spans="1:9" x14ac:dyDescent="0.35">
      <c r="A2640" s="52" t="s">
        <v>78</v>
      </c>
      <c r="B2640" s="51" t="s">
        <v>79</v>
      </c>
      <c r="C2640" s="61">
        <v>376804443</v>
      </c>
      <c r="D2640" s="62">
        <v>20</v>
      </c>
      <c r="E2640" s="51">
        <v>202412</v>
      </c>
      <c r="F2640" s="51" t="s">
        <v>38</v>
      </c>
      <c r="G2640" s="51" t="s">
        <v>97</v>
      </c>
      <c r="H2640" s="51" t="s">
        <v>82</v>
      </c>
      <c r="I2640" s="50">
        <v>4.7</v>
      </c>
    </row>
    <row r="2641" spans="1:9" x14ac:dyDescent="0.35">
      <c r="A2641" s="52" t="s">
        <v>78</v>
      </c>
      <c r="B2641" s="51" t="s">
        <v>79</v>
      </c>
      <c r="C2641" s="61">
        <v>378666488</v>
      </c>
      <c r="D2641" s="62">
        <v>20</v>
      </c>
      <c r="E2641" s="51">
        <v>202412</v>
      </c>
      <c r="F2641" s="51" t="s">
        <v>38</v>
      </c>
      <c r="G2641" s="51" t="s">
        <v>97</v>
      </c>
      <c r="H2641" s="51" t="s">
        <v>82</v>
      </c>
      <c r="I2641" s="50">
        <v>4.7</v>
      </c>
    </row>
    <row r="2642" spans="1:9" x14ac:dyDescent="0.35">
      <c r="A2642" s="52" t="s">
        <v>78</v>
      </c>
      <c r="B2642" s="51" t="s">
        <v>79</v>
      </c>
      <c r="C2642" s="61">
        <v>381286445</v>
      </c>
      <c r="D2642" s="62">
        <v>20</v>
      </c>
      <c r="E2642" s="51">
        <v>202412</v>
      </c>
      <c r="F2642" s="51" t="s">
        <v>38</v>
      </c>
      <c r="G2642" s="51" t="s">
        <v>97</v>
      </c>
      <c r="H2642" s="51" t="s">
        <v>82</v>
      </c>
      <c r="I2642" s="50">
        <v>4.7</v>
      </c>
    </row>
    <row r="2643" spans="1:9" x14ac:dyDescent="0.35">
      <c r="A2643" s="52" t="s">
        <v>78</v>
      </c>
      <c r="B2643" s="51" t="s">
        <v>79</v>
      </c>
      <c r="C2643" s="61">
        <v>381734458</v>
      </c>
      <c r="D2643" s="62">
        <v>20</v>
      </c>
      <c r="E2643" s="51">
        <v>202412</v>
      </c>
      <c r="F2643" s="51" t="s">
        <v>38</v>
      </c>
      <c r="G2643" s="51" t="s">
        <v>97</v>
      </c>
      <c r="H2643" s="51" t="s">
        <v>82</v>
      </c>
      <c r="I2643" s="50">
        <v>4.7</v>
      </c>
    </row>
    <row r="2644" spans="1:9" x14ac:dyDescent="0.35">
      <c r="A2644" s="52" t="s">
        <v>78</v>
      </c>
      <c r="B2644" s="51" t="s">
        <v>79</v>
      </c>
      <c r="C2644" s="61">
        <v>385200806</v>
      </c>
      <c r="D2644" s="62">
        <v>20</v>
      </c>
      <c r="E2644" s="51">
        <v>202412</v>
      </c>
      <c r="F2644" s="51" t="s">
        <v>38</v>
      </c>
      <c r="G2644" s="51" t="s">
        <v>97</v>
      </c>
      <c r="H2644" s="51" t="s">
        <v>82</v>
      </c>
      <c r="I2644" s="50">
        <v>30</v>
      </c>
    </row>
    <row r="2645" spans="1:9" x14ac:dyDescent="0.35">
      <c r="A2645" s="52" t="s">
        <v>78</v>
      </c>
      <c r="B2645" s="51" t="s">
        <v>79</v>
      </c>
      <c r="C2645" s="61">
        <v>386676511</v>
      </c>
      <c r="D2645" s="62">
        <v>20</v>
      </c>
      <c r="E2645" s="51">
        <v>202412</v>
      </c>
      <c r="F2645" s="51" t="s">
        <v>38</v>
      </c>
      <c r="G2645" s="51" t="s">
        <v>97</v>
      </c>
      <c r="H2645" s="51" t="s">
        <v>82</v>
      </c>
      <c r="I2645" s="50">
        <v>4.7</v>
      </c>
    </row>
    <row r="2646" spans="1:9" x14ac:dyDescent="0.35">
      <c r="A2646" s="52" t="s">
        <v>78</v>
      </c>
      <c r="B2646" s="51" t="s">
        <v>79</v>
      </c>
      <c r="C2646" s="61">
        <v>388402108</v>
      </c>
      <c r="D2646" s="62">
        <v>20</v>
      </c>
      <c r="E2646" s="51">
        <v>202412</v>
      </c>
      <c r="F2646" s="51" t="s">
        <v>38</v>
      </c>
      <c r="G2646" s="51" t="s">
        <v>97</v>
      </c>
      <c r="H2646" s="51" t="s">
        <v>82</v>
      </c>
      <c r="I2646" s="50">
        <v>4.7</v>
      </c>
    </row>
    <row r="2647" spans="1:9" x14ac:dyDescent="0.35">
      <c r="A2647" s="52" t="s">
        <v>78</v>
      </c>
      <c r="B2647" s="51" t="s">
        <v>79</v>
      </c>
      <c r="C2647" s="61">
        <v>389400457</v>
      </c>
      <c r="D2647" s="62">
        <v>20</v>
      </c>
      <c r="E2647" s="51">
        <v>202412</v>
      </c>
      <c r="F2647" s="51" t="s">
        <v>38</v>
      </c>
      <c r="G2647" s="51" t="s">
        <v>97</v>
      </c>
      <c r="H2647" s="51" t="s">
        <v>82</v>
      </c>
      <c r="I2647" s="50">
        <v>4.7</v>
      </c>
    </row>
    <row r="2648" spans="1:9" x14ac:dyDescent="0.35">
      <c r="A2648" s="52" t="s">
        <v>78</v>
      </c>
      <c r="B2648" s="51" t="s">
        <v>79</v>
      </c>
      <c r="C2648" s="61">
        <v>390823641</v>
      </c>
      <c r="D2648" s="62">
        <v>20</v>
      </c>
      <c r="E2648" s="51">
        <v>202412</v>
      </c>
      <c r="F2648" s="51" t="s">
        <v>38</v>
      </c>
      <c r="G2648" s="51" t="s">
        <v>97</v>
      </c>
      <c r="H2648" s="51" t="s">
        <v>82</v>
      </c>
      <c r="I2648" s="50">
        <v>4.7</v>
      </c>
    </row>
    <row r="2649" spans="1:9" x14ac:dyDescent="0.35">
      <c r="A2649" s="52" t="s">
        <v>78</v>
      </c>
      <c r="B2649" s="51" t="s">
        <v>79</v>
      </c>
      <c r="C2649" s="61">
        <v>391704234</v>
      </c>
      <c r="D2649" s="62">
        <v>20</v>
      </c>
      <c r="E2649" s="51">
        <v>202412</v>
      </c>
      <c r="F2649" s="51" t="s">
        <v>38</v>
      </c>
      <c r="G2649" s="51" t="s">
        <v>97</v>
      </c>
      <c r="H2649" s="51" t="s">
        <v>82</v>
      </c>
      <c r="I2649" s="50">
        <v>4.7</v>
      </c>
    </row>
    <row r="2650" spans="1:9" x14ac:dyDescent="0.35">
      <c r="A2650" s="52" t="s">
        <v>78</v>
      </c>
      <c r="B2650" s="51" t="s">
        <v>79</v>
      </c>
      <c r="C2650" s="61">
        <v>398051953</v>
      </c>
      <c r="D2650" s="62">
        <v>20</v>
      </c>
      <c r="E2650" s="51">
        <v>202412</v>
      </c>
      <c r="F2650" s="51" t="s">
        <v>38</v>
      </c>
      <c r="G2650" s="51" t="s">
        <v>97</v>
      </c>
      <c r="H2650" s="51" t="s">
        <v>82</v>
      </c>
      <c r="I2650" s="50">
        <v>4.7</v>
      </c>
    </row>
    <row r="2651" spans="1:9" x14ac:dyDescent="0.35">
      <c r="A2651" s="52" t="s">
        <v>78</v>
      </c>
      <c r="B2651" s="51" t="s">
        <v>79</v>
      </c>
      <c r="C2651" s="61">
        <v>306650700</v>
      </c>
      <c r="D2651" s="62">
        <v>211</v>
      </c>
      <c r="E2651" s="51">
        <v>202412</v>
      </c>
      <c r="F2651" s="51" t="s">
        <v>38</v>
      </c>
      <c r="G2651" s="51" t="s">
        <v>97</v>
      </c>
      <c r="H2651" s="51" t="s">
        <v>82</v>
      </c>
      <c r="I2651" s="50">
        <v>4.7</v>
      </c>
    </row>
    <row r="2652" spans="1:9" x14ac:dyDescent="0.35">
      <c r="A2652" s="52" t="s">
        <v>78</v>
      </c>
      <c r="B2652" s="51" t="s">
        <v>79</v>
      </c>
      <c r="C2652" s="61">
        <v>320298658</v>
      </c>
      <c r="D2652" s="62">
        <v>211</v>
      </c>
      <c r="E2652" s="51">
        <v>202412</v>
      </c>
      <c r="F2652" s="51" t="s">
        <v>38</v>
      </c>
      <c r="G2652" s="51" t="s">
        <v>97</v>
      </c>
      <c r="H2652" s="51" t="s">
        <v>82</v>
      </c>
      <c r="I2652" s="50">
        <v>4.7</v>
      </c>
    </row>
    <row r="2653" spans="1:9" x14ac:dyDescent="0.35">
      <c r="A2653" s="52" t="s">
        <v>78</v>
      </c>
      <c r="B2653" s="51" t="s">
        <v>79</v>
      </c>
      <c r="C2653" s="61">
        <v>329540730</v>
      </c>
      <c r="D2653" s="62">
        <v>211</v>
      </c>
      <c r="E2653" s="51">
        <v>202412</v>
      </c>
      <c r="F2653" s="51" t="s">
        <v>38</v>
      </c>
      <c r="G2653" s="51" t="s">
        <v>97</v>
      </c>
      <c r="H2653" s="51" t="s">
        <v>82</v>
      </c>
      <c r="I2653" s="50">
        <v>95</v>
      </c>
    </row>
    <row r="2654" spans="1:9" x14ac:dyDescent="0.35">
      <c r="A2654" s="52" t="s">
        <v>78</v>
      </c>
      <c r="B2654" s="51" t="s">
        <v>79</v>
      </c>
      <c r="C2654" s="61">
        <v>339604986</v>
      </c>
      <c r="D2654" s="62">
        <v>211</v>
      </c>
      <c r="E2654" s="51">
        <v>202412</v>
      </c>
      <c r="F2654" s="51" t="s">
        <v>38</v>
      </c>
      <c r="G2654" s="51" t="s">
        <v>97</v>
      </c>
      <c r="H2654" s="51" t="s">
        <v>82</v>
      </c>
      <c r="I2654" s="50">
        <v>4.7</v>
      </c>
    </row>
    <row r="2655" spans="1:9" x14ac:dyDescent="0.35">
      <c r="A2655" s="52" t="s">
        <v>78</v>
      </c>
      <c r="B2655" s="51" t="s">
        <v>79</v>
      </c>
      <c r="C2655" s="61">
        <v>346800555</v>
      </c>
      <c r="D2655" s="62">
        <v>211</v>
      </c>
      <c r="E2655" s="51">
        <v>202412</v>
      </c>
      <c r="F2655" s="51" t="s">
        <v>38</v>
      </c>
      <c r="G2655" s="51" t="s">
        <v>97</v>
      </c>
      <c r="H2655" s="51" t="s">
        <v>82</v>
      </c>
      <c r="I2655" s="50">
        <v>4.7</v>
      </c>
    </row>
    <row r="2656" spans="1:9" x14ac:dyDescent="0.35">
      <c r="A2656" s="52" t="s">
        <v>78</v>
      </c>
      <c r="B2656" s="51" t="s">
        <v>79</v>
      </c>
      <c r="C2656" s="61">
        <v>355500360</v>
      </c>
      <c r="D2656" s="62">
        <v>211</v>
      </c>
      <c r="E2656" s="51">
        <v>202412</v>
      </c>
      <c r="F2656" s="51" t="s">
        <v>38</v>
      </c>
      <c r="G2656" s="51" t="s">
        <v>97</v>
      </c>
      <c r="H2656" s="51" t="s">
        <v>82</v>
      </c>
      <c r="I2656" s="50">
        <v>4.7</v>
      </c>
    </row>
    <row r="2657" spans="1:9" x14ac:dyDescent="0.35">
      <c r="A2657" s="52" t="s">
        <v>78</v>
      </c>
      <c r="B2657" s="51" t="s">
        <v>79</v>
      </c>
      <c r="C2657" s="61">
        <v>373792661</v>
      </c>
      <c r="D2657" s="62">
        <v>211</v>
      </c>
      <c r="E2657" s="51">
        <v>202412</v>
      </c>
      <c r="F2657" s="51" t="s">
        <v>38</v>
      </c>
      <c r="G2657" s="51" t="s">
        <v>97</v>
      </c>
      <c r="H2657" s="51" t="s">
        <v>82</v>
      </c>
      <c r="I2657" s="50">
        <v>4.7</v>
      </c>
    </row>
    <row r="2658" spans="1:9" x14ac:dyDescent="0.35">
      <c r="A2658" s="52" t="s">
        <v>78</v>
      </c>
      <c r="B2658" s="51" t="s">
        <v>79</v>
      </c>
      <c r="C2658" s="61">
        <v>385305034</v>
      </c>
      <c r="D2658" s="62">
        <v>211</v>
      </c>
      <c r="E2658" s="51">
        <v>202412</v>
      </c>
      <c r="F2658" s="51" t="s">
        <v>38</v>
      </c>
      <c r="G2658" s="51" t="s">
        <v>97</v>
      </c>
      <c r="H2658" s="51" t="s">
        <v>82</v>
      </c>
      <c r="I2658" s="50">
        <v>4.7</v>
      </c>
    </row>
    <row r="2659" spans="1:9" x14ac:dyDescent="0.35">
      <c r="A2659" s="52" t="s">
        <v>78</v>
      </c>
      <c r="B2659" s="51" t="s">
        <v>79</v>
      </c>
      <c r="C2659" s="61">
        <v>320129365</v>
      </c>
      <c r="D2659" s="62">
        <v>212</v>
      </c>
      <c r="E2659" s="51">
        <v>202412</v>
      </c>
      <c r="F2659" s="51" t="s">
        <v>38</v>
      </c>
      <c r="G2659" s="51" t="s">
        <v>97</v>
      </c>
      <c r="H2659" s="51" t="s">
        <v>82</v>
      </c>
      <c r="I2659" s="50">
        <v>4.7</v>
      </c>
    </row>
    <row r="2660" spans="1:9" x14ac:dyDescent="0.35">
      <c r="A2660" s="52" t="s">
        <v>78</v>
      </c>
      <c r="B2660" s="51" t="s">
        <v>79</v>
      </c>
      <c r="C2660" s="61">
        <v>396790916</v>
      </c>
      <c r="D2660" s="62">
        <v>212</v>
      </c>
      <c r="E2660" s="51">
        <v>202412</v>
      </c>
      <c r="F2660" s="51" t="s">
        <v>38</v>
      </c>
      <c r="G2660" s="51" t="s">
        <v>97</v>
      </c>
      <c r="H2660" s="51" t="s">
        <v>82</v>
      </c>
      <c r="I2660" s="50">
        <v>4.7</v>
      </c>
    </row>
    <row r="2661" spans="1:9" x14ac:dyDescent="0.35">
      <c r="A2661" s="52" t="s">
        <v>78</v>
      </c>
      <c r="B2661" s="51" t="s">
        <v>79</v>
      </c>
      <c r="C2661" s="61">
        <v>317057430</v>
      </c>
      <c r="D2661" s="62">
        <v>221</v>
      </c>
      <c r="E2661" s="51">
        <v>202412</v>
      </c>
      <c r="F2661" s="51" t="s">
        <v>38</v>
      </c>
      <c r="G2661" s="51" t="s">
        <v>97</v>
      </c>
      <c r="H2661" s="51" t="s">
        <v>82</v>
      </c>
      <c r="I2661" s="50">
        <v>4.7</v>
      </c>
    </row>
  </sheetData>
  <autoFilter ref="A1:I162" xr:uid="{3712D335-1180-461E-B445-48609BD044E4}"/>
  <pageMargins left="0.7" right="0.7" top="0.75" bottom="0.75" header="0.3" footer="0.3"/>
</worksheet>
</file>

<file path=xl/worksheets/sheet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BB25FE5C-3CEA-4447-9234-D7561B6861DF}">
  <sheetPr filterMode="1"/>
  <dimension ref="A1:W4225"/>
  <sheetViews>
    <sheetView topLeftCell="B1" workbookViewId="0">
      <selection activeCell="F350" sqref="F350"/>
    </sheetView>
  </sheetViews>
  <sheetFormatPr defaultColWidth="9.1796875" defaultRowHeight="14.5" x14ac:dyDescent="0.35"/>
  <cols>
    <col min="1" max="1" width="18.453125" style="51" bestFit="1" customWidth="1"/>
    <col min="2" max="2" width="14.7265625" style="51" bestFit="1" customWidth="1"/>
    <col min="3" max="3" width="19.81640625" style="62" bestFit="1" customWidth="1"/>
    <col min="4" max="4" width="26.453125" style="51" bestFit="1" customWidth="1"/>
    <col min="5" max="5" width="14" style="51" bestFit="1" customWidth="1"/>
    <col min="6" max="6" width="13.7265625" style="51" bestFit="1" customWidth="1"/>
    <col min="7" max="7" width="19.453125" style="51" bestFit="1" customWidth="1"/>
    <col min="8" max="8" width="11.26953125" style="73" bestFit="1" customWidth="1"/>
    <col min="9" max="9" width="11.26953125" style="50" bestFit="1" customWidth="1"/>
    <col min="10" max="10" width="18.81640625" style="51" bestFit="1" customWidth="1"/>
    <col min="11" max="11" width="25.26953125" style="51" bestFit="1" customWidth="1"/>
    <col min="12" max="12" width="18.1796875" style="51" bestFit="1" customWidth="1"/>
    <col min="13" max="13" width="20.453125" style="51" bestFit="1" customWidth="1"/>
    <col min="14" max="14" width="22.81640625" style="51" bestFit="1" customWidth="1"/>
    <col min="15" max="15" width="39.81640625" style="51" bestFit="1" customWidth="1"/>
    <col min="16" max="16" width="22.81640625" style="51" bestFit="1" customWidth="1"/>
    <col min="17" max="17" width="36.81640625" style="51" bestFit="1" customWidth="1"/>
    <col min="18" max="18" width="22.81640625" style="51" bestFit="1" customWidth="1"/>
    <col min="19" max="19" width="28.54296875" style="51" bestFit="1" customWidth="1"/>
    <col min="20" max="20" width="22.81640625" style="51" bestFit="1" customWidth="1"/>
    <col min="21" max="21" width="28.54296875" style="51" bestFit="1" customWidth="1"/>
    <col min="22" max="22" width="22.81640625" style="51" bestFit="1" customWidth="1"/>
    <col min="23" max="23" width="28.54296875" style="51" bestFit="1" customWidth="1"/>
    <col min="24" max="16384" width="9.1796875" style="51"/>
  </cols>
  <sheetData>
    <row r="1" spans="1:23" x14ac:dyDescent="0.35">
      <c r="A1" s="10" t="s">
        <v>69</v>
      </c>
      <c r="B1" s="10" t="s">
        <v>70</v>
      </c>
      <c r="C1" s="7" t="s">
        <v>71</v>
      </c>
      <c r="D1" s="10" t="s">
        <v>72</v>
      </c>
      <c r="E1" s="10" t="s">
        <v>73</v>
      </c>
      <c r="F1" s="10" t="s">
        <v>74</v>
      </c>
      <c r="G1" s="10" t="s">
        <v>75</v>
      </c>
      <c r="H1" s="5" t="s">
        <v>76</v>
      </c>
      <c r="I1" s="6" t="s">
        <v>77</v>
      </c>
      <c r="J1" s="10" t="s">
        <v>2041</v>
      </c>
      <c r="K1" s="10" t="s">
        <v>2048</v>
      </c>
      <c r="L1" s="10" t="s">
        <v>2049</v>
      </c>
      <c r="M1" s="10" t="s">
        <v>2050</v>
      </c>
      <c r="N1" s="10" t="s">
        <v>2051</v>
      </c>
      <c r="O1" s="10" t="s">
        <v>2052</v>
      </c>
      <c r="P1" s="10" t="s">
        <v>2053</v>
      </c>
      <c r="Q1" s="10" t="s">
        <v>2054</v>
      </c>
      <c r="R1" s="10" t="s">
        <v>2055</v>
      </c>
      <c r="S1" s="10" t="s">
        <v>2056</v>
      </c>
      <c r="T1" s="10" t="s">
        <v>2057</v>
      </c>
      <c r="U1" s="10" t="s">
        <v>2058</v>
      </c>
      <c r="V1" s="10" t="s">
        <v>2059</v>
      </c>
      <c r="W1" s="10" t="s">
        <v>2060</v>
      </c>
    </row>
    <row r="2" spans="1:23" hidden="1" x14ac:dyDescent="0.35">
      <c r="A2" s="52" t="s">
        <v>78</v>
      </c>
      <c r="B2" s="52" t="s">
        <v>79</v>
      </c>
      <c r="C2" s="3">
        <v>20</v>
      </c>
      <c r="D2" s="52" t="s">
        <v>80</v>
      </c>
      <c r="E2" s="52" t="s">
        <v>26</v>
      </c>
      <c r="F2" s="52" t="s">
        <v>81</v>
      </c>
      <c r="G2" s="52" t="s">
        <v>82</v>
      </c>
      <c r="H2" s="4">
        <v>1</v>
      </c>
      <c r="I2" s="2">
        <v>14.65</v>
      </c>
      <c r="J2" s="52" t="s">
        <v>2061</v>
      </c>
      <c r="K2" s="71" t="s">
        <v>2062</v>
      </c>
      <c r="L2" s="52" t="s">
        <v>2063</v>
      </c>
      <c r="M2" s="72">
        <v>9582</v>
      </c>
      <c r="N2" s="52"/>
      <c r="O2" s="52"/>
      <c r="P2" s="52"/>
      <c r="Q2" s="52"/>
      <c r="R2" s="52"/>
      <c r="S2" s="52"/>
      <c r="T2" s="52"/>
      <c r="U2" s="52"/>
      <c r="V2" s="52"/>
      <c r="W2" s="52"/>
    </row>
    <row r="3" spans="1:23" hidden="1" x14ac:dyDescent="0.35">
      <c r="A3" s="52" t="s">
        <v>78</v>
      </c>
      <c r="B3" s="52" t="s">
        <v>79</v>
      </c>
      <c r="C3" s="3">
        <v>20</v>
      </c>
      <c r="D3" s="52" t="s">
        <v>86</v>
      </c>
      <c r="E3" s="52" t="s">
        <v>26</v>
      </c>
      <c r="F3" s="52" t="s">
        <v>81</v>
      </c>
      <c r="G3" s="52" t="s">
        <v>82</v>
      </c>
      <c r="H3" s="4">
        <v>1</v>
      </c>
      <c r="I3" s="2">
        <v>14.65</v>
      </c>
      <c r="J3" s="52" t="s">
        <v>2064</v>
      </c>
      <c r="K3" s="71" t="s">
        <v>2065</v>
      </c>
      <c r="L3" s="52" t="s">
        <v>2063</v>
      </c>
      <c r="M3" s="72">
        <v>2791</v>
      </c>
      <c r="N3" s="52" t="s">
        <v>2066</v>
      </c>
      <c r="O3" s="52" t="s">
        <v>2067</v>
      </c>
      <c r="P3" s="52"/>
      <c r="Q3" s="52"/>
      <c r="R3" s="52"/>
      <c r="S3" s="52"/>
      <c r="T3" s="52"/>
      <c r="U3" s="52"/>
      <c r="V3" s="52"/>
      <c r="W3" s="52"/>
    </row>
    <row r="4" spans="1:23" hidden="1" x14ac:dyDescent="0.35">
      <c r="A4" s="52" t="s">
        <v>78</v>
      </c>
      <c r="B4" s="52" t="s">
        <v>79</v>
      </c>
      <c r="C4" s="3">
        <v>10</v>
      </c>
      <c r="D4" s="52" t="s">
        <v>2019</v>
      </c>
      <c r="E4" s="52" t="s">
        <v>26</v>
      </c>
      <c r="F4" s="52" t="s">
        <v>81</v>
      </c>
      <c r="G4" s="52" t="s">
        <v>82</v>
      </c>
      <c r="H4" s="4">
        <v>1</v>
      </c>
      <c r="I4" s="2">
        <v>14.65</v>
      </c>
      <c r="J4" s="52" t="s">
        <v>2068</v>
      </c>
      <c r="K4" s="71" t="s">
        <v>2069</v>
      </c>
      <c r="L4" s="52" t="s">
        <v>2063</v>
      </c>
      <c r="M4" s="72">
        <v>1555</v>
      </c>
      <c r="N4" s="52" t="s">
        <v>2066</v>
      </c>
      <c r="O4" s="52" t="s">
        <v>2067</v>
      </c>
      <c r="P4" s="52"/>
      <c r="Q4" s="52"/>
      <c r="R4" s="52"/>
      <c r="S4" s="52"/>
      <c r="T4" s="52"/>
      <c r="U4" s="52"/>
      <c r="V4" s="52"/>
      <c r="W4" s="52"/>
    </row>
    <row r="5" spans="1:23" hidden="1" x14ac:dyDescent="0.35">
      <c r="A5" s="52" t="s">
        <v>78</v>
      </c>
      <c r="B5" s="52" t="s">
        <v>79</v>
      </c>
      <c r="C5" s="3">
        <v>20</v>
      </c>
      <c r="D5" s="52" t="s">
        <v>2021</v>
      </c>
      <c r="E5" s="52" t="s">
        <v>26</v>
      </c>
      <c r="F5" s="52" t="s">
        <v>81</v>
      </c>
      <c r="G5" s="52" t="s">
        <v>82</v>
      </c>
      <c r="H5" s="4">
        <v>1</v>
      </c>
      <c r="I5" s="2">
        <v>14.65</v>
      </c>
      <c r="J5" s="52" t="s">
        <v>2070</v>
      </c>
      <c r="K5" s="71" t="s">
        <v>2071</v>
      </c>
      <c r="L5" s="52" t="s">
        <v>2063</v>
      </c>
      <c r="M5" s="72">
        <v>1803</v>
      </c>
      <c r="N5" s="52" t="s">
        <v>2072</v>
      </c>
      <c r="O5" s="52" t="s">
        <v>2073</v>
      </c>
      <c r="P5" s="52"/>
      <c r="Q5" s="52"/>
      <c r="R5" s="52"/>
      <c r="S5" s="52"/>
      <c r="T5" s="52"/>
      <c r="U5" s="52"/>
      <c r="V5" s="52"/>
      <c r="W5" s="52"/>
    </row>
    <row r="6" spans="1:23" x14ac:dyDescent="0.35">
      <c r="A6" s="52" t="s">
        <v>78</v>
      </c>
      <c r="B6" s="52" t="s">
        <v>79</v>
      </c>
      <c r="C6" s="3">
        <v>10</v>
      </c>
      <c r="D6" s="52" t="s">
        <v>2023</v>
      </c>
      <c r="E6" s="52" t="s">
        <v>26</v>
      </c>
      <c r="F6" s="52" t="s">
        <v>81</v>
      </c>
      <c r="G6" s="52" t="s">
        <v>82</v>
      </c>
      <c r="H6" s="4">
        <v>1</v>
      </c>
      <c r="I6" s="2">
        <v>14.65</v>
      </c>
      <c r="J6" s="52" t="s">
        <v>2074</v>
      </c>
      <c r="K6" s="71" t="s">
        <v>2075</v>
      </c>
      <c r="L6" s="52" t="s">
        <v>2063</v>
      </c>
      <c r="M6" s="72">
        <v>7579</v>
      </c>
      <c r="N6" s="52" t="s">
        <v>2076</v>
      </c>
      <c r="O6" s="52" t="s">
        <v>2077</v>
      </c>
      <c r="P6" s="52"/>
      <c r="Q6" s="52"/>
      <c r="R6" s="52"/>
      <c r="S6" s="52"/>
      <c r="T6" s="52"/>
      <c r="U6" s="52"/>
      <c r="V6" s="52"/>
      <c r="W6" s="52"/>
    </row>
    <row r="7" spans="1:23" hidden="1" x14ac:dyDescent="0.35">
      <c r="A7" s="52" t="s">
        <v>78</v>
      </c>
      <c r="B7" s="52" t="s">
        <v>79</v>
      </c>
      <c r="C7" s="3">
        <v>20</v>
      </c>
      <c r="D7" s="52" t="s">
        <v>80</v>
      </c>
      <c r="E7" s="52" t="s">
        <v>26</v>
      </c>
      <c r="F7" s="52" t="s">
        <v>81</v>
      </c>
      <c r="G7" s="52" t="s">
        <v>82</v>
      </c>
      <c r="H7" s="4">
        <v>1</v>
      </c>
      <c r="I7" s="2">
        <v>14.65</v>
      </c>
      <c r="J7" s="52" t="s">
        <v>2078</v>
      </c>
      <c r="K7" s="71" t="s">
        <v>2079</v>
      </c>
      <c r="L7" s="52" t="s">
        <v>2063</v>
      </c>
      <c r="M7" s="72">
        <v>3224</v>
      </c>
      <c r="N7" s="52" t="s">
        <v>2072</v>
      </c>
      <c r="O7" s="52" t="s">
        <v>2073</v>
      </c>
      <c r="P7" s="52"/>
      <c r="Q7" s="52"/>
      <c r="R7" s="52"/>
      <c r="S7" s="52"/>
      <c r="T7" s="52"/>
      <c r="U7" s="52"/>
      <c r="V7" s="52"/>
      <c r="W7" s="52"/>
    </row>
    <row r="8" spans="1:23" hidden="1" x14ac:dyDescent="0.35">
      <c r="A8" s="52" t="s">
        <v>78</v>
      </c>
      <c r="B8" s="52" t="s">
        <v>79</v>
      </c>
      <c r="C8" s="3">
        <v>20</v>
      </c>
      <c r="D8" s="52" t="s">
        <v>2022</v>
      </c>
      <c r="E8" s="52" t="s">
        <v>26</v>
      </c>
      <c r="F8" s="52" t="s">
        <v>81</v>
      </c>
      <c r="G8" s="52" t="s">
        <v>82</v>
      </c>
      <c r="H8" s="4">
        <v>1</v>
      </c>
      <c r="I8" s="2">
        <v>14.65</v>
      </c>
      <c r="J8" s="52" t="s">
        <v>2080</v>
      </c>
      <c r="K8" s="71" t="s">
        <v>2081</v>
      </c>
      <c r="L8" s="52" t="s">
        <v>2063</v>
      </c>
      <c r="M8" s="72">
        <v>890</v>
      </c>
      <c r="N8" s="52" t="s">
        <v>2072</v>
      </c>
      <c r="O8" s="52" t="s">
        <v>2073</v>
      </c>
      <c r="P8" s="52"/>
      <c r="Q8" s="52"/>
      <c r="R8" s="52"/>
      <c r="S8" s="52"/>
      <c r="T8" s="52"/>
      <c r="U8" s="52"/>
      <c r="V8" s="52"/>
      <c r="W8" s="52"/>
    </row>
    <row r="9" spans="1:23" hidden="1" x14ac:dyDescent="0.35">
      <c r="A9" s="52" t="s">
        <v>78</v>
      </c>
      <c r="B9" s="52" t="s">
        <v>79</v>
      </c>
      <c r="C9" s="3">
        <v>10</v>
      </c>
      <c r="D9" s="52" t="s">
        <v>2019</v>
      </c>
      <c r="E9" s="52" t="s">
        <v>26</v>
      </c>
      <c r="F9" s="52" t="s">
        <v>81</v>
      </c>
      <c r="G9" s="52" t="s">
        <v>82</v>
      </c>
      <c r="H9" s="4">
        <v>1</v>
      </c>
      <c r="I9" s="2">
        <v>14.65</v>
      </c>
      <c r="J9" s="52" t="s">
        <v>2082</v>
      </c>
      <c r="K9" s="71" t="s">
        <v>2083</v>
      </c>
      <c r="L9" s="52" t="s">
        <v>2063</v>
      </c>
      <c r="M9" s="72">
        <v>924</v>
      </c>
      <c r="N9" s="52"/>
      <c r="O9" s="52"/>
      <c r="P9" s="52"/>
      <c r="Q9" s="52"/>
      <c r="R9" s="52"/>
      <c r="S9" s="52"/>
      <c r="T9" s="52"/>
      <c r="U9" s="52"/>
      <c r="V9" s="52"/>
      <c r="W9" s="52"/>
    </row>
    <row r="10" spans="1:23" hidden="1" x14ac:dyDescent="0.35">
      <c r="A10" s="52" t="s">
        <v>78</v>
      </c>
      <c r="B10" s="52" t="s">
        <v>79</v>
      </c>
      <c r="C10" s="3">
        <v>20</v>
      </c>
      <c r="D10" s="52" t="s">
        <v>86</v>
      </c>
      <c r="E10" s="52" t="s">
        <v>26</v>
      </c>
      <c r="F10" s="52" t="s">
        <v>81</v>
      </c>
      <c r="G10" s="52" t="s">
        <v>82</v>
      </c>
      <c r="H10" s="4">
        <v>1</v>
      </c>
      <c r="I10" s="2">
        <v>14.65</v>
      </c>
      <c r="J10" s="52" t="s">
        <v>2084</v>
      </c>
      <c r="K10" s="71" t="s">
        <v>2085</v>
      </c>
      <c r="L10" s="52" t="s">
        <v>2063</v>
      </c>
      <c r="M10" s="72">
        <v>4429</v>
      </c>
      <c r="N10" s="52"/>
      <c r="O10" s="52"/>
      <c r="P10" s="52"/>
      <c r="Q10" s="52"/>
      <c r="R10" s="52"/>
      <c r="S10" s="52"/>
      <c r="T10" s="52"/>
      <c r="U10" s="52"/>
      <c r="V10" s="52"/>
      <c r="W10" s="52"/>
    </row>
    <row r="11" spans="1:23" hidden="1" x14ac:dyDescent="0.35">
      <c r="A11" s="52" t="s">
        <v>78</v>
      </c>
      <c r="B11" s="52" t="s">
        <v>79</v>
      </c>
      <c r="C11" s="3">
        <v>10</v>
      </c>
      <c r="D11" s="52" t="s">
        <v>86</v>
      </c>
      <c r="E11" s="52" t="s">
        <v>26</v>
      </c>
      <c r="F11" s="52" t="s">
        <v>81</v>
      </c>
      <c r="G11" s="52" t="s">
        <v>82</v>
      </c>
      <c r="H11" s="4">
        <v>1</v>
      </c>
      <c r="I11" s="2">
        <v>14.65</v>
      </c>
      <c r="J11" s="52" t="s">
        <v>2086</v>
      </c>
      <c r="K11" s="71" t="s">
        <v>2087</v>
      </c>
      <c r="L11" s="52" t="s">
        <v>2063</v>
      </c>
      <c r="M11" s="72">
        <v>4414</v>
      </c>
      <c r="N11" s="52" t="s">
        <v>2072</v>
      </c>
      <c r="O11" s="52" t="s">
        <v>2073</v>
      </c>
      <c r="P11" s="52"/>
      <c r="Q11" s="52"/>
      <c r="R11" s="52"/>
      <c r="S11" s="52"/>
      <c r="T11" s="52"/>
      <c r="U11" s="52"/>
      <c r="V11" s="52"/>
      <c r="W11" s="52"/>
    </row>
    <row r="12" spans="1:23" hidden="1" x14ac:dyDescent="0.35">
      <c r="A12" s="52" t="s">
        <v>78</v>
      </c>
      <c r="B12" s="52" t="s">
        <v>79</v>
      </c>
      <c r="C12" s="3">
        <v>20</v>
      </c>
      <c r="D12" s="52" t="s">
        <v>80</v>
      </c>
      <c r="E12" s="52" t="s">
        <v>26</v>
      </c>
      <c r="F12" s="52" t="s">
        <v>81</v>
      </c>
      <c r="G12" s="52" t="s">
        <v>82</v>
      </c>
      <c r="H12" s="4">
        <v>1</v>
      </c>
      <c r="I12" s="2">
        <v>14.65</v>
      </c>
      <c r="J12" s="52" t="s">
        <v>2080</v>
      </c>
      <c r="K12" s="71" t="s">
        <v>2088</v>
      </c>
      <c r="L12" s="52" t="s">
        <v>2063</v>
      </c>
      <c r="M12" s="72">
        <v>595</v>
      </c>
      <c r="N12" s="52"/>
      <c r="O12" s="52"/>
      <c r="P12" s="52"/>
      <c r="Q12" s="52"/>
      <c r="R12" s="52"/>
      <c r="S12" s="52"/>
      <c r="T12" s="52"/>
      <c r="U12" s="52"/>
      <c r="V12" s="52"/>
      <c r="W12" s="52"/>
    </row>
    <row r="13" spans="1:23" hidden="1" x14ac:dyDescent="0.35">
      <c r="A13" s="52" t="s">
        <v>78</v>
      </c>
      <c r="B13" s="52" t="s">
        <v>79</v>
      </c>
      <c r="C13" s="3">
        <v>10</v>
      </c>
      <c r="D13" s="52" t="s">
        <v>2019</v>
      </c>
      <c r="E13" s="52" t="s">
        <v>26</v>
      </c>
      <c r="F13" s="52" t="s">
        <v>81</v>
      </c>
      <c r="G13" s="52" t="s">
        <v>82</v>
      </c>
      <c r="H13" s="4">
        <v>1</v>
      </c>
      <c r="I13" s="2">
        <v>14.65</v>
      </c>
      <c r="J13" s="52" t="s">
        <v>2089</v>
      </c>
      <c r="K13" s="71" t="s">
        <v>2090</v>
      </c>
      <c r="L13" s="52" t="s">
        <v>2063</v>
      </c>
      <c r="M13" s="72">
        <v>2120</v>
      </c>
      <c r="N13" s="52" t="s">
        <v>2066</v>
      </c>
      <c r="O13" s="52" t="s">
        <v>2067</v>
      </c>
      <c r="P13" s="52"/>
      <c r="Q13" s="52"/>
      <c r="R13" s="52"/>
      <c r="S13" s="52"/>
      <c r="T13" s="52"/>
      <c r="U13" s="52"/>
      <c r="V13" s="52"/>
      <c r="W13" s="52"/>
    </row>
    <row r="14" spans="1:23" hidden="1" x14ac:dyDescent="0.35">
      <c r="A14" s="52" t="s">
        <v>78</v>
      </c>
      <c r="B14" s="52" t="s">
        <v>79</v>
      </c>
      <c r="C14" s="3">
        <v>20</v>
      </c>
      <c r="D14" s="52" t="s">
        <v>2023</v>
      </c>
      <c r="E14" s="52" t="s">
        <v>26</v>
      </c>
      <c r="F14" s="52" t="s">
        <v>81</v>
      </c>
      <c r="G14" s="52" t="s">
        <v>82</v>
      </c>
      <c r="H14" s="4">
        <v>1</v>
      </c>
      <c r="I14" s="2">
        <v>14.65</v>
      </c>
      <c r="J14" s="52" t="s">
        <v>2091</v>
      </c>
      <c r="K14" s="71" t="s">
        <v>2092</v>
      </c>
      <c r="L14" s="52" t="s">
        <v>2063</v>
      </c>
      <c r="M14" s="72">
        <v>606</v>
      </c>
      <c r="N14" s="52" t="s">
        <v>2072</v>
      </c>
      <c r="O14" s="52" t="s">
        <v>2073</v>
      </c>
      <c r="P14" s="52"/>
      <c r="Q14" s="52"/>
      <c r="R14" s="52"/>
      <c r="S14" s="52"/>
      <c r="T14" s="52"/>
      <c r="U14" s="52"/>
      <c r="V14" s="52"/>
      <c r="W14" s="52"/>
    </row>
    <row r="15" spans="1:23" hidden="1" x14ac:dyDescent="0.35">
      <c r="A15" s="52" t="s">
        <v>78</v>
      </c>
      <c r="B15" s="52" t="s">
        <v>79</v>
      </c>
      <c r="C15" s="3">
        <v>10</v>
      </c>
      <c r="D15" s="52" t="s">
        <v>84</v>
      </c>
      <c r="E15" s="52" t="s">
        <v>26</v>
      </c>
      <c r="F15" s="52" t="s">
        <v>81</v>
      </c>
      <c r="G15" s="52" t="s">
        <v>82</v>
      </c>
      <c r="H15" s="4">
        <v>1</v>
      </c>
      <c r="I15" s="2">
        <v>14.65</v>
      </c>
      <c r="J15" s="52" t="s">
        <v>2093</v>
      </c>
      <c r="K15" s="71" t="s">
        <v>2094</v>
      </c>
      <c r="L15" s="52" t="s">
        <v>2095</v>
      </c>
      <c r="M15" s="72">
        <v>3486</v>
      </c>
      <c r="N15" s="52" t="s">
        <v>2072</v>
      </c>
      <c r="O15" s="52" t="s">
        <v>2073</v>
      </c>
      <c r="P15" s="52"/>
      <c r="Q15" s="52"/>
      <c r="R15" s="52"/>
      <c r="S15" s="52"/>
      <c r="T15" s="52"/>
      <c r="U15" s="52"/>
      <c r="V15" s="52"/>
      <c r="W15" s="52"/>
    </row>
    <row r="16" spans="1:23" hidden="1" x14ac:dyDescent="0.35">
      <c r="A16" s="52" t="s">
        <v>78</v>
      </c>
      <c r="B16" s="52" t="s">
        <v>79</v>
      </c>
      <c r="C16" s="3">
        <v>10</v>
      </c>
      <c r="D16" s="52" t="s">
        <v>85</v>
      </c>
      <c r="E16" s="52" t="s">
        <v>26</v>
      </c>
      <c r="F16" s="52" t="s">
        <v>81</v>
      </c>
      <c r="G16" s="52" t="s">
        <v>82</v>
      </c>
      <c r="H16" s="4">
        <v>1</v>
      </c>
      <c r="I16" s="2">
        <v>14.65</v>
      </c>
      <c r="J16" s="52" t="s">
        <v>2096</v>
      </c>
      <c r="K16" s="71" t="s">
        <v>2097</v>
      </c>
      <c r="L16" s="52" t="s">
        <v>2063</v>
      </c>
      <c r="M16" s="72">
        <v>8690</v>
      </c>
      <c r="N16" s="52"/>
      <c r="O16" s="52"/>
      <c r="P16" s="52"/>
      <c r="Q16" s="52"/>
      <c r="R16" s="52"/>
      <c r="S16" s="52"/>
      <c r="T16" s="52"/>
      <c r="U16" s="52"/>
      <c r="V16" s="52"/>
      <c r="W16" s="52"/>
    </row>
    <row r="17" spans="1:23" hidden="1" x14ac:dyDescent="0.35">
      <c r="A17" s="52" t="s">
        <v>78</v>
      </c>
      <c r="B17" s="52" t="s">
        <v>79</v>
      </c>
      <c r="C17" s="3">
        <v>212</v>
      </c>
      <c r="D17" s="52" t="s">
        <v>2023</v>
      </c>
      <c r="E17" s="52" t="s">
        <v>26</v>
      </c>
      <c r="F17" s="52" t="s">
        <v>81</v>
      </c>
      <c r="G17" s="52" t="s">
        <v>82</v>
      </c>
      <c r="H17" s="4">
        <v>1</v>
      </c>
      <c r="I17" s="2">
        <v>14.65</v>
      </c>
      <c r="J17" s="52" t="s">
        <v>2098</v>
      </c>
      <c r="K17" s="71" t="s">
        <v>2099</v>
      </c>
      <c r="L17" s="52" t="s">
        <v>2063</v>
      </c>
      <c r="M17" s="72">
        <v>9455</v>
      </c>
      <c r="N17" s="52" t="s">
        <v>2066</v>
      </c>
      <c r="O17" s="52" t="s">
        <v>2067</v>
      </c>
      <c r="P17" s="52"/>
      <c r="Q17" s="52"/>
      <c r="R17" s="52"/>
      <c r="S17" s="52"/>
      <c r="T17" s="52"/>
      <c r="U17" s="52"/>
      <c r="V17" s="52"/>
      <c r="W17" s="52"/>
    </row>
    <row r="18" spans="1:23" hidden="1" x14ac:dyDescent="0.35">
      <c r="A18" s="52" t="s">
        <v>78</v>
      </c>
      <c r="B18" s="52" t="s">
        <v>79</v>
      </c>
      <c r="C18" s="3">
        <v>10</v>
      </c>
      <c r="D18" s="52" t="s">
        <v>2022</v>
      </c>
      <c r="E18" s="52" t="s">
        <v>26</v>
      </c>
      <c r="F18" s="52" t="s">
        <v>81</v>
      </c>
      <c r="G18" s="52" t="s">
        <v>82</v>
      </c>
      <c r="H18" s="4">
        <v>1</v>
      </c>
      <c r="I18" s="2">
        <v>14.65</v>
      </c>
      <c r="J18" s="52" t="s">
        <v>2100</v>
      </c>
      <c r="K18" s="71" t="s">
        <v>2101</v>
      </c>
      <c r="L18" s="52" t="s">
        <v>2063</v>
      </c>
      <c r="M18" s="72">
        <v>5832</v>
      </c>
      <c r="N18" s="52" t="s">
        <v>2072</v>
      </c>
      <c r="O18" s="52" t="s">
        <v>2073</v>
      </c>
      <c r="P18" s="52"/>
      <c r="Q18" s="52"/>
      <c r="R18" s="52"/>
      <c r="S18" s="52"/>
      <c r="T18" s="52"/>
      <c r="U18" s="52"/>
      <c r="V18" s="52"/>
      <c r="W18" s="52"/>
    </row>
    <row r="19" spans="1:23" hidden="1" x14ac:dyDescent="0.35">
      <c r="A19" s="52" t="s">
        <v>78</v>
      </c>
      <c r="B19" s="52" t="s">
        <v>79</v>
      </c>
      <c r="C19" s="3">
        <v>10</v>
      </c>
      <c r="D19" s="52" t="s">
        <v>86</v>
      </c>
      <c r="E19" s="52" t="s">
        <v>26</v>
      </c>
      <c r="F19" s="52" t="s">
        <v>81</v>
      </c>
      <c r="G19" s="52" t="s">
        <v>82</v>
      </c>
      <c r="H19" s="4">
        <v>1</v>
      </c>
      <c r="I19" s="2">
        <v>14.65</v>
      </c>
      <c r="J19" s="52" t="s">
        <v>2102</v>
      </c>
      <c r="K19" s="71" t="s">
        <v>2103</v>
      </c>
      <c r="L19" s="52" t="s">
        <v>2063</v>
      </c>
      <c r="M19" s="72">
        <v>3307</v>
      </c>
      <c r="N19" s="52" t="s">
        <v>2066</v>
      </c>
      <c r="O19" s="52" t="s">
        <v>2067</v>
      </c>
      <c r="P19" s="52"/>
      <c r="Q19" s="52"/>
      <c r="R19" s="52"/>
      <c r="S19" s="52"/>
      <c r="T19" s="52"/>
      <c r="U19" s="52"/>
      <c r="V19" s="52"/>
      <c r="W19" s="52"/>
    </row>
    <row r="20" spans="1:23" hidden="1" x14ac:dyDescent="0.35">
      <c r="A20" s="52" t="s">
        <v>78</v>
      </c>
      <c r="B20" s="52" t="s">
        <v>79</v>
      </c>
      <c r="C20" s="3">
        <v>20</v>
      </c>
      <c r="D20" s="52" t="s">
        <v>2024</v>
      </c>
      <c r="E20" s="52" t="s">
        <v>26</v>
      </c>
      <c r="F20" s="52" t="s">
        <v>81</v>
      </c>
      <c r="G20" s="52" t="s">
        <v>82</v>
      </c>
      <c r="H20" s="4">
        <v>1</v>
      </c>
      <c r="I20" s="2">
        <v>14.65</v>
      </c>
      <c r="J20" s="52" t="s">
        <v>2104</v>
      </c>
      <c r="K20" s="71" t="s">
        <v>2105</v>
      </c>
      <c r="L20" s="52" t="s">
        <v>2063</v>
      </c>
      <c r="M20" s="72">
        <v>8425</v>
      </c>
      <c r="N20" s="52"/>
      <c r="O20" s="52"/>
      <c r="P20" s="52"/>
      <c r="Q20" s="52"/>
      <c r="R20" s="52"/>
      <c r="S20" s="52"/>
      <c r="T20" s="52"/>
      <c r="U20" s="52"/>
      <c r="V20" s="52"/>
      <c r="W20" s="52"/>
    </row>
    <row r="21" spans="1:23" hidden="1" x14ac:dyDescent="0.35">
      <c r="A21" s="52" t="s">
        <v>78</v>
      </c>
      <c r="B21" s="52" t="s">
        <v>79</v>
      </c>
      <c r="C21" s="3">
        <v>10</v>
      </c>
      <c r="D21" s="52" t="s">
        <v>2019</v>
      </c>
      <c r="E21" s="52" t="s">
        <v>26</v>
      </c>
      <c r="F21" s="52" t="s">
        <v>81</v>
      </c>
      <c r="G21" s="52" t="s">
        <v>82</v>
      </c>
      <c r="H21" s="4">
        <v>1</v>
      </c>
      <c r="I21" s="2">
        <v>14.65</v>
      </c>
      <c r="J21" s="52" t="s">
        <v>2106</v>
      </c>
      <c r="K21" s="71" t="s">
        <v>2107</v>
      </c>
      <c r="L21" s="52" t="s">
        <v>2063</v>
      </c>
      <c r="M21" s="72">
        <v>4253</v>
      </c>
      <c r="N21" s="52"/>
      <c r="O21" s="52"/>
      <c r="P21" s="52"/>
      <c r="Q21" s="52"/>
      <c r="R21" s="52"/>
      <c r="S21" s="52"/>
      <c r="T21" s="52"/>
      <c r="U21" s="52"/>
      <c r="V21" s="52"/>
      <c r="W21" s="52"/>
    </row>
    <row r="22" spans="1:23" hidden="1" x14ac:dyDescent="0.35">
      <c r="A22" s="52" t="s">
        <v>78</v>
      </c>
      <c r="B22" s="52" t="s">
        <v>79</v>
      </c>
      <c r="C22" s="3">
        <v>211</v>
      </c>
      <c r="D22" s="52" t="s">
        <v>85</v>
      </c>
      <c r="E22" s="52" t="s">
        <v>26</v>
      </c>
      <c r="F22" s="52" t="s">
        <v>81</v>
      </c>
      <c r="G22" s="52" t="s">
        <v>82</v>
      </c>
      <c r="H22" s="4">
        <v>1</v>
      </c>
      <c r="I22" s="2">
        <v>14.65</v>
      </c>
      <c r="J22" s="52" t="s">
        <v>2108</v>
      </c>
      <c r="K22" s="71" t="s">
        <v>2109</v>
      </c>
      <c r="L22" s="52" t="s">
        <v>2095</v>
      </c>
      <c r="M22" s="72">
        <v>5238</v>
      </c>
      <c r="N22" s="52" t="s">
        <v>2066</v>
      </c>
      <c r="O22" s="52" t="s">
        <v>2067</v>
      </c>
      <c r="P22" s="52"/>
      <c r="Q22" s="52"/>
      <c r="R22" s="52"/>
      <c r="S22" s="52"/>
      <c r="T22" s="52"/>
      <c r="U22" s="52"/>
      <c r="V22" s="52"/>
      <c r="W22" s="52"/>
    </row>
    <row r="23" spans="1:23" hidden="1" x14ac:dyDescent="0.35">
      <c r="A23" s="52" t="s">
        <v>78</v>
      </c>
      <c r="B23" s="52" t="s">
        <v>79</v>
      </c>
      <c r="C23" s="3">
        <v>20</v>
      </c>
      <c r="D23" s="52" t="s">
        <v>85</v>
      </c>
      <c r="E23" s="52" t="s">
        <v>26</v>
      </c>
      <c r="F23" s="52" t="s">
        <v>81</v>
      </c>
      <c r="G23" s="52" t="s">
        <v>82</v>
      </c>
      <c r="H23" s="4">
        <v>1</v>
      </c>
      <c r="I23" s="2">
        <v>14.65</v>
      </c>
      <c r="J23" s="52" t="s">
        <v>2110</v>
      </c>
      <c r="K23" s="71" t="s">
        <v>2111</v>
      </c>
      <c r="L23" s="52" t="s">
        <v>2063</v>
      </c>
      <c r="M23" s="72">
        <v>2729</v>
      </c>
      <c r="N23" s="52" t="s">
        <v>2072</v>
      </c>
      <c r="O23" s="52" t="s">
        <v>2073</v>
      </c>
      <c r="P23" s="52"/>
      <c r="Q23" s="52"/>
      <c r="R23" s="52"/>
      <c r="S23" s="52"/>
      <c r="T23" s="52"/>
      <c r="U23" s="52"/>
      <c r="V23" s="52"/>
      <c r="W23" s="52"/>
    </row>
    <row r="24" spans="1:23" hidden="1" x14ac:dyDescent="0.35">
      <c r="A24" s="52" t="s">
        <v>78</v>
      </c>
      <c r="B24" s="52" t="s">
        <v>79</v>
      </c>
      <c r="C24" s="3">
        <v>20</v>
      </c>
      <c r="D24" s="52" t="s">
        <v>84</v>
      </c>
      <c r="E24" s="52" t="s">
        <v>26</v>
      </c>
      <c r="F24" s="52" t="s">
        <v>81</v>
      </c>
      <c r="G24" s="52" t="s">
        <v>82</v>
      </c>
      <c r="H24" s="4">
        <v>1</v>
      </c>
      <c r="I24" s="2">
        <v>14.65</v>
      </c>
      <c r="J24" s="52" t="s">
        <v>2112</v>
      </c>
      <c r="K24" s="71" t="s">
        <v>2113</v>
      </c>
      <c r="L24" s="52" t="s">
        <v>2063</v>
      </c>
      <c r="M24" s="72">
        <v>5016</v>
      </c>
      <c r="N24" s="52" t="s">
        <v>2072</v>
      </c>
      <c r="O24" s="52" t="s">
        <v>2073</v>
      </c>
      <c r="P24" s="52"/>
      <c r="Q24" s="52"/>
      <c r="R24" s="52"/>
      <c r="S24" s="52"/>
      <c r="T24" s="52"/>
      <c r="U24" s="52"/>
      <c r="V24" s="52"/>
      <c r="W24" s="52"/>
    </row>
    <row r="25" spans="1:23" hidden="1" x14ac:dyDescent="0.35">
      <c r="A25" s="52" t="s">
        <v>78</v>
      </c>
      <c r="B25" s="52" t="s">
        <v>79</v>
      </c>
      <c r="C25" s="3">
        <v>20</v>
      </c>
      <c r="D25" s="52" t="s">
        <v>2021</v>
      </c>
      <c r="E25" s="52" t="s">
        <v>26</v>
      </c>
      <c r="F25" s="52" t="s">
        <v>81</v>
      </c>
      <c r="G25" s="52" t="s">
        <v>82</v>
      </c>
      <c r="H25" s="4">
        <v>1</v>
      </c>
      <c r="I25" s="2">
        <v>14.65</v>
      </c>
      <c r="J25" s="52" t="s">
        <v>2114</v>
      </c>
      <c r="K25" s="71" t="s">
        <v>2115</v>
      </c>
      <c r="L25" s="52" t="s">
        <v>2063</v>
      </c>
      <c r="M25" s="72">
        <v>4310</v>
      </c>
      <c r="N25" s="52" t="s">
        <v>2072</v>
      </c>
      <c r="O25" s="52" t="s">
        <v>2073</v>
      </c>
      <c r="P25" s="52"/>
      <c r="Q25" s="52"/>
      <c r="R25" s="52"/>
      <c r="S25" s="52"/>
      <c r="T25" s="52"/>
      <c r="U25" s="52"/>
      <c r="V25" s="52"/>
      <c r="W25" s="52"/>
    </row>
    <row r="26" spans="1:23" hidden="1" x14ac:dyDescent="0.35">
      <c r="A26" s="52" t="s">
        <v>78</v>
      </c>
      <c r="B26" s="52" t="s">
        <v>79</v>
      </c>
      <c r="C26" s="3">
        <v>10</v>
      </c>
      <c r="D26" s="52" t="s">
        <v>85</v>
      </c>
      <c r="E26" s="52" t="s">
        <v>26</v>
      </c>
      <c r="F26" s="52" t="s">
        <v>81</v>
      </c>
      <c r="G26" s="52" t="s">
        <v>82</v>
      </c>
      <c r="H26" s="4">
        <v>1</v>
      </c>
      <c r="I26" s="2">
        <v>14.65</v>
      </c>
      <c r="J26" s="52" t="s">
        <v>2116</v>
      </c>
      <c r="K26" s="71" t="s">
        <v>2117</v>
      </c>
      <c r="L26" s="52" t="s">
        <v>2063</v>
      </c>
      <c r="M26" s="72">
        <v>3055</v>
      </c>
      <c r="N26" s="52"/>
      <c r="O26" s="52"/>
      <c r="P26" s="52"/>
      <c r="Q26" s="52"/>
      <c r="R26" s="52"/>
      <c r="S26" s="52"/>
      <c r="T26" s="52"/>
      <c r="U26" s="52"/>
      <c r="V26" s="52"/>
      <c r="W26" s="52"/>
    </row>
    <row r="27" spans="1:23" hidden="1" x14ac:dyDescent="0.35">
      <c r="A27" s="52" t="s">
        <v>78</v>
      </c>
      <c r="B27" s="52" t="s">
        <v>79</v>
      </c>
      <c r="C27" s="3">
        <v>20</v>
      </c>
      <c r="D27" s="52" t="s">
        <v>2020</v>
      </c>
      <c r="E27" s="52" t="s">
        <v>26</v>
      </c>
      <c r="F27" s="52" t="s">
        <v>81</v>
      </c>
      <c r="G27" s="52" t="s">
        <v>82</v>
      </c>
      <c r="H27" s="4">
        <v>1</v>
      </c>
      <c r="I27" s="2">
        <v>14.65</v>
      </c>
      <c r="J27" s="52" t="s">
        <v>2118</v>
      </c>
      <c r="K27" s="71" t="s">
        <v>2119</v>
      </c>
      <c r="L27" s="52" t="s">
        <v>2063</v>
      </c>
      <c r="M27" s="72">
        <v>317</v>
      </c>
      <c r="N27" s="52" t="s">
        <v>2072</v>
      </c>
      <c r="O27" s="52" t="s">
        <v>2073</v>
      </c>
      <c r="P27" s="52"/>
      <c r="Q27" s="52"/>
      <c r="R27" s="52"/>
      <c r="S27" s="52"/>
      <c r="T27" s="52"/>
      <c r="U27" s="52"/>
      <c r="V27" s="52"/>
      <c r="W27" s="52"/>
    </row>
    <row r="28" spans="1:23" hidden="1" x14ac:dyDescent="0.35">
      <c r="A28" s="52" t="s">
        <v>78</v>
      </c>
      <c r="B28" s="52" t="s">
        <v>79</v>
      </c>
      <c r="C28" s="3">
        <v>211</v>
      </c>
      <c r="D28" s="52" t="s">
        <v>80</v>
      </c>
      <c r="E28" s="52" t="s">
        <v>26</v>
      </c>
      <c r="F28" s="52" t="s">
        <v>81</v>
      </c>
      <c r="G28" s="52" t="s">
        <v>82</v>
      </c>
      <c r="H28" s="4">
        <v>1</v>
      </c>
      <c r="I28" s="2">
        <v>14.65</v>
      </c>
      <c r="J28" s="52" t="s">
        <v>2120</v>
      </c>
      <c r="K28" s="71" t="s">
        <v>2121</v>
      </c>
      <c r="L28" s="52" t="s">
        <v>2063</v>
      </c>
      <c r="M28" s="72">
        <v>4299</v>
      </c>
      <c r="N28" s="52" t="s">
        <v>2072</v>
      </c>
      <c r="O28" s="52" t="s">
        <v>2073</v>
      </c>
      <c r="P28" s="52"/>
      <c r="Q28" s="52"/>
      <c r="R28" s="52"/>
      <c r="S28" s="52"/>
      <c r="T28" s="52"/>
      <c r="U28" s="52"/>
      <c r="V28" s="52"/>
      <c r="W28" s="52"/>
    </row>
    <row r="29" spans="1:23" hidden="1" x14ac:dyDescent="0.35">
      <c r="A29" s="52" t="s">
        <v>78</v>
      </c>
      <c r="B29" s="52" t="s">
        <v>79</v>
      </c>
      <c r="C29" s="3">
        <v>10</v>
      </c>
      <c r="D29" s="52" t="s">
        <v>80</v>
      </c>
      <c r="E29" s="52" t="s">
        <v>26</v>
      </c>
      <c r="F29" s="52" t="s">
        <v>81</v>
      </c>
      <c r="G29" s="52" t="s">
        <v>82</v>
      </c>
      <c r="H29" s="4">
        <v>1</v>
      </c>
      <c r="I29" s="2">
        <v>14.65</v>
      </c>
      <c r="J29" s="52" t="s">
        <v>2122</v>
      </c>
      <c r="K29" s="71" t="s">
        <v>2123</v>
      </c>
      <c r="L29" s="52" t="s">
        <v>2063</v>
      </c>
      <c r="M29" s="72">
        <v>997</v>
      </c>
      <c r="N29" s="52" t="s">
        <v>2066</v>
      </c>
      <c r="O29" s="52" t="s">
        <v>2067</v>
      </c>
      <c r="P29" s="52"/>
      <c r="Q29" s="52"/>
      <c r="R29" s="52"/>
      <c r="S29" s="52"/>
      <c r="T29" s="52"/>
      <c r="U29" s="52"/>
      <c r="V29" s="52"/>
      <c r="W29" s="52"/>
    </row>
    <row r="30" spans="1:23" hidden="1" x14ac:dyDescent="0.35">
      <c r="A30" s="52" t="s">
        <v>78</v>
      </c>
      <c r="B30" s="52" t="s">
        <v>79</v>
      </c>
      <c r="C30" s="3">
        <v>20</v>
      </c>
      <c r="D30" s="52" t="s">
        <v>87</v>
      </c>
      <c r="E30" s="52" t="s">
        <v>26</v>
      </c>
      <c r="F30" s="52" t="s">
        <v>81</v>
      </c>
      <c r="G30" s="52" t="s">
        <v>82</v>
      </c>
      <c r="H30" s="4">
        <v>1</v>
      </c>
      <c r="I30" s="2">
        <v>14.65</v>
      </c>
      <c r="J30" s="52" t="s">
        <v>2124</v>
      </c>
      <c r="K30" s="71" t="s">
        <v>2125</v>
      </c>
      <c r="L30" s="52" t="s">
        <v>2063</v>
      </c>
      <c r="M30" s="72">
        <v>6092</v>
      </c>
      <c r="N30" s="52" t="s">
        <v>2066</v>
      </c>
      <c r="O30" s="52" t="s">
        <v>2067</v>
      </c>
      <c r="P30" s="52"/>
      <c r="Q30" s="52"/>
      <c r="R30" s="52"/>
      <c r="S30" s="52"/>
      <c r="T30" s="52"/>
      <c r="U30" s="52"/>
      <c r="V30" s="52"/>
      <c r="W30" s="52"/>
    </row>
    <row r="31" spans="1:23" hidden="1" x14ac:dyDescent="0.35">
      <c r="A31" s="52" t="s">
        <v>78</v>
      </c>
      <c r="B31" s="52" t="s">
        <v>79</v>
      </c>
      <c r="C31" s="3">
        <v>20</v>
      </c>
      <c r="D31" s="52" t="s">
        <v>86</v>
      </c>
      <c r="E31" s="52" t="s">
        <v>26</v>
      </c>
      <c r="F31" s="52" t="s">
        <v>81</v>
      </c>
      <c r="G31" s="52" t="s">
        <v>82</v>
      </c>
      <c r="H31" s="4">
        <v>1</v>
      </c>
      <c r="I31" s="2">
        <v>14.65</v>
      </c>
      <c r="J31" s="52" t="s">
        <v>2126</v>
      </c>
      <c r="K31" s="71" t="s">
        <v>2127</v>
      </c>
      <c r="L31" s="52" t="s">
        <v>2063</v>
      </c>
      <c r="M31" s="72">
        <v>7515</v>
      </c>
      <c r="N31" s="52"/>
      <c r="O31" s="52"/>
      <c r="P31" s="52"/>
      <c r="Q31" s="52"/>
      <c r="R31" s="52"/>
      <c r="S31" s="52"/>
      <c r="T31" s="52"/>
      <c r="U31" s="52"/>
      <c r="V31" s="52"/>
      <c r="W31" s="52"/>
    </row>
    <row r="32" spans="1:23" hidden="1" x14ac:dyDescent="0.35">
      <c r="A32" s="52" t="s">
        <v>78</v>
      </c>
      <c r="B32" s="52" t="s">
        <v>79</v>
      </c>
      <c r="C32" s="3">
        <v>20</v>
      </c>
      <c r="D32" s="52" t="s">
        <v>2023</v>
      </c>
      <c r="E32" s="52" t="s">
        <v>26</v>
      </c>
      <c r="F32" s="52" t="s">
        <v>81</v>
      </c>
      <c r="G32" s="52" t="s">
        <v>82</v>
      </c>
      <c r="H32" s="4">
        <v>1</v>
      </c>
      <c r="I32" s="2">
        <v>14.65</v>
      </c>
      <c r="J32" s="52" t="s">
        <v>2128</v>
      </c>
      <c r="K32" s="71" t="s">
        <v>2129</v>
      </c>
      <c r="L32" s="52" t="s">
        <v>2063</v>
      </c>
      <c r="M32" s="72">
        <v>6239</v>
      </c>
      <c r="N32" s="52" t="s">
        <v>2066</v>
      </c>
      <c r="O32" s="52" t="s">
        <v>2067</v>
      </c>
      <c r="P32" s="52"/>
      <c r="Q32" s="52"/>
      <c r="R32" s="52"/>
      <c r="S32" s="52"/>
      <c r="T32" s="52"/>
      <c r="U32" s="52"/>
      <c r="V32" s="52"/>
      <c r="W32" s="52"/>
    </row>
    <row r="33" spans="1:23" hidden="1" x14ac:dyDescent="0.35">
      <c r="A33" s="52" t="s">
        <v>78</v>
      </c>
      <c r="B33" s="52" t="s">
        <v>79</v>
      </c>
      <c r="C33" s="3">
        <v>10</v>
      </c>
      <c r="D33" s="52" t="s">
        <v>2022</v>
      </c>
      <c r="E33" s="52" t="s">
        <v>26</v>
      </c>
      <c r="F33" s="52" t="s">
        <v>81</v>
      </c>
      <c r="G33" s="52" t="s">
        <v>82</v>
      </c>
      <c r="H33" s="4">
        <v>1</v>
      </c>
      <c r="I33" s="2">
        <v>14.65</v>
      </c>
      <c r="J33" s="52" t="s">
        <v>2130</v>
      </c>
      <c r="K33" s="71" t="s">
        <v>2131</v>
      </c>
      <c r="L33" s="52" t="s">
        <v>2063</v>
      </c>
      <c r="M33" s="72">
        <v>1069</v>
      </c>
      <c r="N33" s="52"/>
      <c r="O33" s="52"/>
      <c r="P33" s="52"/>
      <c r="Q33" s="52"/>
      <c r="R33" s="52"/>
      <c r="S33" s="52"/>
      <c r="T33" s="52"/>
      <c r="U33" s="52"/>
      <c r="V33" s="52"/>
      <c r="W33" s="52"/>
    </row>
    <row r="34" spans="1:23" x14ac:dyDescent="0.35">
      <c r="A34" s="52" t="s">
        <v>78</v>
      </c>
      <c r="B34" s="52" t="s">
        <v>79</v>
      </c>
      <c r="C34" s="3">
        <v>20</v>
      </c>
      <c r="D34" s="52" t="s">
        <v>84</v>
      </c>
      <c r="E34" s="52" t="s">
        <v>26</v>
      </c>
      <c r="F34" s="52" t="s">
        <v>81</v>
      </c>
      <c r="G34" s="52" t="s">
        <v>82</v>
      </c>
      <c r="H34" s="4">
        <v>1</v>
      </c>
      <c r="I34" s="2">
        <v>14.65</v>
      </c>
      <c r="J34" s="52" t="s">
        <v>2132</v>
      </c>
      <c r="K34" s="71" t="s">
        <v>2133</v>
      </c>
      <c r="L34" s="52" t="s">
        <v>2063</v>
      </c>
      <c r="M34" s="72">
        <v>4243</v>
      </c>
      <c r="N34" s="52" t="s">
        <v>2076</v>
      </c>
      <c r="O34" s="52" t="s">
        <v>2077</v>
      </c>
      <c r="P34" s="52"/>
      <c r="Q34" s="52"/>
      <c r="R34" s="52"/>
      <c r="S34" s="52"/>
      <c r="T34" s="52"/>
      <c r="U34" s="52"/>
      <c r="V34" s="52"/>
      <c r="W34" s="52"/>
    </row>
    <row r="35" spans="1:23" hidden="1" x14ac:dyDescent="0.35">
      <c r="A35" s="52" t="s">
        <v>78</v>
      </c>
      <c r="B35" s="52" t="s">
        <v>79</v>
      </c>
      <c r="C35" s="3">
        <v>10</v>
      </c>
      <c r="D35" s="52" t="s">
        <v>2022</v>
      </c>
      <c r="E35" s="52" t="s">
        <v>26</v>
      </c>
      <c r="F35" s="52" t="s">
        <v>81</v>
      </c>
      <c r="G35" s="52" t="s">
        <v>82</v>
      </c>
      <c r="H35" s="4">
        <v>1</v>
      </c>
      <c r="I35" s="2">
        <v>14.65</v>
      </c>
      <c r="J35" s="52" t="s">
        <v>2134</v>
      </c>
      <c r="K35" s="71" t="s">
        <v>2135</v>
      </c>
      <c r="L35" s="52" t="s">
        <v>2063</v>
      </c>
      <c r="M35" s="72">
        <v>1192</v>
      </c>
      <c r="N35" s="52" t="s">
        <v>2066</v>
      </c>
      <c r="O35" s="52" t="s">
        <v>2067</v>
      </c>
      <c r="P35" s="52"/>
      <c r="Q35" s="52"/>
      <c r="R35" s="52"/>
      <c r="S35" s="52"/>
      <c r="T35" s="52"/>
      <c r="U35" s="52"/>
      <c r="V35" s="52"/>
      <c r="W35" s="52"/>
    </row>
    <row r="36" spans="1:23" hidden="1" x14ac:dyDescent="0.35">
      <c r="A36" s="52" t="s">
        <v>78</v>
      </c>
      <c r="B36" s="52" t="s">
        <v>79</v>
      </c>
      <c r="C36" s="3">
        <v>10</v>
      </c>
      <c r="D36" s="52" t="s">
        <v>80</v>
      </c>
      <c r="E36" s="52" t="s">
        <v>26</v>
      </c>
      <c r="F36" s="52" t="s">
        <v>81</v>
      </c>
      <c r="G36" s="52" t="s">
        <v>82</v>
      </c>
      <c r="H36" s="4">
        <v>1</v>
      </c>
      <c r="I36" s="2">
        <v>14.65</v>
      </c>
      <c r="J36" s="52" t="s">
        <v>2136</v>
      </c>
      <c r="K36" s="71" t="s">
        <v>2137</v>
      </c>
      <c r="L36" s="52" t="s">
        <v>2063</v>
      </c>
      <c r="M36" s="72">
        <v>7942</v>
      </c>
      <c r="N36" s="52" t="s">
        <v>2072</v>
      </c>
      <c r="O36" s="52" t="s">
        <v>2073</v>
      </c>
      <c r="P36" s="52"/>
      <c r="Q36" s="52"/>
      <c r="R36" s="52"/>
      <c r="S36" s="52"/>
      <c r="T36" s="52"/>
      <c r="U36" s="52"/>
      <c r="V36" s="52"/>
      <c r="W36" s="52"/>
    </row>
    <row r="37" spans="1:23" hidden="1" x14ac:dyDescent="0.35">
      <c r="A37" s="52" t="s">
        <v>78</v>
      </c>
      <c r="B37" s="52" t="s">
        <v>79</v>
      </c>
      <c r="C37" s="3">
        <v>20</v>
      </c>
      <c r="D37" s="52" t="s">
        <v>80</v>
      </c>
      <c r="E37" s="52" t="s">
        <v>26</v>
      </c>
      <c r="F37" s="52" t="s">
        <v>81</v>
      </c>
      <c r="G37" s="52" t="s">
        <v>82</v>
      </c>
      <c r="H37" s="4">
        <v>1</v>
      </c>
      <c r="I37" s="2">
        <v>14.65</v>
      </c>
      <c r="J37" s="52" t="s">
        <v>2138</v>
      </c>
      <c r="K37" s="71" t="s">
        <v>2139</v>
      </c>
      <c r="L37" s="52" t="s">
        <v>2063</v>
      </c>
      <c r="M37" s="72">
        <v>1770</v>
      </c>
      <c r="N37" s="52" t="s">
        <v>2066</v>
      </c>
      <c r="O37" s="52" t="s">
        <v>2067</v>
      </c>
      <c r="P37" s="52"/>
      <c r="Q37" s="52"/>
      <c r="R37" s="52"/>
      <c r="S37" s="52"/>
      <c r="T37" s="52"/>
      <c r="U37" s="52"/>
      <c r="V37" s="52"/>
      <c r="W37" s="52"/>
    </row>
    <row r="38" spans="1:23" hidden="1" x14ac:dyDescent="0.35">
      <c r="A38" s="52" t="s">
        <v>78</v>
      </c>
      <c r="B38" s="52" t="s">
        <v>79</v>
      </c>
      <c r="C38" s="3">
        <v>20</v>
      </c>
      <c r="D38" s="52" t="s">
        <v>2023</v>
      </c>
      <c r="E38" s="52" t="s">
        <v>26</v>
      </c>
      <c r="F38" s="52" t="s">
        <v>81</v>
      </c>
      <c r="G38" s="52" t="s">
        <v>82</v>
      </c>
      <c r="H38" s="4">
        <v>1</v>
      </c>
      <c r="I38" s="2">
        <v>14.65</v>
      </c>
      <c r="J38" s="52" t="s">
        <v>2140</v>
      </c>
      <c r="K38" s="71" t="s">
        <v>2141</v>
      </c>
      <c r="L38" s="52" t="s">
        <v>2063</v>
      </c>
      <c r="M38" s="72">
        <v>9321</v>
      </c>
      <c r="N38" s="52" t="s">
        <v>2072</v>
      </c>
      <c r="O38" s="52" t="s">
        <v>2073</v>
      </c>
      <c r="P38" s="52"/>
      <c r="Q38" s="52"/>
      <c r="R38" s="52"/>
      <c r="S38" s="52"/>
      <c r="T38" s="52"/>
      <c r="U38" s="52"/>
      <c r="V38" s="52"/>
      <c r="W38" s="52"/>
    </row>
    <row r="39" spans="1:23" hidden="1" x14ac:dyDescent="0.35">
      <c r="A39" s="52" t="s">
        <v>78</v>
      </c>
      <c r="B39" s="52" t="s">
        <v>79</v>
      </c>
      <c r="C39" s="3">
        <v>20</v>
      </c>
      <c r="D39" s="52" t="s">
        <v>2024</v>
      </c>
      <c r="E39" s="52" t="s">
        <v>26</v>
      </c>
      <c r="F39" s="52" t="s">
        <v>81</v>
      </c>
      <c r="G39" s="52" t="s">
        <v>82</v>
      </c>
      <c r="H39" s="4">
        <v>1</v>
      </c>
      <c r="I39" s="2">
        <v>14.65</v>
      </c>
      <c r="J39" s="52" t="s">
        <v>2142</v>
      </c>
      <c r="K39" s="71" t="s">
        <v>2143</v>
      </c>
      <c r="L39" s="52" t="s">
        <v>2063</v>
      </c>
      <c r="M39" s="72">
        <v>8145</v>
      </c>
      <c r="N39" s="52" t="s">
        <v>2072</v>
      </c>
      <c r="O39" s="52" t="s">
        <v>2073</v>
      </c>
      <c r="P39" s="52"/>
      <c r="Q39" s="52"/>
      <c r="R39" s="52"/>
      <c r="S39" s="52"/>
      <c r="T39" s="52"/>
      <c r="U39" s="52"/>
      <c r="V39" s="52"/>
      <c r="W39" s="52"/>
    </row>
    <row r="40" spans="1:23" hidden="1" x14ac:dyDescent="0.35">
      <c r="A40" s="52" t="s">
        <v>78</v>
      </c>
      <c r="B40" s="52" t="s">
        <v>79</v>
      </c>
      <c r="C40" s="3">
        <v>10</v>
      </c>
      <c r="D40" s="52" t="s">
        <v>80</v>
      </c>
      <c r="E40" s="52" t="s">
        <v>26</v>
      </c>
      <c r="F40" s="52" t="s">
        <v>81</v>
      </c>
      <c r="G40" s="52" t="s">
        <v>82</v>
      </c>
      <c r="H40" s="4">
        <v>1</v>
      </c>
      <c r="I40" s="2">
        <v>14.65</v>
      </c>
      <c r="J40" s="52" t="s">
        <v>2144</v>
      </c>
      <c r="K40" s="71" t="s">
        <v>2145</v>
      </c>
      <c r="L40" s="52" t="s">
        <v>2063</v>
      </c>
      <c r="M40" s="72">
        <v>7110</v>
      </c>
      <c r="N40" s="52" t="s">
        <v>2066</v>
      </c>
      <c r="O40" s="52" t="s">
        <v>2067</v>
      </c>
      <c r="P40" s="52"/>
      <c r="Q40" s="52"/>
      <c r="R40" s="52"/>
      <c r="S40" s="52"/>
      <c r="T40" s="52"/>
      <c r="U40" s="52"/>
      <c r="V40" s="52"/>
      <c r="W40" s="52"/>
    </row>
    <row r="41" spans="1:23" hidden="1" x14ac:dyDescent="0.35">
      <c r="A41" s="52" t="s">
        <v>78</v>
      </c>
      <c r="B41" s="52" t="s">
        <v>79</v>
      </c>
      <c r="C41" s="3">
        <v>211</v>
      </c>
      <c r="D41" s="52" t="s">
        <v>85</v>
      </c>
      <c r="E41" s="52" t="s">
        <v>26</v>
      </c>
      <c r="F41" s="52" t="s">
        <v>81</v>
      </c>
      <c r="G41" s="52" t="s">
        <v>82</v>
      </c>
      <c r="H41" s="4">
        <v>1</v>
      </c>
      <c r="I41" s="2">
        <v>14.65</v>
      </c>
      <c r="J41" s="52" t="s">
        <v>2146</v>
      </c>
      <c r="K41" s="71" t="s">
        <v>2147</v>
      </c>
      <c r="L41" s="52" t="s">
        <v>2063</v>
      </c>
      <c r="M41" s="72">
        <v>2614</v>
      </c>
      <c r="N41" s="52" t="s">
        <v>2072</v>
      </c>
      <c r="O41" s="52" t="s">
        <v>2073</v>
      </c>
      <c r="P41" s="52"/>
      <c r="Q41" s="52"/>
      <c r="R41" s="52"/>
      <c r="S41" s="52"/>
      <c r="T41" s="52"/>
      <c r="U41" s="52"/>
      <c r="V41" s="52"/>
      <c r="W41" s="52"/>
    </row>
    <row r="42" spans="1:23" hidden="1" x14ac:dyDescent="0.35">
      <c r="A42" s="52" t="s">
        <v>78</v>
      </c>
      <c r="B42" s="52" t="s">
        <v>79</v>
      </c>
      <c r="C42" s="3">
        <v>20</v>
      </c>
      <c r="D42" s="52" t="s">
        <v>2022</v>
      </c>
      <c r="E42" s="52" t="s">
        <v>26</v>
      </c>
      <c r="F42" s="52" t="s">
        <v>81</v>
      </c>
      <c r="G42" s="52" t="s">
        <v>82</v>
      </c>
      <c r="H42" s="4">
        <v>1</v>
      </c>
      <c r="I42" s="2">
        <v>14.65</v>
      </c>
      <c r="J42" s="52" t="s">
        <v>2148</v>
      </c>
      <c r="K42" s="71" t="s">
        <v>2149</v>
      </c>
      <c r="L42" s="52" t="s">
        <v>2063</v>
      </c>
      <c r="M42" s="72">
        <v>7906</v>
      </c>
      <c r="N42" s="52" t="s">
        <v>2072</v>
      </c>
      <c r="O42" s="52" t="s">
        <v>2073</v>
      </c>
      <c r="P42" s="52"/>
      <c r="Q42" s="52"/>
      <c r="R42" s="52"/>
      <c r="S42" s="52"/>
      <c r="T42" s="52"/>
      <c r="U42" s="52"/>
      <c r="V42" s="52"/>
      <c r="W42" s="52"/>
    </row>
    <row r="43" spans="1:23" hidden="1" x14ac:dyDescent="0.35">
      <c r="A43" s="52" t="s">
        <v>78</v>
      </c>
      <c r="B43" s="52" t="s">
        <v>79</v>
      </c>
      <c r="C43" s="3">
        <v>20</v>
      </c>
      <c r="D43" s="52" t="s">
        <v>85</v>
      </c>
      <c r="E43" s="52" t="s">
        <v>26</v>
      </c>
      <c r="F43" s="52" t="s">
        <v>81</v>
      </c>
      <c r="G43" s="52" t="s">
        <v>82</v>
      </c>
      <c r="H43" s="4">
        <v>1</v>
      </c>
      <c r="I43" s="2">
        <v>14.65</v>
      </c>
      <c r="J43" s="52" t="s">
        <v>2150</v>
      </c>
      <c r="K43" s="71" t="s">
        <v>2151</v>
      </c>
      <c r="L43" s="52" t="s">
        <v>2063</v>
      </c>
      <c r="M43" s="72">
        <v>5603</v>
      </c>
      <c r="N43" s="52" t="s">
        <v>2072</v>
      </c>
      <c r="O43" s="52" t="s">
        <v>2073</v>
      </c>
      <c r="P43" s="52"/>
      <c r="Q43" s="52"/>
      <c r="R43" s="52"/>
      <c r="S43" s="52"/>
      <c r="T43" s="52"/>
      <c r="U43" s="52"/>
      <c r="V43" s="52"/>
      <c r="W43" s="52"/>
    </row>
    <row r="44" spans="1:23" hidden="1" x14ac:dyDescent="0.35">
      <c r="A44" s="52" t="s">
        <v>78</v>
      </c>
      <c r="B44" s="52" t="s">
        <v>79</v>
      </c>
      <c r="C44" s="3">
        <v>10</v>
      </c>
      <c r="D44" s="52" t="s">
        <v>2022</v>
      </c>
      <c r="E44" s="52" t="s">
        <v>26</v>
      </c>
      <c r="F44" s="52" t="s">
        <v>81</v>
      </c>
      <c r="G44" s="52" t="s">
        <v>82</v>
      </c>
      <c r="H44" s="4">
        <v>1</v>
      </c>
      <c r="I44" s="2">
        <v>14.65</v>
      </c>
      <c r="J44" s="52" t="s">
        <v>2152</v>
      </c>
      <c r="K44" s="71" t="s">
        <v>2153</v>
      </c>
      <c r="L44" s="52" t="s">
        <v>2063</v>
      </c>
      <c r="M44" s="72">
        <v>2583</v>
      </c>
      <c r="N44" s="52" t="s">
        <v>2154</v>
      </c>
      <c r="O44" s="52" t="s">
        <v>2155</v>
      </c>
      <c r="P44" s="52"/>
      <c r="Q44" s="52"/>
      <c r="R44" s="52"/>
      <c r="S44" s="52"/>
      <c r="T44" s="52"/>
      <c r="U44" s="52"/>
      <c r="V44" s="52"/>
      <c r="W44" s="52"/>
    </row>
    <row r="45" spans="1:23" hidden="1" x14ac:dyDescent="0.35">
      <c r="A45" s="52" t="s">
        <v>78</v>
      </c>
      <c r="B45" s="52" t="s">
        <v>79</v>
      </c>
      <c r="C45" s="3">
        <v>10</v>
      </c>
      <c r="D45" s="52" t="s">
        <v>84</v>
      </c>
      <c r="E45" s="52" t="s">
        <v>26</v>
      </c>
      <c r="F45" s="52" t="s">
        <v>81</v>
      </c>
      <c r="G45" s="52" t="s">
        <v>82</v>
      </c>
      <c r="H45" s="4">
        <v>1</v>
      </c>
      <c r="I45" s="2">
        <v>14.65</v>
      </c>
      <c r="J45" s="52" t="s">
        <v>2156</v>
      </c>
      <c r="K45" s="71" t="s">
        <v>2157</v>
      </c>
      <c r="L45" s="52" t="s">
        <v>2063</v>
      </c>
      <c r="M45" s="72">
        <v>8553</v>
      </c>
      <c r="N45" s="52" t="s">
        <v>2158</v>
      </c>
      <c r="O45" s="52" t="s">
        <v>2159</v>
      </c>
      <c r="P45" s="52"/>
      <c r="Q45" s="52"/>
      <c r="R45" s="52"/>
      <c r="S45" s="52"/>
      <c r="T45" s="52"/>
      <c r="U45" s="52"/>
      <c r="V45" s="52"/>
      <c r="W45" s="52"/>
    </row>
    <row r="46" spans="1:23" hidden="1" x14ac:dyDescent="0.35">
      <c r="A46" s="52" t="s">
        <v>78</v>
      </c>
      <c r="B46" s="52" t="s">
        <v>79</v>
      </c>
      <c r="C46" s="3">
        <v>10</v>
      </c>
      <c r="D46" s="52" t="s">
        <v>85</v>
      </c>
      <c r="E46" s="52" t="s">
        <v>26</v>
      </c>
      <c r="F46" s="52" t="s">
        <v>81</v>
      </c>
      <c r="G46" s="52" t="s">
        <v>82</v>
      </c>
      <c r="H46" s="4">
        <v>1</v>
      </c>
      <c r="I46" s="2">
        <v>14.65</v>
      </c>
      <c r="J46" s="52" t="s">
        <v>2160</v>
      </c>
      <c r="K46" s="71" t="s">
        <v>2161</v>
      </c>
      <c r="L46" s="52" t="s">
        <v>2063</v>
      </c>
      <c r="M46" s="72">
        <v>4990</v>
      </c>
      <c r="N46" s="52" t="s">
        <v>2072</v>
      </c>
      <c r="O46" s="52" t="s">
        <v>2073</v>
      </c>
      <c r="P46" s="52"/>
      <c r="Q46" s="52"/>
      <c r="R46" s="52"/>
      <c r="S46" s="52"/>
      <c r="T46" s="52"/>
      <c r="U46" s="52"/>
      <c r="V46" s="52"/>
      <c r="W46" s="52"/>
    </row>
    <row r="47" spans="1:23" hidden="1" x14ac:dyDescent="0.35">
      <c r="A47" s="52" t="s">
        <v>78</v>
      </c>
      <c r="B47" s="52" t="s">
        <v>79</v>
      </c>
      <c r="C47" s="3">
        <v>10</v>
      </c>
      <c r="D47" s="52" t="s">
        <v>86</v>
      </c>
      <c r="E47" s="52" t="s">
        <v>26</v>
      </c>
      <c r="F47" s="52" t="s">
        <v>81</v>
      </c>
      <c r="G47" s="52" t="s">
        <v>82</v>
      </c>
      <c r="H47" s="4">
        <v>1</v>
      </c>
      <c r="I47" s="2">
        <v>14.65</v>
      </c>
      <c r="J47" s="52" t="s">
        <v>2162</v>
      </c>
      <c r="K47" s="71" t="s">
        <v>2163</v>
      </c>
      <c r="L47" s="52" t="s">
        <v>2063</v>
      </c>
      <c r="M47" s="72">
        <v>753</v>
      </c>
      <c r="N47" s="52" t="s">
        <v>2072</v>
      </c>
      <c r="O47" s="52" t="s">
        <v>2073</v>
      </c>
      <c r="P47" s="52"/>
      <c r="Q47" s="52"/>
      <c r="R47" s="52"/>
      <c r="S47" s="52"/>
      <c r="T47" s="52"/>
      <c r="U47" s="52"/>
      <c r="V47" s="52"/>
      <c r="W47" s="52"/>
    </row>
    <row r="48" spans="1:23" hidden="1" x14ac:dyDescent="0.35">
      <c r="A48" s="52" t="s">
        <v>78</v>
      </c>
      <c r="B48" s="52" t="s">
        <v>79</v>
      </c>
      <c r="C48" s="3">
        <v>20</v>
      </c>
      <c r="D48" s="52" t="s">
        <v>86</v>
      </c>
      <c r="E48" s="52" t="s">
        <v>26</v>
      </c>
      <c r="F48" s="52" t="s">
        <v>81</v>
      </c>
      <c r="G48" s="52" t="s">
        <v>82</v>
      </c>
      <c r="H48" s="4">
        <v>1</v>
      </c>
      <c r="I48" s="2">
        <v>14.65</v>
      </c>
      <c r="J48" s="52" t="s">
        <v>2164</v>
      </c>
      <c r="K48" s="71" t="s">
        <v>2165</v>
      </c>
      <c r="L48" s="52" t="s">
        <v>2063</v>
      </c>
      <c r="M48" s="72">
        <v>8461</v>
      </c>
      <c r="N48" s="52" t="s">
        <v>2072</v>
      </c>
      <c r="O48" s="52" t="s">
        <v>2073</v>
      </c>
      <c r="P48" s="52"/>
      <c r="Q48" s="52"/>
      <c r="R48" s="52"/>
      <c r="S48" s="52"/>
      <c r="T48" s="52"/>
      <c r="U48" s="52"/>
      <c r="V48" s="52"/>
      <c r="W48" s="52"/>
    </row>
    <row r="49" spans="1:23" x14ac:dyDescent="0.35">
      <c r="A49" s="52" t="s">
        <v>78</v>
      </c>
      <c r="B49" s="52" t="s">
        <v>79</v>
      </c>
      <c r="C49" s="3">
        <v>10</v>
      </c>
      <c r="D49" s="52" t="s">
        <v>80</v>
      </c>
      <c r="E49" s="52" t="s">
        <v>26</v>
      </c>
      <c r="F49" s="52" t="s">
        <v>81</v>
      </c>
      <c r="G49" s="52" t="s">
        <v>82</v>
      </c>
      <c r="H49" s="4">
        <v>1</v>
      </c>
      <c r="I49" s="2">
        <v>14.65</v>
      </c>
      <c r="J49" s="52" t="s">
        <v>2166</v>
      </c>
      <c r="K49" s="71" t="s">
        <v>2167</v>
      </c>
      <c r="L49" s="52" t="s">
        <v>2063</v>
      </c>
      <c r="M49" s="72">
        <v>6736</v>
      </c>
      <c r="N49" s="52" t="s">
        <v>2076</v>
      </c>
      <c r="O49" s="52" t="s">
        <v>2077</v>
      </c>
      <c r="P49" s="52"/>
      <c r="Q49" s="52"/>
      <c r="R49" s="52"/>
      <c r="S49" s="52"/>
      <c r="T49" s="52"/>
      <c r="U49" s="52"/>
      <c r="V49" s="52"/>
      <c r="W49" s="52"/>
    </row>
    <row r="50" spans="1:23" hidden="1" x14ac:dyDescent="0.35">
      <c r="A50" s="52" t="s">
        <v>78</v>
      </c>
      <c r="B50" s="52" t="s">
        <v>79</v>
      </c>
      <c r="C50" s="3">
        <v>10</v>
      </c>
      <c r="D50" s="52" t="s">
        <v>2022</v>
      </c>
      <c r="E50" s="52" t="s">
        <v>26</v>
      </c>
      <c r="F50" s="52" t="s">
        <v>81</v>
      </c>
      <c r="G50" s="52" t="s">
        <v>82</v>
      </c>
      <c r="H50" s="4">
        <v>1</v>
      </c>
      <c r="I50" s="2">
        <v>14.65</v>
      </c>
      <c r="J50" s="52" t="s">
        <v>2168</v>
      </c>
      <c r="K50" s="71" t="s">
        <v>2169</v>
      </c>
      <c r="L50" s="52" t="s">
        <v>2063</v>
      </c>
      <c r="M50" s="72">
        <v>5663</v>
      </c>
      <c r="N50" s="52" t="s">
        <v>2072</v>
      </c>
      <c r="O50" s="52" t="s">
        <v>2073</v>
      </c>
      <c r="P50" s="52"/>
      <c r="Q50" s="52"/>
      <c r="R50" s="52"/>
      <c r="S50" s="52"/>
      <c r="T50" s="52"/>
      <c r="U50" s="52"/>
      <c r="V50" s="52"/>
      <c r="W50" s="52"/>
    </row>
    <row r="51" spans="1:23" hidden="1" x14ac:dyDescent="0.35">
      <c r="A51" s="52" t="s">
        <v>78</v>
      </c>
      <c r="B51" s="52" t="s">
        <v>79</v>
      </c>
      <c r="C51" s="3">
        <v>20</v>
      </c>
      <c r="D51" s="52" t="s">
        <v>2022</v>
      </c>
      <c r="E51" s="52" t="s">
        <v>26</v>
      </c>
      <c r="F51" s="52" t="s">
        <v>81</v>
      </c>
      <c r="G51" s="52" t="s">
        <v>82</v>
      </c>
      <c r="H51" s="4">
        <v>1</v>
      </c>
      <c r="I51" s="2">
        <v>14.65</v>
      </c>
      <c r="J51" s="52" t="s">
        <v>2080</v>
      </c>
      <c r="K51" s="71" t="s">
        <v>2170</v>
      </c>
      <c r="L51" s="52" t="s">
        <v>2063</v>
      </c>
      <c r="M51" s="72">
        <v>9203</v>
      </c>
      <c r="N51" s="52" t="s">
        <v>2072</v>
      </c>
      <c r="O51" s="52" t="s">
        <v>2073</v>
      </c>
      <c r="P51" s="52" t="s">
        <v>2072</v>
      </c>
      <c r="Q51" s="52" t="s">
        <v>2073</v>
      </c>
      <c r="R51" s="52"/>
      <c r="S51" s="52"/>
      <c r="T51" s="52"/>
      <c r="U51" s="52"/>
      <c r="V51" s="52"/>
      <c r="W51" s="52"/>
    </row>
    <row r="52" spans="1:23" hidden="1" x14ac:dyDescent="0.35">
      <c r="A52" s="52" t="s">
        <v>78</v>
      </c>
      <c r="B52" s="52" t="s">
        <v>79</v>
      </c>
      <c r="C52" s="3">
        <v>20</v>
      </c>
      <c r="D52" s="52" t="s">
        <v>2021</v>
      </c>
      <c r="E52" s="52" t="s">
        <v>26</v>
      </c>
      <c r="F52" s="52" t="s">
        <v>81</v>
      </c>
      <c r="G52" s="52" t="s">
        <v>82</v>
      </c>
      <c r="H52" s="4">
        <v>1</v>
      </c>
      <c r="I52" s="2">
        <v>14.65</v>
      </c>
      <c r="J52" s="52" t="s">
        <v>2171</v>
      </c>
      <c r="K52" s="71" t="s">
        <v>2172</v>
      </c>
      <c r="L52" s="52" t="s">
        <v>2063</v>
      </c>
      <c r="M52" s="72">
        <v>2271</v>
      </c>
      <c r="N52" s="52" t="s">
        <v>2154</v>
      </c>
      <c r="O52" s="52" t="s">
        <v>2155</v>
      </c>
      <c r="P52" s="52"/>
      <c r="Q52" s="52"/>
      <c r="R52" s="52"/>
      <c r="S52" s="52"/>
      <c r="T52" s="52"/>
      <c r="U52" s="52"/>
      <c r="V52" s="52"/>
      <c r="W52" s="52"/>
    </row>
    <row r="53" spans="1:23" hidden="1" x14ac:dyDescent="0.35">
      <c r="A53" s="52" t="s">
        <v>78</v>
      </c>
      <c r="B53" s="52" t="s">
        <v>79</v>
      </c>
      <c r="C53" s="3">
        <v>20</v>
      </c>
      <c r="D53" s="52" t="s">
        <v>86</v>
      </c>
      <c r="E53" s="52" t="s">
        <v>26</v>
      </c>
      <c r="F53" s="52" t="s">
        <v>81</v>
      </c>
      <c r="G53" s="52" t="s">
        <v>82</v>
      </c>
      <c r="H53" s="4">
        <v>1</v>
      </c>
      <c r="I53" s="2">
        <v>14.65</v>
      </c>
      <c r="J53" s="52" t="s">
        <v>2173</v>
      </c>
      <c r="K53" s="71" t="s">
        <v>2174</v>
      </c>
      <c r="L53" s="52" t="s">
        <v>2063</v>
      </c>
      <c r="M53" s="72">
        <v>7425</v>
      </c>
      <c r="N53" s="52" t="s">
        <v>2072</v>
      </c>
      <c r="O53" s="52" t="s">
        <v>2073</v>
      </c>
      <c r="P53" s="52"/>
      <c r="Q53" s="52"/>
      <c r="R53" s="52"/>
      <c r="S53" s="52"/>
      <c r="T53" s="52"/>
      <c r="U53" s="52"/>
      <c r="V53" s="52"/>
      <c r="W53" s="52"/>
    </row>
    <row r="54" spans="1:23" hidden="1" x14ac:dyDescent="0.35">
      <c r="A54" s="52" t="s">
        <v>78</v>
      </c>
      <c r="B54" s="52" t="s">
        <v>79</v>
      </c>
      <c r="C54" s="3">
        <v>20</v>
      </c>
      <c r="D54" s="52" t="s">
        <v>2020</v>
      </c>
      <c r="E54" s="52" t="s">
        <v>26</v>
      </c>
      <c r="F54" s="52" t="s">
        <v>81</v>
      </c>
      <c r="G54" s="52" t="s">
        <v>82</v>
      </c>
      <c r="H54" s="4">
        <v>1</v>
      </c>
      <c r="I54" s="2">
        <v>14.65</v>
      </c>
      <c r="J54" s="52" t="s">
        <v>2175</v>
      </c>
      <c r="K54" s="71" t="s">
        <v>2176</v>
      </c>
      <c r="L54" s="52" t="s">
        <v>2063</v>
      </c>
      <c r="M54" s="72">
        <v>4309</v>
      </c>
      <c r="N54" s="52" t="s">
        <v>2072</v>
      </c>
      <c r="O54" s="52" t="s">
        <v>2073</v>
      </c>
      <c r="P54" s="52"/>
      <c r="Q54" s="52"/>
      <c r="R54" s="52"/>
      <c r="S54" s="52"/>
      <c r="T54" s="52"/>
      <c r="U54" s="52"/>
      <c r="V54" s="52"/>
      <c r="W54" s="52"/>
    </row>
    <row r="55" spans="1:23" hidden="1" x14ac:dyDescent="0.35">
      <c r="A55" s="52" t="s">
        <v>78</v>
      </c>
      <c r="B55" s="52" t="s">
        <v>79</v>
      </c>
      <c r="C55" s="3">
        <v>20</v>
      </c>
      <c r="D55" s="52" t="s">
        <v>87</v>
      </c>
      <c r="E55" s="52" t="s">
        <v>26</v>
      </c>
      <c r="F55" s="52" t="s">
        <v>81</v>
      </c>
      <c r="G55" s="52" t="s">
        <v>82</v>
      </c>
      <c r="H55" s="4">
        <v>1</v>
      </c>
      <c r="I55" s="2">
        <v>14.65</v>
      </c>
      <c r="J55" s="52" t="s">
        <v>2177</v>
      </c>
      <c r="K55" s="71" t="s">
        <v>2178</v>
      </c>
      <c r="L55" s="52" t="s">
        <v>2063</v>
      </c>
      <c r="M55" s="72">
        <v>5465</v>
      </c>
      <c r="N55" s="52"/>
      <c r="O55" s="52"/>
      <c r="P55" s="52"/>
      <c r="Q55" s="52"/>
      <c r="R55" s="52"/>
      <c r="S55" s="52"/>
      <c r="T55" s="52"/>
      <c r="U55" s="52"/>
      <c r="V55" s="52"/>
      <c r="W55" s="52"/>
    </row>
    <row r="56" spans="1:23" hidden="1" x14ac:dyDescent="0.35">
      <c r="A56" s="52" t="s">
        <v>78</v>
      </c>
      <c r="B56" s="52" t="s">
        <v>79</v>
      </c>
      <c r="C56" s="3">
        <v>20</v>
      </c>
      <c r="D56" s="52" t="s">
        <v>2024</v>
      </c>
      <c r="E56" s="52" t="s">
        <v>26</v>
      </c>
      <c r="F56" s="52" t="s">
        <v>81</v>
      </c>
      <c r="G56" s="52" t="s">
        <v>82</v>
      </c>
      <c r="H56" s="4">
        <v>1</v>
      </c>
      <c r="I56" s="2">
        <v>14.65</v>
      </c>
      <c r="J56" s="52" t="s">
        <v>2179</v>
      </c>
      <c r="K56" s="71" t="s">
        <v>2180</v>
      </c>
      <c r="L56" s="52" t="s">
        <v>2063</v>
      </c>
      <c r="M56" s="72">
        <v>1182</v>
      </c>
      <c r="N56" s="52"/>
      <c r="O56" s="52"/>
      <c r="P56" s="52"/>
      <c r="Q56" s="52"/>
      <c r="R56" s="52"/>
      <c r="S56" s="52"/>
      <c r="T56" s="52"/>
      <c r="U56" s="52"/>
      <c r="V56" s="52"/>
      <c r="W56" s="52"/>
    </row>
    <row r="57" spans="1:23" hidden="1" x14ac:dyDescent="0.35">
      <c r="A57" s="52" t="s">
        <v>78</v>
      </c>
      <c r="B57" s="52" t="s">
        <v>79</v>
      </c>
      <c r="C57" s="3">
        <v>211</v>
      </c>
      <c r="D57" s="52" t="s">
        <v>2024</v>
      </c>
      <c r="E57" s="52" t="s">
        <v>26</v>
      </c>
      <c r="F57" s="52" t="s">
        <v>81</v>
      </c>
      <c r="G57" s="52" t="s">
        <v>82</v>
      </c>
      <c r="H57" s="4">
        <v>1</v>
      </c>
      <c r="I57" s="2">
        <v>14.65</v>
      </c>
      <c r="J57" s="52" t="s">
        <v>2181</v>
      </c>
      <c r="K57" s="71" t="s">
        <v>2182</v>
      </c>
      <c r="L57" s="52" t="s">
        <v>2063</v>
      </c>
      <c r="M57" s="72">
        <v>7786</v>
      </c>
      <c r="N57" s="52" t="s">
        <v>2066</v>
      </c>
      <c r="O57" s="52" t="s">
        <v>2067</v>
      </c>
      <c r="P57" s="52"/>
      <c r="Q57" s="52"/>
      <c r="R57" s="52"/>
      <c r="S57" s="52"/>
      <c r="T57" s="52"/>
      <c r="U57" s="52"/>
      <c r="V57" s="52"/>
      <c r="W57" s="52"/>
    </row>
    <row r="58" spans="1:23" x14ac:dyDescent="0.35">
      <c r="A58" s="52" t="s">
        <v>78</v>
      </c>
      <c r="B58" s="52" t="s">
        <v>79</v>
      </c>
      <c r="C58" s="3">
        <v>10</v>
      </c>
      <c r="D58" s="52" t="s">
        <v>2020</v>
      </c>
      <c r="E58" s="52" t="s">
        <v>26</v>
      </c>
      <c r="F58" s="52" t="s">
        <v>81</v>
      </c>
      <c r="G58" s="52" t="s">
        <v>82</v>
      </c>
      <c r="H58" s="4">
        <v>1</v>
      </c>
      <c r="I58" s="2">
        <v>14.65</v>
      </c>
      <c r="J58" s="52" t="s">
        <v>2183</v>
      </c>
      <c r="K58" s="71" t="s">
        <v>2184</v>
      </c>
      <c r="L58" s="52" t="s">
        <v>2063</v>
      </c>
      <c r="M58" s="72">
        <v>1551</v>
      </c>
      <c r="N58" s="52" t="s">
        <v>2076</v>
      </c>
      <c r="O58" s="52" t="s">
        <v>2077</v>
      </c>
      <c r="P58" s="52"/>
      <c r="Q58" s="52"/>
      <c r="R58" s="52"/>
      <c r="S58" s="52"/>
      <c r="T58" s="52"/>
      <c r="U58" s="52"/>
      <c r="V58" s="52"/>
      <c r="W58" s="52"/>
    </row>
    <row r="59" spans="1:23" hidden="1" x14ac:dyDescent="0.35">
      <c r="A59" s="52" t="s">
        <v>78</v>
      </c>
      <c r="B59" s="52" t="s">
        <v>79</v>
      </c>
      <c r="C59" s="3">
        <v>20</v>
      </c>
      <c r="D59" s="52" t="s">
        <v>2022</v>
      </c>
      <c r="E59" s="52" t="s">
        <v>26</v>
      </c>
      <c r="F59" s="52" t="s">
        <v>81</v>
      </c>
      <c r="G59" s="52" t="s">
        <v>82</v>
      </c>
      <c r="H59" s="4">
        <v>1</v>
      </c>
      <c r="I59" s="2">
        <v>14.65</v>
      </c>
      <c r="J59" s="52" t="s">
        <v>2185</v>
      </c>
      <c r="K59" s="71" t="s">
        <v>2186</v>
      </c>
      <c r="L59" s="52" t="s">
        <v>2063</v>
      </c>
      <c r="M59" s="72">
        <v>5476</v>
      </c>
      <c r="N59" s="52"/>
      <c r="O59" s="52"/>
      <c r="P59" s="52"/>
      <c r="Q59" s="52"/>
      <c r="R59" s="52"/>
      <c r="S59" s="52"/>
      <c r="T59" s="52"/>
      <c r="U59" s="52"/>
      <c r="V59" s="52"/>
      <c r="W59" s="52"/>
    </row>
    <row r="60" spans="1:23" hidden="1" x14ac:dyDescent="0.35">
      <c r="A60" s="52" t="s">
        <v>78</v>
      </c>
      <c r="B60" s="52" t="s">
        <v>79</v>
      </c>
      <c r="C60" s="3">
        <v>20</v>
      </c>
      <c r="D60" s="52" t="s">
        <v>80</v>
      </c>
      <c r="E60" s="52" t="s">
        <v>26</v>
      </c>
      <c r="F60" s="52" t="s">
        <v>81</v>
      </c>
      <c r="G60" s="52" t="s">
        <v>82</v>
      </c>
      <c r="H60" s="4">
        <v>1</v>
      </c>
      <c r="I60" s="2">
        <v>14.65</v>
      </c>
      <c r="J60" s="52" t="s">
        <v>2187</v>
      </c>
      <c r="K60" s="71" t="s">
        <v>2188</v>
      </c>
      <c r="L60" s="52" t="s">
        <v>2063</v>
      </c>
      <c r="M60" s="72">
        <v>7478</v>
      </c>
      <c r="N60" s="52" t="s">
        <v>2066</v>
      </c>
      <c r="O60" s="52" t="s">
        <v>2067</v>
      </c>
      <c r="P60" s="52"/>
      <c r="Q60" s="52"/>
      <c r="R60" s="52"/>
      <c r="S60" s="52"/>
      <c r="T60" s="52"/>
      <c r="U60" s="52"/>
      <c r="V60" s="52"/>
      <c r="W60" s="52"/>
    </row>
    <row r="61" spans="1:23" hidden="1" x14ac:dyDescent="0.35">
      <c r="A61" s="52" t="s">
        <v>78</v>
      </c>
      <c r="B61" s="52" t="s">
        <v>79</v>
      </c>
      <c r="C61" s="3">
        <v>20</v>
      </c>
      <c r="D61" s="52" t="s">
        <v>87</v>
      </c>
      <c r="E61" s="52" t="s">
        <v>26</v>
      </c>
      <c r="F61" s="52" t="s">
        <v>81</v>
      </c>
      <c r="G61" s="52" t="s">
        <v>82</v>
      </c>
      <c r="H61" s="4">
        <v>1</v>
      </c>
      <c r="I61" s="2">
        <v>14.65</v>
      </c>
      <c r="J61" s="52" t="s">
        <v>2189</v>
      </c>
      <c r="K61" s="71" t="s">
        <v>2190</v>
      </c>
      <c r="L61" s="52" t="s">
        <v>2063</v>
      </c>
      <c r="M61" s="72">
        <v>616</v>
      </c>
      <c r="N61" s="52" t="s">
        <v>2066</v>
      </c>
      <c r="O61" s="52" t="s">
        <v>2067</v>
      </c>
      <c r="P61" s="52"/>
      <c r="Q61" s="52"/>
      <c r="R61" s="52"/>
      <c r="S61" s="52"/>
      <c r="T61" s="52"/>
      <c r="U61" s="52"/>
      <c r="V61" s="52"/>
      <c r="W61" s="52"/>
    </row>
    <row r="62" spans="1:23" hidden="1" x14ac:dyDescent="0.35">
      <c r="A62" s="52" t="s">
        <v>78</v>
      </c>
      <c r="B62" s="52" t="s">
        <v>79</v>
      </c>
      <c r="C62" s="3">
        <v>10</v>
      </c>
      <c r="D62" s="52" t="s">
        <v>2023</v>
      </c>
      <c r="E62" s="52" t="s">
        <v>26</v>
      </c>
      <c r="F62" s="52" t="s">
        <v>81</v>
      </c>
      <c r="G62" s="52" t="s">
        <v>82</v>
      </c>
      <c r="H62" s="4">
        <v>1</v>
      </c>
      <c r="I62" s="2">
        <v>14.65</v>
      </c>
      <c r="J62" s="52" t="s">
        <v>2191</v>
      </c>
      <c r="K62" s="71" t="s">
        <v>2192</v>
      </c>
      <c r="L62" s="52" t="s">
        <v>2063</v>
      </c>
      <c r="M62" s="72">
        <v>6247</v>
      </c>
      <c r="N62" s="52" t="s">
        <v>2072</v>
      </c>
      <c r="O62" s="52" t="s">
        <v>2073</v>
      </c>
      <c r="P62" s="52"/>
      <c r="Q62" s="52"/>
      <c r="R62" s="52"/>
      <c r="S62" s="52"/>
      <c r="T62" s="52"/>
      <c r="U62" s="52"/>
      <c r="V62" s="52"/>
      <c r="W62" s="52"/>
    </row>
    <row r="63" spans="1:23" hidden="1" x14ac:dyDescent="0.35">
      <c r="A63" s="52" t="s">
        <v>78</v>
      </c>
      <c r="B63" s="52" t="s">
        <v>79</v>
      </c>
      <c r="C63" s="3">
        <v>10</v>
      </c>
      <c r="D63" s="52" t="s">
        <v>2022</v>
      </c>
      <c r="E63" s="52" t="s">
        <v>26</v>
      </c>
      <c r="F63" s="52" t="s">
        <v>81</v>
      </c>
      <c r="G63" s="52" t="s">
        <v>82</v>
      </c>
      <c r="H63" s="4">
        <v>1</v>
      </c>
      <c r="I63" s="2">
        <v>14.65</v>
      </c>
      <c r="J63" s="52" t="s">
        <v>2193</v>
      </c>
      <c r="K63" s="71" t="s">
        <v>2194</v>
      </c>
      <c r="L63" s="52" t="s">
        <v>2063</v>
      </c>
      <c r="M63" s="72">
        <v>488</v>
      </c>
      <c r="N63" s="52" t="s">
        <v>2195</v>
      </c>
      <c r="O63" s="52" t="s">
        <v>2196</v>
      </c>
      <c r="P63" s="52"/>
      <c r="Q63" s="52"/>
      <c r="R63" s="52"/>
      <c r="S63" s="52"/>
      <c r="T63" s="52"/>
      <c r="U63" s="52"/>
      <c r="V63" s="52"/>
      <c r="W63" s="52"/>
    </row>
    <row r="64" spans="1:23" hidden="1" x14ac:dyDescent="0.35">
      <c r="A64" s="52" t="s">
        <v>78</v>
      </c>
      <c r="B64" s="52" t="s">
        <v>79</v>
      </c>
      <c r="C64" s="3">
        <v>20</v>
      </c>
      <c r="D64" s="52" t="s">
        <v>2022</v>
      </c>
      <c r="E64" s="52" t="s">
        <v>26</v>
      </c>
      <c r="F64" s="52" t="s">
        <v>81</v>
      </c>
      <c r="G64" s="52" t="s">
        <v>82</v>
      </c>
      <c r="H64" s="4">
        <v>1</v>
      </c>
      <c r="I64" s="2">
        <v>14.65</v>
      </c>
      <c r="J64" s="52" t="s">
        <v>2197</v>
      </c>
      <c r="K64" s="71" t="s">
        <v>2198</v>
      </c>
      <c r="L64" s="52" t="s">
        <v>2063</v>
      </c>
      <c r="M64" s="72">
        <v>5284</v>
      </c>
      <c r="N64" s="52" t="s">
        <v>2072</v>
      </c>
      <c r="O64" s="52" t="s">
        <v>2073</v>
      </c>
      <c r="P64" s="52"/>
      <c r="Q64" s="52"/>
      <c r="R64" s="52"/>
      <c r="S64" s="52"/>
      <c r="T64" s="52"/>
      <c r="U64" s="52"/>
      <c r="V64" s="52"/>
      <c r="W64" s="52"/>
    </row>
    <row r="65" spans="1:23" hidden="1" x14ac:dyDescent="0.35">
      <c r="A65" s="52" t="s">
        <v>78</v>
      </c>
      <c r="B65" s="52" t="s">
        <v>79</v>
      </c>
      <c r="C65" s="3">
        <v>10</v>
      </c>
      <c r="D65" s="52" t="s">
        <v>84</v>
      </c>
      <c r="E65" s="52" t="s">
        <v>26</v>
      </c>
      <c r="F65" s="52" t="s">
        <v>81</v>
      </c>
      <c r="G65" s="52" t="s">
        <v>82</v>
      </c>
      <c r="H65" s="4">
        <v>1</v>
      </c>
      <c r="I65" s="2">
        <v>14.65</v>
      </c>
      <c r="J65" s="52" t="s">
        <v>2199</v>
      </c>
      <c r="K65" s="71" t="s">
        <v>2200</v>
      </c>
      <c r="L65" s="52" t="s">
        <v>2063</v>
      </c>
      <c r="M65" s="72">
        <v>9207</v>
      </c>
      <c r="N65" s="52" t="s">
        <v>2072</v>
      </c>
      <c r="O65" s="52" t="s">
        <v>2073</v>
      </c>
      <c r="P65" s="52"/>
      <c r="Q65" s="52"/>
      <c r="R65" s="52"/>
      <c r="S65" s="52"/>
      <c r="T65" s="52"/>
      <c r="U65" s="52"/>
      <c r="V65" s="52"/>
      <c r="W65" s="52"/>
    </row>
    <row r="66" spans="1:23" hidden="1" x14ac:dyDescent="0.35">
      <c r="A66" s="52" t="s">
        <v>78</v>
      </c>
      <c r="B66" s="52" t="s">
        <v>79</v>
      </c>
      <c r="C66" s="3">
        <v>20</v>
      </c>
      <c r="D66" s="52" t="s">
        <v>80</v>
      </c>
      <c r="E66" s="52" t="s">
        <v>26</v>
      </c>
      <c r="F66" s="52" t="s">
        <v>81</v>
      </c>
      <c r="G66" s="52" t="s">
        <v>82</v>
      </c>
      <c r="H66" s="4">
        <v>1</v>
      </c>
      <c r="I66" s="2">
        <v>14.65</v>
      </c>
      <c r="J66" s="52" t="s">
        <v>2201</v>
      </c>
      <c r="K66" s="71" t="s">
        <v>2202</v>
      </c>
      <c r="L66" s="52" t="s">
        <v>2063</v>
      </c>
      <c r="M66" s="72">
        <v>7171</v>
      </c>
      <c r="N66" s="52" t="s">
        <v>2066</v>
      </c>
      <c r="O66" s="52" t="s">
        <v>2067</v>
      </c>
      <c r="P66" s="52"/>
      <c r="Q66" s="52"/>
      <c r="R66" s="52"/>
      <c r="S66" s="52"/>
      <c r="T66" s="52"/>
      <c r="U66" s="52"/>
      <c r="V66" s="52"/>
      <c r="W66" s="52"/>
    </row>
    <row r="67" spans="1:23" hidden="1" x14ac:dyDescent="0.35">
      <c r="A67" s="52" t="s">
        <v>78</v>
      </c>
      <c r="B67" s="52" t="s">
        <v>79</v>
      </c>
      <c r="C67" s="3">
        <v>10</v>
      </c>
      <c r="D67" s="52" t="s">
        <v>2019</v>
      </c>
      <c r="E67" s="52" t="s">
        <v>26</v>
      </c>
      <c r="F67" s="52" t="s">
        <v>81</v>
      </c>
      <c r="G67" s="52" t="s">
        <v>82</v>
      </c>
      <c r="H67" s="4">
        <v>1</v>
      </c>
      <c r="I67" s="2">
        <v>14.65</v>
      </c>
      <c r="J67" s="52" t="s">
        <v>2203</v>
      </c>
      <c r="K67" s="71" t="s">
        <v>2204</v>
      </c>
      <c r="L67" s="52" t="s">
        <v>2063</v>
      </c>
      <c r="M67" s="72">
        <v>396</v>
      </c>
      <c r="N67" s="52"/>
      <c r="O67" s="52"/>
      <c r="P67" s="52"/>
      <c r="Q67" s="52"/>
      <c r="R67" s="52"/>
      <c r="S67" s="52"/>
      <c r="T67" s="52"/>
      <c r="U67" s="52"/>
      <c r="V67" s="52"/>
      <c r="W67" s="52"/>
    </row>
    <row r="68" spans="1:23" x14ac:dyDescent="0.35">
      <c r="A68" s="52" t="s">
        <v>78</v>
      </c>
      <c r="B68" s="52" t="s">
        <v>79</v>
      </c>
      <c r="C68" s="3">
        <v>10</v>
      </c>
      <c r="D68" s="52" t="s">
        <v>83</v>
      </c>
      <c r="E68" s="52" t="s">
        <v>26</v>
      </c>
      <c r="F68" s="52" t="s">
        <v>81</v>
      </c>
      <c r="G68" s="52" t="s">
        <v>82</v>
      </c>
      <c r="H68" s="4">
        <v>1</v>
      </c>
      <c r="I68" s="2">
        <v>14.65</v>
      </c>
      <c r="J68" s="52" t="s">
        <v>2205</v>
      </c>
      <c r="K68" s="71" t="s">
        <v>2206</v>
      </c>
      <c r="L68" s="52" t="s">
        <v>2063</v>
      </c>
      <c r="M68" s="72">
        <v>7037</v>
      </c>
      <c r="N68" s="52" t="s">
        <v>2076</v>
      </c>
      <c r="O68" s="52" t="s">
        <v>2077</v>
      </c>
      <c r="P68" s="52"/>
      <c r="Q68" s="52"/>
      <c r="R68" s="52"/>
      <c r="S68" s="52"/>
      <c r="T68" s="52"/>
      <c r="U68" s="52"/>
      <c r="V68" s="52"/>
      <c r="W68" s="52"/>
    </row>
    <row r="69" spans="1:23" hidden="1" x14ac:dyDescent="0.35">
      <c r="A69" s="52" t="s">
        <v>78</v>
      </c>
      <c r="B69" s="52" t="s">
        <v>79</v>
      </c>
      <c r="C69" s="3">
        <v>20</v>
      </c>
      <c r="D69" s="52" t="s">
        <v>85</v>
      </c>
      <c r="E69" s="52" t="s">
        <v>26</v>
      </c>
      <c r="F69" s="52" t="s">
        <v>81</v>
      </c>
      <c r="G69" s="52" t="s">
        <v>82</v>
      </c>
      <c r="H69" s="4">
        <v>1</v>
      </c>
      <c r="I69" s="2">
        <v>14.65</v>
      </c>
      <c r="J69" s="52" t="s">
        <v>2207</v>
      </c>
      <c r="K69" s="71" t="s">
        <v>2208</v>
      </c>
      <c r="L69" s="52" t="s">
        <v>2063</v>
      </c>
      <c r="M69" s="72">
        <v>9176</v>
      </c>
      <c r="N69" s="52"/>
      <c r="O69" s="52"/>
      <c r="P69" s="52"/>
      <c r="Q69" s="52"/>
      <c r="R69" s="52"/>
      <c r="S69" s="52"/>
      <c r="T69" s="52"/>
      <c r="U69" s="52"/>
      <c r="V69" s="52"/>
      <c r="W69" s="52"/>
    </row>
    <row r="70" spans="1:23" hidden="1" x14ac:dyDescent="0.35">
      <c r="A70" s="52" t="s">
        <v>78</v>
      </c>
      <c r="B70" s="52" t="s">
        <v>79</v>
      </c>
      <c r="C70" s="3">
        <v>20</v>
      </c>
      <c r="D70" s="52" t="s">
        <v>2021</v>
      </c>
      <c r="E70" s="52" t="s">
        <v>26</v>
      </c>
      <c r="F70" s="52" t="s">
        <v>81</v>
      </c>
      <c r="G70" s="52" t="s">
        <v>82</v>
      </c>
      <c r="H70" s="4">
        <v>1</v>
      </c>
      <c r="I70" s="2">
        <v>14.65</v>
      </c>
      <c r="J70" s="52" t="s">
        <v>2209</v>
      </c>
      <c r="K70" s="71" t="s">
        <v>2210</v>
      </c>
      <c r="L70" s="52" t="s">
        <v>2063</v>
      </c>
      <c r="M70" s="72">
        <v>7981</v>
      </c>
      <c r="N70" s="52"/>
      <c r="O70" s="52"/>
      <c r="P70" s="52"/>
      <c r="Q70" s="52"/>
      <c r="R70" s="52"/>
      <c r="S70" s="52"/>
      <c r="T70" s="52"/>
      <c r="U70" s="52"/>
      <c r="V70" s="52"/>
      <c r="W70" s="52"/>
    </row>
    <row r="71" spans="1:23" hidden="1" x14ac:dyDescent="0.35">
      <c r="A71" s="52" t="s">
        <v>78</v>
      </c>
      <c r="B71" s="52" t="s">
        <v>79</v>
      </c>
      <c r="C71" s="3">
        <v>20</v>
      </c>
      <c r="D71" s="52" t="s">
        <v>2022</v>
      </c>
      <c r="E71" s="52" t="s">
        <v>26</v>
      </c>
      <c r="F71" s="52" t="s">
        <v>81</v>
      </c>
      <c r="G71" s="52" t="s">
        <v>82</v>
      </c>
      <c r="H71" s="4">
        <v>1</v>
      </c>
      <c r="I71" s="2">
        <v>14.65</v>
      </c>
      <c r="J71" s="52" t="s">
        <v>2211</v>
      </c>
      <c r="K71" s="71" t="s">
        <v>2212</v>
      </c>
      <c r="L71" s="52" t="s">
        <v>2063</v>
      </c>
      <c r="M71" s="72">
        <v>4321</v>
      </c>
      <c r="N71" s="52"/>
      <c r="O71" s="52"/>
      <c r="P71" s="52"/>
      <c r="Q71" s="52"/>
      <c r="R71" s="52"/>
      <c r="S71" s="52"/>
      <c r="T71" s="52"/>
      <c r="U71" s="52"/>
      <c r="V71" s="52"/>
      <c r="W71" s="52"/>
    </row>
    <row r="72" spans="1:23" hidden="1" x14ac:dyDescent="0.35">
      <c r="A72" s="52" t="s">
        <v>78</v>
      </c>
      <c r="B72" s="52" t="s">
        <v>79</v>
      </c>
      <c r="C72" s="3">
        <v>20</v>
      </c>
      <c r="D72" s="52" t="s">
        <v>83</v>
      </c>
      <c r="E72" s="52" t="s">
        <v>26</v>
      </c>
      <c r="F72" s="52" t="s">
        <v>81</v>
      </c>
      <c r="G72" s="52" t="s">
        <v>82</v>
      </c>
      <c r="H72" s="4">
        <v>1</v>
      </c>
      <c r="I72" s="2">
        <v>14.65</v>
      </c>
      <c r="J72" s="52" t="s">
        <v>2138</v>
      </c>
      <c r="K72" s="71" t="s">
        <v>2213</v>
      </c>
      <c r="L72" s="52" t="s">
        <v>2063</v>
      </c>
      <c r="M72" s="72">
        <v>5770</v>
      </c>
      <c r="N72" s="52" t="s">
        <v>2066</v>
      </c>
      <c r="O72" s="52" t="s">
        <v>2067</v>
      </c>
      <c r="P72" s="52" t="s">
        <v>2066</v>
      </c>
      <c r="Q72" s="52" t="s">
        <v>2067</v>
      </c>
      <c r="R72" s="52"/>
      <c r="S72" s="52"/>
      <c r="T72" s="52"/>
      <c r="U72" s="52"/>
      <c r="V72" s="52"/>
      <c r="W72" s="52"/>
    </row>
    <row r="73" spans="1:23" hidden="1" x14ac:dyDescent="0.35">
      <c r="A73" s="52" t="s">
        <v>78</v>
      </c>
      <c r="B73" s="52" t="s">
        <v>79</v>
      </c>
      <c r="C73" s="3">
        <v>10</v>
      </c>
      <c r="D73" s="52" t="s">
        <v>2021</v>
      </c>
      <c r="E73" s="52" t="s">
        <v>26</v>
      </c>
      <c r="F73" s="52" t="s">
        <v>81</v>
      </c>
      <c r="G73" s="52" t="s">
        <v>82</v>
      </c>
      <c r="H73" s="4">
        <v>1</v>
      </c>
      <c r="I73" s="2">
        <v>14.65</v>
      </c>
      <c r="J73" s="52" t="s">
        <v>2214</v>
      </c>
      <c r="K73" s="71" t="s">
        <v>2215</v>
      </c>
      <c r="L73" s="52" t="s">
        <v>2063</v>
      </c>
      <c r="M73" s="72">
        <v>1715</v>
      </c>
      <c r="N73" s="52" t="s">
        <v>2072</v>
      </c>
      <c r="O73" s="52" t="s">
        <v>2073</v>
      </c>
      <c r="P73" s="52"/>
      <c r="Q73" s="52"/>
      <c r="R73" s="52"/>
      <c r="S73" s="52"/>
      <c r="T73" s="52"/>
      <c r="U73" s="52"/>
      <c r="V73" s="52"/>
      <c r="W73" s="52"/>
    </row>
    <row r="74" spans="1:23" hidden="1" x14ac:dyDescent="0.35">
      <c r="A74" s="52" t="s">
        <v>78</v>
      </c>
      <c r="B74" s="52" t="s">
        <v>79</v>
      </c>
      <c r="C74" s="3">
        <v>10</v>
      </c>
      <c r="D74" s="52" t="s">
        <v>2019</v>
      </c>
      <c r="E74" s="52" t="s">
        <v>26</v>
      </c>
      <c r="F74" s="52" t="s">
        <v>81</v>
      </c>
      <c r="G74" s="52" t="s">
        <v>82</v>
      </c>
      <c r="H74" s="4">
        <v>1</v>
      </c>
      <c r="I74" s="2">
        <v>14.65</v>
      </c>
      <c r="J74" s="52" t="s">
        <v>2216</v>
      </c>
      <c r="K74" s="71" t="s">
        <v>2217</v>
      </c>
      <c r="L74" s="52" t="s">
        <v>2095</v>
      </c>
      <c r="M74" s="72">
        <v>9856</v>
      </c>
      <c r="N74" s="52"/>
      <c r="O74" s="52"/>
      <c r="P74" s="52"/>
      <c r="Q74" s="52"/>
      <c r="R74" s="52"/>
      <c r="S74" s="52"/>
      <c r="T74" s="52"/>
      <c r="U74" s="52"/>
      <c r="V74" s="52"/>
      <c r="W74" s="52"/>
    </row>
    <row r="75" spans="1:23" hidden="1" x14ac:dyDescent="0.35">
      <c r="A75" s="52" t="s">
        <v>78</v>
      </c>
      <c r="B75" s="52" t="s">
        <v>79</v>
      </c>
      <c r="C75" s="3">
        <v>20</v>
      </c>
      <c r="D75" s="52" t="s">
        <v>84</v>
      </c>
      <c r="E75" s="52" t="s">
        <v>26</v>
      </c>
      <c r="F75" s="52" t="s">
        <v>81</v>
      </c>
      <c r="G75" s="52" t="s">
        <v>82</v>
      </c>
      <c r="H75" s="4">
        <v>1</v>
      </c>
      <c r="I75" s="2">
        <v>14.65</v>
      </c>
      <c r="J75" s="52" t="s">
        <v>2218</v>
      </c>
      <c r="K75" s="71" t="s">
        <v>2219</v>
      </c>
      <c r="L75" s="52" t="s">
        <v>2063</v>
      </c>
      <c r="M75" s="72">
        <v>2056</v>
      </c>
      <c r="N75" s="52" t="s">
        <v>2066</v>
      </c>
      <c r="O75" s="52" t="s">
        <v>2067</v>
      </c>
      <c r="P75" s="52"/>
      <c r="Q75" s="52"/>
      <c r="R75" s="52"/>
      <c r="S75" s="52"/>
      <c r="T75" s="52"/>
      <c r="U75" s="52"/>
      <c r="V75" s="52"/>
      <c r="W75" s="52"/>
    </row>
    <row r="76" spans="1:23" hidden="1" x14ac:dyDescent="0.35">
      <c r="A76" s="52" t="s">
        <v>78</v>
      </c>
      <c r="B76" s="52" t="s">
        <v>79</v>
      </c>
      <c r="C76" s="3">
        <v>20</v>
      </c>
      <c r="D76" s="52" t="s">
        <v>86</v>
      </c>
      <c r="E76" s="52" t="s">
        <v>26</v>
      </c>
      <c r="F76" s="52" t="s">
        <v>81</v>
      </c>
      <c r="G76" s="52" t="s">
        <v>82</v>
      </c>
      <c r="H76" s="4">
        <v>1</v>
      </c>
      <c r="I76" s="2">
        <v>14.65</v>
      </c>
      <c r="J76" s="52" t="s">
        <v>2220</v>
      </c>
      <c r="K76" s="71" t="s">
        <v>2221</v>
      </c>
      <c r="L76" s="52" t="s">
        <v>2063</v>
      </c>
      <c r="M76" s="72">
        <v>4478</v>
      </c>
      <c r="N76" s="52" t="s">
        <v>2066</v>
      </c>
      <c r="O76" s="52" t="s">
        <v>2067</v>
      </c>
      <c r="P76" s="52"/>
      <c r="Q76" s="52"/>
      <c r="R76" s="52"/>
      <c r="S76" s="52"/>
      <c r="T76" s="52"/>
      <c r="U76" s="52"/>
      <c r="V76" s="52"/>
      <c r="W76" s="52"/>
    </row>
    <row r="77" spans="1:23" x14ac:dyDescent="0.35">
      <c r="A77" s="52" t="s">
        <v>78</v>
      </c>
      <c r="B77" s="52" t="s">
        <v>79</v>
      </c>
      <c r="C77" s="3">
        <v>10</v>
      </c>
      <c r="D77" s="52" t="s">
        <v>2019</v>
      </c>
      <c r="E77" s="52" t="s">
        <v>26</v>
      </c>
      <c r="F77" s="52" t="s">
        <v>81</v>
      </c>
      <c r="G77" s="52" t="s">
        <v>82</v>
      </c>
      <c r="H77" s="4">
        <v>1</v>
      </c>
      <c r="I77" s="2">
        <v>14.65</v>
      </c>
      <c r="J77" s="52" t="s">
        <v>2222</v>
      </c>
      <c r="K77" s="71" t="s">
        <v>2223</v>
      </c>
      <c r="L77" s="52" t="s">
        <v>2063</v>
      </c>
      <c r="M77" s="72">
        <v>3832</v>
      </c>
      <c r="N77" s="52" t="s">
        <v>2076</v>
      </c>
      <c r="O77" s="52" t="s">
        <v>2077</v>
      </c>
      <c r="P77" s="52"/>
      <c r="Q77" s="52"/>
      <c r="R77" s="52"/>
      <c r="S77" s="52"/>
      <c r="T77" s="52"/>
      <c r="U77" s="52"/>
      <c r="V77" s="52"/>
      <c r="W77" s="52"/>
    </row>
    <row r="78" spans="1:23" hidden="1" x14ac:dyDescent="0.35">
      <c r="A78" s="52" t="s">
        <v>78</v>
      </c>
      <c r="B78" s="52" t="s">
        <v>79</v>
      </c>
      <c r="C78" s="3">
        <v>20</v>
      </c>
      <c r="D78" s="52" t="s">
        <v>2019</v>
      </c>
      <c r="E78" s="52" t="s">
        <v>26</v>
      </c>
      <c r="F78" s="52" t="s">
        <v>81</v>
      </c>
      <c r="G78" s="52" t="s">
        <v>82</v>
      </c>
      <c r="H78" s="4">
        <v>1</v>
      </c>
      <c r="I78" s="2">
        <v>14.65</v>
      </c>
      <c r="J78" s="52" t="s">
        <v>2224</v>
      </c>
      <c r="K78" s="71" t="s">
        <v>2225</v>
      </c>
      <c r="L78" s="52" t="s">
        <v>2063</v>
      </c>
      <c r="M78" s="72">
        <v>4579</v>
      </c>
      <c r="N78" s="52" t="s">
        <v>2066</v>
      </c>
      <c r="O78" s="52" t="s">
        <v>2067</v>
      </c>
      <c r="P78" s="52"/>
      <c r="Q78" s="52"/>
      <c r="R78" s="52"/>
      <c r="S78" s="52"/>
      <c r="T78" s="52"/>
      <c r="U78" s="52"/>
      <c r="V78" s="52"/>
      <c r="W78" s="52"/>
    </row>
    <row r="79" spans="1:23" hidden="1" x14ac:dyDescent="0.35">
      <c r="A79" s="52" t="s">
        <v>78</v>
      </c>
      <c r="B79" s="52" t="s">
        <v>79</v>
      </c>
      <c r="C79" s="3">
        <v>211</v>
      </c>
      <c r="D79" s="52" t="s">
        <v>2021</v>
      </c>
      <c r="E79" s="52" t="s">
        <v>26</v>
      </c>
      <c r="F79" s="52" t="s">
        <v>81</v>
      </c>
      <c r="G79" s="52" t="s">
        <v>82</v>
      </c>
      <c r="H79" s="4">
        <v>1</v>
      </c>
      <c r="I79" s="2">
        <v>14.65</v>
      </c>
      <c r="J79" s="52" t="s">
        <v>2226</v>
      </c>
      <c r="K79" s="71" t="s">
        <v>2227</v>
      </c>
      <c r="L79" s="52" t="s">
        <v>2063</v>
      </c>
      <c r="M79" s="72">
        <v>2664</v>
      </c>
      <c r="N79" s="52" t="s">
        <v>2066</v>
      </c>
      <c r="O79" s="52" t="s">
        <v>2067</v>
      </c>
      <c r="P79" s="52"/>
      <c r="Q79" s="52"/>
      <c r="R79" s="52"/>
      <c r="S79" s="52"/>
      <c r="T79" s="52"/>
      <c r="U79" s="52"/>
      <c r="V79" s="52"/>
      <c r="W79" s="52"/>
    </row>
    <row r="80" spans="1:23" hidden="1" x14ac:dyDescent="0.35">
      <c r="A80" s="52" t="s">
        <v>78</v>
      </c>
      <c r="B80" s="52" t="s">
        <v>79</v>
      </c>
      <c r="C80" s="3">
        <v>20</v>
      </c>
      <c r="D80" s="52" t="s">
        <v>2023</v>
      </c>
      <c r="E80" s="52" t="s">
        <v>26</v>
      </c>
      <c r="F80" s="52" t="s">
        <v>81</v>
      </c>
      <c r="G80" s="52" t="s">
        <v>82</v>
      </c>
      <c r="H80" s="4">
        <v>1</v>
      </c>
      <c r="I80" s="2">
        <v>14.65</v>
      </c>
      <c r="J80" s="52" t="s">
        <v>2228</v>
      </c>
      <c r="K80" s="71" t="s">
        <v>2229</v>
      </c>
      <c r="L80" s="52" t="s">
        <v>2063</v>
      </c>
      <c r="M80" s="72">
        <v>5208</v>
      </c>
      <c r="N80" s="52" t="s">
        <v>2066</v>
      </c>
      <c r="O80" s="52" t="s">
        <v>2067</v>
      </c>
      <c r="P80" s="52"/>
      <c r="Q80" s="52"/>
      <c r="R80" s="52"/>
      <c r="S80" s="52"/>
      <c r="T80" s="52"/>
      <c r="U80" s="52"/>
      <c r="V80" s="52"/>
      <c r="W80" s="52"/>
    </row>
    <row r="81" spans="1:23" hidden="1" x14ac:dyDescent="0.35">
      <c r="A81" s="52" t="s">
        <v>78</v>
      </c>
      <c r="B81" s="52" t="s">
        <v>79</v>
      </c>
      <c r="C81" s="3">
        <v>10</v>
      </c>
      <c r="D81" s="52" t="s">
        <v>84</v>
      </c>
      <c r="E81" s="52" t="s">
        <v>26</v>
      </c>
      <c r="F81" s="52" t="s">
        <v>81</v>
      </c>
      <c r="G81" s="52" t="s">
        <v>82</v>
      </c>
      <c r="H81" s="4">
        <v>1</v>
      </c>
      <c r="I81" s="2">
        <v>14.65</v>
      </c>
      <c r="J81" s="52" t="s">
        <v>2230</v>
      </c>
      <c r="K81" s="71" t="s">
        <v>2231</v>
      </c>
      <c r="L81" s="52" t="s">
        <v>2063</v>
      </c>
      <c r="M81" s="72">
        <v>695</v>
      </c>
      <c r="N81" s="52"/>
      <c r="O81" s="52"/>
      <c r="P81" s="52"/>
      <c r="Q81" s="52"/>
      <c r="R81" s="52"/>
      <c r="S81" s="52"/>
      <c r="T81" s="52"/>
      <c r="U81" s="52"/>
      <c r="V81" s="52"/>
      <c r="W81" s="52"/>
    </row>
    <row r="82" spans="1:23" hidden="1" x14ac:dyDescent="0.35">
      <c r="A82" s="52" t="s">
        <v>78</v>
      </c>
      <c r="B82" s="52" t="s">
        <v>79</v>
      </c>
      <c r="C82" s="3">
        <v>20</v>
      </c>
      <c r="D82" s="52" t="s">
        <v>86</v>
      </c>
      <c r="E82" s="52" t="s">
        <v>26</v>
      </c>
      <c r="F82" s="52" t="s">
        <v>81</v>
      </c>
      <c r="G82" s="52" t="s">
        <v>82</v>
      </c>
      <c r="H82" s="4">
        <v>1</v>
      </c>
      <c r="I82" s="2">
        <v>14.65</v>
      </c>
      <c r="J82" s="52" t="s">
        <v>2232</v>
      </c>
      <c r="K82" s="71" t="s">
        <v>2233</v>
      </c>
      <c r="L82" s="52" t="s">
        <v>2063</v>
      </c>
      <c r="M82" s="72">
        <v>8757</v>
      </c>
      <c r="N82" s="52" t="s">
        <v>2072</v>
      </c>
      <c r="O82" s="52" t="s">
        <v>2073</v>
      </c>
      <c r="P82" s="52"/>
      <c r="Q82" s="52"/>
      <c r="R82" s="52"/>
      <c r="S82" s="52"/>
      <c r="T82" s="52"/>
      <c r="U82" s="52"/>
      <c r="V82" s="52"/>
      <c r="W82" s="52"/>
    </row>
    <row r="83" spans="1:23" hidden="1" x14ac:dyDescent="0.35">
      <c r="A83" s="52" t="s">
        <v>78</v>
      </c>
      <c r="B83" s="52" t="s">
        <v>79</v>
      </c>
      <c r="C83" s="3">
        <v>20</v>
      </c>
      <c r="D83" s="52" t="s">
        <v>84</v>
      </c>
      <c r="E83" s="52" t="s">
        <v>26</v>
      </c>
      <c r="F83" s="52" t="s">
        <v>81</v>
      </c>
      <c r="G83" s="52" t="s">
        <v>82</v>
      </c>
      <c r="H83" s="4">
        <v>1</v>
      </c>
      <c r="I83" s="2">
        <v>14.65</v>
      </c>
      <c r="J83" s="52" t="s">
        <v>2234</v>
      </c>
      <c r="K83" s="71" t="s">
        <v>2235</v>
      </c>
      <c r="L83" s="52" t="s">
        <v>2063</v>
      </c>
      <c r="M83" s="72">
        <v>8390</v>
      </c>
      <c r="N83" s="52" t="s">
        <v>2066</v>
      </c>
      <c r="O83" s="52" t="s">
        <v>2067</v>
      </c>
      <c r="P83" s="52"/>
      <c r="Q83" s="52"/>
      <c r="R83" s="52"/>
      <c r="S83" s="52"/>
      <c r="T83" s="52"/>
      <c r="U83" s="52"/>
      <c r="V83" s="52"/>
      <c r="W83" s="52"/>
    </row>
    <row r="84" spans="1:23" x14ac:dyDescent="0.35">
      <c r="A84" s="52" t="s">
        <v>78</v>
      </c>
      <c r="B84" s="52" t="s">
        <v>79</v>
      </c>
      <c r="C84" s="3">
        <v>10</v>
      </c>
      <c r="D84" s="52" t="s">
        <v>87</v>
      </c>
      <c r="E84" s="52" t="s">
        <v>26</v>
      </c>
      <c r="F84" s="52" t="s">
        <v>81</v>
      </c>
      <c r="G84" s="52" t="s">
        <v>82</v>
      </c>
      <c r="H84" s="4">
        <v>1</v>
      </c>
      <c r="I84" s="2">
        <v>14.65</v>
      </c>
      <c r="J84" s="52" t="s">
        <v>2236</v>
      </c>
      <c r="K84" s="71" t="s">
        <v>2237</v>
      </c>
      <c r="L84" s="52" t="s">
        <v>2063</v>
      </c>
      <c r="M84" s="72">
        <v>9920</v>
      </c>
      <c r="N84" s="52" t="s">
        <v>2238</v>
      </c>
      <c r="O84" s="52" t="s">
        <v>2239</v>
      </c>
      <c r="P84" s="52"/>
      <c r="Q84" s="52"/>
      <c r="R84" s="52"/>
      <c r="S84" s="52"/>
      <c r="T84" s="52"/>
      <c r="U84" s="52"/>
      <c r="V84" s="52"/>
      <c r="W84" s="52"/>
    </row>
    <row r="85" spans="1:23" hidden="1" x14ac:dyDescent="0.35">
      <c r="A85" s="52" t="s">
        <v>78</v>
      </c>
      <c r="B85" s="52" t="s">
        <v>79</v>
      </c>
      <c r="C85" s="3">
        <v>20</v>
      </c>
      <c r="D85" s="52" t="s">
        <v>2024</v>
      </c>
      <c r="E85" s="52" t="s">
        <v>26</v>
      </c>
      <c r="F85" s="52" t="s">
        <v>81</v>
      </c>
      <c r="G85" s="52" t="s">
        <v>82</v>
      </c>
      <c r="H85" s="4">
        <v>1</v>
      </c>
      <c r="I85" s="2">
        <v>14.65</v>
      </c>
      <c r="J85" s="52" t="s">
        <v>2240</v>
      </c>
      <c r="K85" s="71" t="s">
        <v>2241</v>
      </c>
      <c r="L85" s="52" t="s">
        <v>2063</v>
      </c>
      <c r="M85" s="72">
        <v>4706</v>
      </c>
      <c r="N85" s="52" t="s">
        <v>2158</v>
      </c>
      <c r="O85" s="52" t="s">
        <v>2159</v>
      </c>
      <c r="P85" s="52"/>
      <c r="Q85" s="52"/>
      <c r="R85" s="52"/>
      <c r="S85" s="52"/>
      <c r="T85" s="52"/>
      <c r="U85" s="52"/>
      <c r="V85" s="52"/>
      <c r="W85" s="52"/>
    </row>
    <row r="86" spans="1:23" hidden="1" x14ac:dyDescent="0.35">
      <c r="A86" s="52" t="s">
        <v>78</v>
      </c>
      <c r="B86" s="52" t="s">
        <v>79</v>
      </c>
      <c r="C86" s="3">
        <v>10</v>
      </c>
      <c r="D86" s="52" t="s">
        <v>80</v>
      </c>
      <c r="E86" s="52" t="s">
        <v>26</v>
      </c>
      <c r="F86" s="52" t="s">
        <v>81</v>
      </c>
      <c r="G86" s="52" t="s">
        <v>82</v>
      </c>
      <c r="H86" s="4">
        <v>1</v>
      </c>
      <c r="I86" s="2">
        <v>14.65</v>
      </c>
      <c r="J86" s="52" t="s">
        <v>2242</v>
      </c>
      <c r="K86" s="71" t="s">
        <v>2243</v>
      </c>
      <c r="L86" s="52" t="s">
        <v>2063</v>
      </c>
      <c r="M86" s="72">
        <v>5130</v>
      </c>
      <c r="N86" s="52" t="s">
        <v>2072</v>
      </c>
      <c r="O86" s="52" t="s">
        <v>2073</v>
      </c>
      <c r="P86" s="52"/>
      <c r="Q86" s="52"/>
      <c r="R86" s="52"/>
      <c r="S86" s="52"/>
      <c r="T86" s="52"/>
      <c r="U86" s="52"/>
      <c r="V86" s="52"/>
      <c r="W86" s="52"/>
    </row>
    <row r="87" spans="1:23" hidden="1" x14ac:dyDescent="0.35">
      <c r="A87" s="52" t="s">
        <v>78</v>
      </c>
      <c r="B87" s="52" t="s">
        <v>79</v>
      </c>
      <c r="C87" s="3">
        <v>20</v>
      </c>
      <c r="D87" s="52" t="s">
        <v>83</v>
      </c>
      <c r="E87" s="52" t="s">
        <v>26</v>
      </c>
      <c r="F87" s="52" t="s">
        <v>81</v>
      </c>
      <c r="G87" s="52" t="s">
        <v>82</v>
      </c>
      <c r="H87" s="4">
        <v>1</v>
      </c>
      <c r="I87" s="2">
        <v>14.65</v>
      </c>
      <c r="J87" s="52" t="s">
        <v>2244</v>
      </c>
      <c r="K87" s="71" t="s">
        <v>2245</v>
      </c>
      <c r="L87" s="52" t="s">
        <v>2063</v>
      </c>
      <c r="M87" s="72">
        <v>2320</v>
      </c>
      <c r="N87" s="52" t="s">
        <v>2066</v>
      </c>
      <c r="O87" s="52" t="s">
        <v>2067</v>
      </c>
      <c r="P87" s="52"/>
      <c r="Q87" s="52"/>
      <c r="R87" s="52"/>
      <c r="S87" s="52"/>
      <c r="T87" s="52"/>
      <c r="U87" s="52"/>
      <c r="V87" s="52"/>
      <c r="W87" s="52"/>
    </row>
    <row r="88" spans="1:23" hidden="1" x14ac:dyDescent="0.35">
      <c r="A88" s="52" t="s">
        <v>78</v>
      </c>
      <c r="B88" s="52" t="s">
        <v>79</v>
      </c>
      <c r="C88" s="3">
        <v>20</v>
      </c>
      <c r="D88" s="52" t="s">
        <v>83</v>
      </c>
      <c r="E88" s="52" t="s">
        <v>26</v>
      </c>
      <c r="F88" s="52" t="s">
        <v>81</v>
      </c>
      <c r="G88" s="52" t="s">
        <v>82</v>
      </c>
      <c r="H88" s="4">
        <v>1</v>
      </c>
      <c r="I88" s="2">
        <v>14.65</v>
      </c>
      <c r="J88" s="52" t="s">
        <v>2246</v>
      </c>
      <c r="K88" s="71" t="s">
        <v>2247</v>
      </c>
      <c r="L88" s="52" t="s">
        <v>2063</v>
      </c>
      <c r="M88" s="72">
        <v>4530</v>
      </c>
      <c r="N88" s="52"/>
      <c r="O88" s="52"/>
      <c r="P88" s="52"/>
      <c r="Q88" s="52"/>
      <c r="R88" s="52"/>
      <c r="S88" s="52"/>
      <c r="T88" s="52"/>
      <c r="U88" s="52"/>
      <c r="V88" s="52"/>
      <c r="W88" s="52"/>
    </row>
    <row r="89" spans="1:23" hidden="1" x14ac:dyDescent="0.35">
      <c r="A89" s="52" t="s">
        <v>78</v>
      </c>
      <c r="B89" s="52" t="s">
        <v>79</v>
      </c>
      <c r="C89" s="3">
        <v>10</v>
      </c>
      <c r="D89" s="52" t="s">
        <v>2019</v>
      </c>
      <c r="E89" s="52" t="s">
        <v>26</v>
      </c>
      <c r="F89" s="52" t="s">
        <v>81</v>
      </c>
      <c r="G89" s="52" t="s">
        <v>82</v>
      </c>
      <c r="H89" s="4">
        <v>1</v>
      </c>
      <c r="I89" s="2">
        <v>14.65</v>
      </c>
      <c r="J89" s="52" t="s">
        <v>2248</v>
      </c>
      <c r="K89" s="71" t="s">
        <v>2249</v>
      </c>
      <c r="L89" s="52" t="s">
        <v>2063</v>
      </c>
      <c r="M89" s="72">
        <v>7813</v>
      </c>
      <c r="N89" s="52"/>
      <c r="O89" s="52"/>
      <c r="P89" s="52"/>
      <c r="Q89" s="52"/>
      <c r="R89" s="52"/>
      <c r="S89" s="52"/>
      <c r="T89" s="52"/>
      <c r="U89" s="52"/>
      <c r="V89" s="52"/>
      <c r="W89" s="52"/>
    </row>
    <row r="90" spans="1:23" hidden="1" x14ac:dyDescent="0.35">
      <c r="A90" s="52" t="s">
        <v>78</v>
      </c>
      <c r="B90" s="52" t="s">
        <v>79</v>
      </c>
      <c r="C90" s="3">
        <v>10</v>
      </c>
      <c r="D90" s="52" t="s">
        <v>2019</v>
      </c>
      <c r="E90" s="52" t="s">
        <v>26</v>
      </c>
      <c r="F90" s="52" t="s">
        <v>81</v>
      </c>
      <c r="G90" s="52" t="s">
        <v>82</v>
      </c>
      <c r="H90" s="4">
        <v>1</v>
      </c>
      <c r="I90" s="2">
        <v>14.65</v>
      </c>
      <c r="J90" s="52" t="s">
        <v>2250</v>
      </c>
      <c r="K90" s="71" t="s">
        <v>2251</v>
      </c>
      <c r="L90" s="52" t="s">
        <v>2063</v>
      </c>
      <c r="M90" s="72">
        <v>9865</v>
      </c>
      <c r="N90" s="52" t="s">
        <v>2066</v>
      </c>
      <c r="O90" s="52" t="s">
        <v>2067</v>
      </c>
      <c r="P90" s="52"/>
      <c r="Q90" s="52"/>
      <c r="R90" s="52"/>
      <c r="S90" s="52"/>
      <c r="T90" s="52"/>
      <c r="U90" s="52"/>
      <c r="V90" s="52"/>
      <c r="W90" s="52"/>
    </row>
    <row r="91" spans="1:23" hidden="1" x14ac:dyDescent="0.35">
      <c r="A91" s="52" t="s">
        <v>78</v>
      </c>
      <c r="B91" s="52" t="s">
        <v>79</v>
      </c>
      <c r="C91" s="3">
        <v>20</v>
      </c>
      <c r="D91" s="52" t="s">
        <v>2019</v>
      </c>
      <c r="E91" s="52" t="s">
        <v>26</v>
      </c>
      <c r="F91" s="52" t="s">
        <v>81</v>
      </c>
      <c r="G91" s="52" t="s">
        <v>82</v>
      </c>
      <c r="H91" s="4">
        <v>1</v>
      </c>
      <c r="I91" s="2">
        <v>14.65</v>
      </c>
      <c r="J91" s="52" t="s">
        <v>2252</v>
      </c>
      <c r="K91" s="71" t="s">
        <v>2253</v>
      </c>
      <c r="L91" s="52" t="s">
        <v>2063</v>
      </c>
      <c r="M91" s="72">
        <v>756</v>
      </c>
      <c r="N91" s="52"/>
      <c r="O91" s="52"/>
      <c r="P91" s="52"/>
      <c r="Q91" s="52"/>
      <c r="R91" s="52"/>
      <c r="S91" s="52"/>
      <c r="T91" s="52"/>
      <c r="U91" s="52"/>
      <c r="V91" s="52"/>
      <c r="W91" s="52"/>
    </row>
    <row r="92" spans="1:23" hidden="1" x14ac:dyDescent="0.35">
      <c r="A92" s="52" t="s">
        <v>78</v>
      </c>
      <c r="B92" s="52" t="s">
        <v>79</v>
      </c>
      <c r="C92" s="3">
        <v>20</v>
      </c>
      <c r="D92" s="52" t="s">
        <v>85</v>
      </c>
      <c r="E92" s="52" t="s">
        <v>26</v>
      </c>
      <c r="F92" s="52" t="s">
        <v>81</v>
      </c>
      <c r="G92" s="52" t="s">
        <v>82</v>
      </c>
      <c r="H92" s="4">
        <v>1</v>
      </c>
      <c r="I92" s="2">
        <v>14.65</v>
      </c>
      <c r="J92" s="52" t="s">
        <v>2177</v>
      </c>
      <c r="K92" s="71" t="s">
        <v>2254</v>
      </c>
      <c r="L92" s="52" t="s">
        <v>2063</v>
      </c>
      <c r="M92" s="72">
        <v>1660</v>
      </c>
      <c r="N92" s="52"/>
      <c r="O92" s="52"/>
      <c r="P92" s="52"/>
      <c r="Q92" s="52"/>
      <c r="R92" s="52"/>
      <c r="S92" s="52"/>
      <c r="T92" s="52"/>
      <c r="U92" s="52"/>
      <c r="V92" s="52"/>
      <c r="W92" s="52"/>
    </row>
    <row r="93" spans="1:23" hidden="1" x14ac:dyDescent="0.35">
      <c r="A93" s="52" t="s">
        <v>78</v>
      </c>
      <c r="B93" s="52" t="s">
        <v>79</v>
      </c>
      <c r="C93" s="3">
        <v>10</v>
      </c>
      <c r="D93" s="52" t="s">
        <v>83</v>
      </c>
      <c r="E93" s="52" t="s">
        <v>26</v>
      </c>
      <c r="F93" s="52" t="s">
        <v>81</v>
      </c>
      <c r="G93" s="52" t="s">
        <v>82</v>
      </c>
      <c r="H93" s="4">
        <v>1</v>
      </c>
      <c r="I93" s="2">
        <v>14.65</v>
      </c>
      <c r="J93" s="52" t="s">
        <v>2255</v>
      </c>
      <c r="K93" s="71" t="s">
        <v>2256</v>
      </c>
      <c r="L93" s="52" t="s">
        <v>2063</v>
      </c>
      <c r="M93" s="72">
        <v>9393</v>
      </c>
      <c r="N93" s="52" t="s">
        <v>2066</v>
      </c>
      <c r="O93" s="52" t="s">
        <v>2067</v>
      </c>
      <c r="P93" s="52"/>
      <c r="Q93" s="52"/>
      <c r="R93" s="52"/>
      <c r="S93" s="52"/>
      <c r="T93" s="52"/>
      <c r="U93" s="52"/>
      <c r="V93" s="52"/>
      <c r="W93" s="52"/>
    </row>
    <row r="94" spans="1:23" x14ac:dyDescent="0.35">
      <c r="A94" s="52" t="s">
        <v>78</v>
      </c>
      <c r="B94" s="52" t="s">
        <v>79</v>
      </c>
      <c r="C94" s="3">
        <v>10</v>
      </c>
      <c r="D94" s="52" t="s">
        <v>2021</v>
      </c>
      <c r="E94" s="52" t="s">
        <v>26</v>
      </c>
      <c r="F94" s="52" t="s">
        <v>81</v>
      </c>
      <c r="G94" s="52" t="s">
        <v>82</v>
      </c>
      <c r="H94" s="4">
        <v>1</v>
      </c>
      <c r="I94" s="2">
        <v>14.65</v>
      </c>
      <c r="J94" s="52" t="s">
        <v>2257</v>
      </c>
      <c r="K94" s="71" t="s">
        <v>2258</v>
      </c>
      <c r="L94" s="52" t="s">
        <v>2063</v>
      </c>
      <c r="M94" s="72">
        <v>8888</v>
      </c>
      <c r="N94" s="52" t="s">
        <v>2259</v>
      </c>
      <c r="O94" s="52" t="s">
        <v>2260</v>
      </c>
      <c r="P94" s="52"/>
      <c r="Q94" s="52"/>
      <c r="R94" s="52"/>
      <c r="S94" s="52"/>
      <c r="T94" s="52"/>
      <c r="U94" s="52"/>
      <c r="V94" s="52"/>
      <c r="W94" s="52"/>
    </row>
    <row r="95" spans="1:23" hidden="1" x14ac:dyDescent="0.35">
      <c r="A95" s="52" t="s">
        <v>78</v>
      </c>
      <c r="B95" s="52" t="s">
        <v>79</v>
      </c>
      <c r="C95" s="3">
        <v>20</v>
      </c>
      <c r="D95" s="52" t="s">
        <v>85</v>
      </c>
      <c r="E95" s="52" t="s">
        <v>26</v>
      </c>
      <c r="F95" s="52" t="s">
        <v>81</v>
      </c>
      <c r="G95" s="52" t="s">
        <v>82</v>
      </c>
      <c r="H95" s="4">
        <v>1</v>
      </c>
      <c r="I95" s="2">
        <v>14.65</v>
      </c>
      <c r="J95" s="52" t="s">
        <v>2261</v>
      </c>
      <c r="K95" s="71" t="s">
        <v>2262</v>
      </c>
      <c r="L95" s="52" t="s">
        <v>2063</v>
      </c>
      <c r="M95" s="72">
        <v>3518</v>
      </c>
      <c r="N95" s="52" t="s">
        <v>2072</v>
      </c>
      <c r="O95" s="52" t="s">
        <v>2073</v>
      </c>
      <c r="P95" s="52"/>
      <c r="Q95" s="52"/>
      <c r="R95" s="52"/>
      <c r="S95" s="52"/>
      <c r="T95" s="52"/>
      <c r="U95" s="52"/>
      <c r="V95" s="52"/>
      <c r="W95" s="52"/>
    </row>
    <row r="96" spans="1:23" hidden="1" x14ac:dyDescent="0.35">
      <c r="A96" s="52" t="s">
        <v>78</v>
      </c>
      <c r="B96" s="52" t="s">
        <v>79</v>
      </c>
      <c r="C96" s="3">
        <v>20</v>
      </c>
      <c r="D96" s="52" t="s">
        <v>86</v>
      </c>
      <c r="E96" s="52" t="s">
        <v>26</v>
      </c>
      <c r="F96" s="52" t="s">
        <v>81</v>
      </c>
      <c r="G96" s="52" t="s">
        <v>82</v>
      </c>
      <c r="H96" s="4">
        <v>1</v>
      </c>
      <c r="I96" s="2">
        <v>14.65</v>
      </c>
      <c r="J96" s="52" t="s">
        <v>2263</v>
      </c>
      <c r="K96" s="71" t="s">
        <v>2264</v>
      </c>
      <c r="L96" s="52" t="s">
        <v>2063</v>
      </c>
      <c r="M96" s="72">
        <v>1234</v>
      </c>
      <c r="N96" s="52" t="s">
        <v>2072</v>
      </c>
      <c r="O96" s="52" t="s">
        <v>2073</v>
      </c>
      <c r="P96" s="52"/>
      <c r="Q96" s="52"/>
      <c r="R96" s="52"/>
      <c r="S96" s="52"/>
      <c r="T96" s="52"/>
      <c r="U96" s="52"/>
      <c r="V96" s="52"/>
      <c r="W96" s="52"/>
    </row>
    <row r="97" spans="1:23" hidden="1" x14ac:dyDescent="0.35">
      <c r="A97" s="52" t="s">
        <v>78</v>
      </c>
      <c r="B97" s="52" t="s">
        <v>79</v>
      </c>
      <c r="C97" s="3">
        <v>20</v>
      </c>
      <c r="D97" s="52" t="s">
        <v>2021</v>
      </c>
      <c r="E97" s="52" t="s">
        <v>26</v>
      </c>
      <c r="F97" s="52" t="s">
        <v>81</v>
      </c>
      <c r="G97" s="52" t="s">
        <v>82</v>
      </c>
      <c r="H97" s="4">
        <v>1</v>
      </c>
      <c r="I97" s="2">
        <v>14.65</v>
      </c>
      <c r="J97" s="52" t="s">
        <v>2265</v>
      </c>
      <c r="K97" s="71" t="s">
        <v>2266</v>
      </c>
      <c r="L97" s="52" t="s">
        <v>2063</v>
      </c>
      <c r="M97" s="72">
        <v>5923</v>
      </c>
      <c r="N97" s="52"/>
      <c r="O97" s="52"/>
      <c r="P97" s="52"/>
      <c r="Q97" s="52"/>
      <c r="R97" s="52"/>
      <c r="S97" s="52"/>
      <c r="T97" s="52"/>
      <c r="U97" s="52"/>
      <c r="V97" s="52"/>
      <c r="W97" s="52"/>
    </row>
    <row r="98" spans="1:23" hidden="1" x14ac:dyDescent="0.35">
      <c r="A98" s="52" t="s">
        <v>78</v>
      </c>
      <c r="B98" s="52" t="s">
        <v>79</v>
      </c>
      <c r="C98" s="3">
        <v>10</v>
      </c>
      <c r="D98" s="52" t="s">
        <v>2022</v>
      </c>
      <c r="E98" s="52" t="s">
        <v>26</v>
      </c>
      <c r="F98" s="52" t="s">
        <v>81</v>
      </c>
      <c r="G98" s="52" t="s">
        <v>82</v>
      </c>
      <c r="H98" s="4">
        <v>1</v>
      </c>
      <c r="I98" s="2">
        <v>14.65</v>
      </c>
      <c r="J98" s="52" t="s">
        <v>2267</v>
      </c>
      <c r="K98" s="71" t="s">
        <v>2268</v>
      </c>
      <c r="L98" s="52" t="s">
        <v>2063</v>
      </c>
      <c r="M98" s="72">
        <v>930</v>
      </c>
      <c r="N98" s="52" t="s">
        <v>2158</v>
      </c>
      <c r="O98" s="52" t="s">
        <v>2159</v>
      </c>
      <c r="P98" s="52"/>
      <c r="Q98" s="52"/>
      <c r="R98" s="52"/>
      <c r="S98" s="52"/>
      <c r="T98" s="52"/>
      <c r="U98" s="52"/>
      <c r="V98" s="52"/>
      <c r="W98" s="52"/>
    </row>
    <row r="99" spans="1:23" hidden="1" x14ac:dyDescent="0.35">
      <c r="A99" s="52" t="s">
        <v>78</v>
      </c>
      <c r="B99" s="52" t="s">
        <v>79</v>
      </c>
      <c r="C99" s="3">
        <v>20</v>
      </c>
      <c r="D99" s="52" t="s">
        <v>86</v>
      </c>
      <c r="E99" s="52" t="s">
        <v>26</v>
      </c>
      <c r="F99" s="52" t="s">
        <v>81</v>
      </c>
      <c r="G99" s="52" t="s">
        <v>82</v>
      </c>
      <c r="H99" s="4">
        <v>1</v>
      </c>
      <c r="I99" s="2">
        <v>14.65</v>
      </c>
      <c r="J99" s="52" t="s">
        <v>2269</v>
      </c>
      <c r="K99" s="71" t="s">
        <v>2270</v>
      </c>
      <c r="L99" s="52" t="s">
        <v>2063</v>
      </c>
      <c r="M99" s="72">
        <v>3560</v>
      </c>
      <c r="N99" s="52" t="s">
        <v>2072</v>
      </c>
      <c r="O99" s="52" t="s">
        <v>2073</v>
      </c>
      <c r="P99" s="52"/>
      <c r="Q99" s="52"/>
      <c r="R99" s="52"/>
      <c r="S99" s="52"/>
      <c r="T99" s="52"/>
      <c r="U99" s="52"/>
      <c r="V99" s="52"/>
      <c r="W99" s="52"/>
    </row>
    <row r="100" spans="1:23" hidden="1" x14ac:dyDescent="0.35">
      <c r="A100" s="52" t="s">
        <v>78</v>
      </c>
      <c r="B100" s="52" t="s">
        <v>79</v>
      </c>
      <c r="C100" s="3">
        <v>20</v>
      </c>
      <c r="D100" s="52" t="s">
        <v>83</v>
      </c>
      <c r="E100" s="52" t="s">
        <v>26</v>
      </c>
      <c r="F100" s="52" t="s">
        <v>81</v>
      </c>
      <c r="G100" s="52" t="s">
        <v>82</v>
      </c>
      <c r="H100" s="4">
        <v>1</v>
      </c>
      <c r="I100" s="2">
        <v>14.65</v>
      </c>
      <c r="J100" s="52" t="s">
        <v>2271</v>
      </c>
      <c r="K100" s="71" t="s">
        <v>2272</v>
      </c>
      <c r="L100" s="52" t="s">
        <v>2063</v>
      </c>
      <c r="M100" s="72">
        <v>9365</v>
      </c>
      <c r="N100" s="52"/>
      <c r="O100" s="52"/>
      <c r="P100" s="52"/>
      <c r="Q100" s="52"/>
      <c r="R100" s="52"/>
      <c r="S100" s="52"/>
      <c r="T100" s="52"/>
      <c r="U100" s="52"/>
      <c r="V100" s="52"/>
      <c r="W100" s="52"/>
    </row>
    <row r="101" spans="1:23" hidden="1" x14ac:dyDescent="0.35">
      <c r="A101" s="52" t="s">
        <v>78</v>
      </c>
      <c r="B101" s="52" t="s">
        <v>79</v>
      </c>
      <c r="C101" s="3">
        <v>20</v>
      </c>
      <c r="D101" s="52" t="s">
        <v>2021</v>
      </c>
      <c r="E101" s="52" t="s">
        <v>26</v>
      </c>
      <c r="F101" s="52" t="s">
        <v>81</v>
      </c>
      <c r="G101" s="52" t="s">
        <v>82</v>
      </c>
      <c r="H101" s="4">
        <v>1</v>
      </c>
      <c r="I101" s="2">
        <v>14.65</v>
      </c>
      <c r="J101" s="52" t="s">
        <v>2273</v>
      </c>
      <c r="K101" s="71" t="s">
        <v>2274</v>
      </c>
      <c r="L101" s="52" t="s">
        <v>2063</v>
      </c>
      <c r="M101" s="72">
        <v>6946</v>
      </c>
      <c r="N101" s="52"/>
      <c r="O101" s="52"/>
      <c r="P101" s="52"/>
      <c r="Q101" s="52"/>
      <c r="R101" s="52"/>
      <c r="S101" s="52"/>
      <c r="T101" s="52"/>
      <c r="U101" s="52"/>
      <c r="V101" s="52"/>
      <c r="W101" s="52"/>
    </row>
    <row r="102" spans="1:23" hidden="1" x14ac:dyDescent="0.35">
      <c r="A102" s="52" t="s">
        <v>78</v>
      </c>
      <c r="B102" s="52" t="s">
        <v>79</v>
      </c>
      <c r="C102" s="3">
        <v>20</v>
      </c>
      <c r="D102" s="52" t="s">
        <v>2019</v>
      </c>
      <c r="E102" s="52" t="s">
        <v>26</v>
      </c>
      <c r="F102" s="52" t="s">
        <v>81</v>
      </c>
      <c r="G102" s="52" t="s">
        <v>82</v>
      </c>
      <c r="H102" s="4">
        <v>1</v>
      </c>
      <c r="I102" s="2">
        <v>14.65</v>
      </c>
      <c r="J102" s="52" t="s">
        <v>2275</v>
      </c>
      <c r="K102" s="71" t="s">
        <v>2276</v>
      </c>
      <c r="L102" s="52" t="s">
        <v>2063</v>
      </c>
      <c r="M102" s="72">
        <v>7018</v>
      </c>
      <c r="N102" s="52" t="s">
        <v>2066</v>
      </c>
      <c r="O102" s="52" t="s">
        <v>2067</v>
      </c>
      <c r="P102" s="52"/>
      <c r="Q102" s="52"/>
      <c r="R102" s="52"/>
      <c r="S102" s="52"/>
      <c r="T102" s="52"/>
      <c r="U102" s="52"/>
      <c r="V102" s="52"/>
      <c r="W102" s="52"/>
    </row>
    <row r="103" spans="1:23" x14ac:dyDescent="0.35">
      <c r="A103" s="52" t="s">
        <v>78</v>
      </c>
      <c r="B103" s="52" t="s">
        <v>79</v>
      </c>
      <c r="C103" s="3">
        <v>20</v>
      </c>
      <c r="D103" s="52" t="s">
        <v>85</v>
      </c>
      <c r="E103" s="52" t="s">
        <v>26</v>
      </c>
      <c r="F103" s="52" t="s">
        <v>81</v>
      </c>
      <c r="G103" s="52" t="s">
        <v>82</v>
      </c>
      <c r="H103" s="4">
        <v>1</v>
      </c>
      <c r="I103" s="2">
        <v>14.65</v>
      </c>
      <c r="J103" s="52" t="s">
        <v>2277</v>
      </c>
      <c r="K103" s="71" t="s">
        <v>2278</v>
      </c>
      <c r="L103" s="52" t="s">
        <v>2063</v>
      </c>
      <c r="M103" s="72">
        <v>1395</v>
      </c>
      <c r="N103" s="52" t="s">
        <v>2238</v>
      </c>
      <c r="O103" s="52" t="s">
        <v>2239</v>
      </c>
      <c r="P103" s="52"/>
      <c r="Q103" s="52"/>
      <c r="R103" s="52"/>
      <c r="S103" s="52"/>
      <c r="T103" s="52"/>
      <c r="U103" s="52"/>
      <c r="V103" s="52"/>
      <c r="W103" s="52"/>
    </row>
    <row r="104" spans="1:23" hidden="1" x14ac:dyDescent="0.35">
      <c r="A104" s="52" t="s">
        <v>78</v>
      </c>
      <c r="B104" s="52" t="s">
        <v>79</v>
      </c>
      <c r="C104" s="3">
        <v>10</v>
      </c>
      <c r="D104" s="52" t="s">
        <v>83</v>
      </c>
      <c r="E104" s="52" t="s">
        <v>26</v>
      </c>
      <c r="F104" s="52" t="s">
        <v>81</v>
      </c>
      <c r="G104" s="52" t="s">
        <v>82</v>
      </c>
      <c r="H104" s="4">
        <v>1</v>
      </c>
      <c r="I104" s="2">
        <v>14.65</v>
      </c>
      <c r="J104" s="52" t="s">
        <v>2279</v>
      </c>
      <c r="K104" s="71" t="s">
        <v>2280</v>
      </c>
      <c r="L104" s="52" t="s">
        <v>2063</v>
      </c>
      <c r="M104" s="72">
        <v>8600</v>
      </c>
      <c r="N104" s="52" t="s">
        <v>2072</v>
      </c>
      <c r="O104" s="52" t="s">
        <v>2073</v>
      </c>
      <c r="P104" s="52"/>
      <c r="Q104" s="52"/>
      <c r="R104" s="52"/>
      <c r="S104" s="52"/>
      <c r="T104" s="52"/>
      <c r="U104" s="52"/>
      <c r="V104" s="52"/>
      <c r="W104" s="52"/>
    </row>
    <row r="105" spans="1:23" x14ac:dyDescent="0.35">
      <c r="A105" s="52" t="s">
        <v>78</v>
      </c>
      <c r="B105" s="52" t="s">
        <v>79</v>
      </c>
      <c r="C105" s="3">
        <v>211</v>
      </c>
      <c r="D105" s="52" t="s">
        <v>86</v>
      </c>
      <c r="E105" s="52" t="s">
        <v>26</v>
      </c>
      <c r="F105" s="52" t="s">
        <v>81</v>
      </c>
      <c r="G105" s="52" t="s">
        <v>82</v>
      </c>
      <c r="H105" s="4">
        <v>1</v>
      </c>
      <c r="I105" s="2">
        <v>14.65</v>
      </c>
      <c r="J105" s="52" t="s">
        <v>2281</v>
      </c>
      <c r="K105" s="71" t="s">
        <v>2282</v>
      </c>
      <c r="L105" s="52" t="s">
        <v>2063</v>
      </c>
      <c r="M105" s="72">
        <v>1067</v>
      </c>
      <c r="N105" s="52" t="s">
        <v>2076</v>
      </c>
      <c r="O105" s="52" t="s">
        <v>2077</v>
      </c>
      <c r="P105" s="52"/>
      <c r="Q105" s="52"/>
      <c r="R105" s="52"/>
      <c r="S105" s="52"/>
      <c r="T105" s="52"/>
      <c r="U105" s="52"/>
      <c r="V105" s="52"/>
      <c r="W105" s="52"/>
    </row>
    <row r="106" spans="1:23" x14ac:dyDescent="0.35">
      <c r="A106" s="52" t="s">
        <v>78</v>
      </c>
      <c r="B106" s="52" t="s">
        <v>79</v>
      </c>
      <c r="C106" s="3">
        <v>10</v>
      </c>
      <c r="D106" s="52" t="s">
        <v>80</v>
      </c>
      <c r="E106" s="52" t="s">
        <v>26</v>
      </c>
      <c r="F106" s="52" t="s">
        <v>81</v>
      </c>
      <c r="G106" s="52" t="s">
        <v>82</v>
      </c>
      <c r="H106" s="4">
        <v>1</v>
      </c>
      <c r="I106" s="2">
        <v>14.65</v>
      </c>
      <c r="J106" s="52" t="s">
        <v>2283</v>
      </c>
      <c r="K106" s="71" t="s">
        <v>2284</v>
      </c>
      <c r="L106" s="52" t="s">
        <v>2063</v>
      </c>
      <c r="M106" s="72">
        <v>4096</v>
      </c>
      <c r="N106" s="52" t="s">
        <v>2076</v>
      </c>
      <c r="O106" s="52" t="s">
        <v>2077</v>
      </c>
      <c r="P106" s="52"/>
      <c r="Q106" s="52"/>
      <c r="R106" s="52"/>
      <c r="S106" s="52"/>
      <c r="T106" s="52"/>
      <c r="U106" s="52"/>
      <c r="V106" s="52"/>
      <c r="W106" s="52"/>
    </row>
    <row r="107" spans="1:23" hidden="1" x14ac:dyDescent="0.35">
      <c r="A107" s="52" t="s">
        <v>78</v>
      </c>
      <c r="B107" s="52" t="s">
        <v>79</v>
      </c>
      <c r="C107" s="3">
        <v>20</v>
      </c>
      <c r="D107" s="52" t="s">
        <v>86</v>
      </c>
      <c r="E107" s="52" t="s">
        <v>26</v>
      </c>
      <c r="F107" s="52" t="s">
        <v>81</v>
      </c>
      <c r="G107" s="52" t="s">
        <v>82</v>
      </c>
      <c r="H107" s="4">
        <v>1</v>
      </c>
      <c r="I107" s="2">
        <v>14.65</v>
      </c>
      <c r="J107" s="52" t="s">
        <v>2285</v>
      </c>
      <c r="K107" s="71" t="s">
        <v>2286</v>
      </c>
      <c r="L107" s="52" t="s">
        <v>2063</v>
      </c>
      <c r="M107" s="72">
        <v>6528</v>
      </c>
      <c r="N107" s="52" t="s">
        <v>2072</v>
      </c>
      <c r="O107" s="52" t="s">
        <v>2073</v>
      </c>
      <c r="P107" s="52"/>
      <c r="Q107" s="52"/>
      <c r="R107" s="52"/>
      <c r="S107" s="52"/>
      <c r="T107" s="52"/>
      <c r="U107" s="52"/>
      <c r="V107" s="52"/>
      <c r="W107" s="52"/>
    </row>
    <row r="108" spans="1:23" hidden="1" x14ac:dyDescent="0.35">
      <c r="A108" s="52" t="s">
        <v>78</v>
      </c>
      <c r="B108" s="52" t="s">
        <v>79</v>
      </c>
      <c r="C108" s="3">
        <v>211</v>
      </c>
      <c r="D108" s="52" t="s">
        <v>2024</v>
      </c>
      <c r="E108" s="52" t="s">
        <v>26</v>
      </c>
      <c r="F108" s="52" t="s">
        <v>81</v>
      </c>
      <c r="G108" s="52" t="s">
        <v>82</v>
      </c>
      <c r="H108" s="4">
        <v>1</v>
      </c>
      <c r="I108" s="2">
        <v>14.65</v>
      </c>
      <c r="J108" s="52" t="s">
        <v>2287</v>
      </c>
      <c r="K108" s="71" t="s">
        <v>2288</v>
      </c>
      <c r="L108" s="52" t="s">
        <v>2063</v>
      </c>
      <c r="M108" s="72">
        <v>574</v>
      </c>
      <c r="N108" s="52" t="s">
        <v>2158</v>
      </c>
      <c r="O108" s="52" t="s">
        <v>2159</v>
      </c>
      <c r="P108" s="52"/>
      <c r="Q108" s="52"/>
      <c r="R108" s="52"/>
      <c r="S108" s="52"/>
      <c r="T108" s="52"/>
      <c r="U108" s="52"/>
      <c r="V108" s="52"/>
      <c r="W108" s="52"/>
    </row>
    <row r="109" spans="1:23" hidden="1" x14ac:dyDescent="0.35">
      <c r="A109" s="52" t="s">
        <v>78</v>
      </c>
      <c r="B109" s="52" t="s">
        <v>79</v>
      </c>
      <c r="C109" s="3">
        <v>211</v>
      </c>
      <c r="D109" s="52" t="s">
        <v>87</v>
      </c>
      <c r="E109" s="52" t="s">
        <v>26</v>
      </c>
      <c r="F109" s="52" t="s">
        <v>81</v>
      </c>
      <c r="G109" s="52" t="s">
        <v>82</v>
      </c>
      <c r="H109" s="4">
        <v>1</v>
      </c>
      <c r="I109" s="2">
        <v>14.65</v>
      </c>
      <c r="J109" s="52" t="s">
        <v>2289</v>
      </c>
      <c r="K109" s="71" t="s">
        <v>2290</v>
      </c>
      <c r="L109" s="52" t="s">
        <v>2063</v>
      </c>
      <c r="M109" s="72">
        <v>6783</v>
      </c>
      <c r="N109" s="52" t="s">
        <v>2072</v>
      </c>
      <c r="O109" s="52" t="s">
        <v>2073</v>
      </c>
      <c r="P109" s="52"/>
      <c r="Q109" s="52"/>
      <c r="R109" s="52"/>
      <c r="S109" s="52"/>
      <c r="T109" s="52"/>
      <c r="U109" s="52"/>
      <c r="V109" s="52"/>
      <c r="W109" s="52"/>
    </row>
    <row r="110" spans="1:23" hidden="1" x14ac:dyDescent="0.35">
      <c r="A110" s="52" t="s">
        <v>78</v>
      </c>
      <c r="B110" s="52" t="s">
        <v>79</v>
      </c>
      <c r="C110" s="3">
        <v>10</v>
      </c>
      <c r="D110" s="52" t="s">
        <v>2023</v>
      </c>
      <c r="E110" s="52" t="s">
        <v>26</v>
      </c>
      <c r="F110" s="52" t="s">
        <v>81</v>
      </c>
      <c r="G110" s="52" t="s">
        <v>82</v>
      </c>
      <c r="H110" s="4">
        <v>1</v>
      </c>
      <c r="I110" s="2">
        <v>14.65</v>
      </c>
      <c r="J110" s="52" t="s">
        <v>2093</v>
      </c>
      <c r="K110" s="71" t="s">
        <v>2291</v>
      </c>
      <c r="L110" s="52" t="s">
        <v>2063</v>
      </c>
      <c r="M110" s="72">
        <v>1285</v>
      </c>
      <c r="N110" s="52" t="s">
        <v>2072</v>
      </c>
      <c r="O110" s="52" t="s">
        <v>2073</v>
      </c>
      <c r="P110" s="52"/>
      <c r="Q110" s="52"/>
      <c r="R110" s="52"/>
      <c r="S110" s="52"/>
      <c r="T110" s="52"/>
      <c r="U110" s="52"/>
      <c r="V110" s="52"/>
      <c r="W110" s="52"/>
    </row>
    <row r="111" spans="1:23" hidden="1" x14ac:dyDescent="0.35">
      <c r="A111" s="52" t="s">
        <v>78</v>
      </c>
      <c r="B111" s="52" t="s">
        <v>79</v>
      </c>
      <c r="C111" s="3">
        <v>10</v>
      </c>
      <c r="D111" s="52" t="s">
        <v>87</v>
      </c>
      <c r="E111" s="52" t="s">
        <v>26</v>
      </c>
      <c r="F111" s="52" t="s">
        <v>81</v>
      </c>
      <c r="G111" s="52" t="s">
        <v>82</v>
      </c>
      <c r="H111" s="4">
        <v>1</v>
      </c>
      <c r="I111" s="2">
        <v>14.65</v>
      </c>
      <c r="J111" s="52" t="s">
        <v>2292</v>
      </c>
      <c r="K111" s="71" t="s">
        <v>2293</v>
      </c>
      <c r="L111" s="52" t="s">
        <v>2063</v>
      </c>
      <c r="M111" s="72">
        <v>807</v>
      </c>
      <c r="N111" s="52" t="s">
        <v>2072</v>
      </c>
      <c r="O111" s="52" t="s">
        <v>2073</v>
      </c>
      <c r="P111" s="52"/>
      <c r="Q111" s="52"/>
      <c r="R111" s="52"/>
      <c r="S111" s="52"/>
      <c r="T111" s="52"/>
      <c r="U111" s="52"/>
      <c r="V111" s="52"/>
      <c r="W111" s="52"/>
    </row>
    <row r="112" spans="1:23" hidden="1" x14ac:dyDescent="0.35">
      <c r="A112" s="52" t="s">
        <v>78</v>
      </c>
      <c r="B112" s="52" t="s">
        <v>79</v>
      </c>
      <c r="C112" s="3">
        <v>20</v>
      </c>
      <c r="D112" s="52" t="s">
        <v>80</v>
      </c>
      <c r="E112" s="52" t="s">
        <v>26</v>
      </c>
      <c r="F112" s="52" t="s">
        <v>81</v>
      </c>
      <c r="G112" s="52" t="s">
        <v>82</v>
      </c>
      <c r="H112" s="4">
        <v>1</v>
      </c>
      <c r="I112" s="2">
        <v>14.65</v>
      </c>
      <c r="J112" s="52" t="s">
        <v>2294</v>
      </c>
      <c r="K112" s="71" t="s">
        <v>2295</v>
      </c>
      <c r="L112" s="52" t="s">
        <v>2063</v>
      </c>
      <c r="M112" s="72">
        <v>3959</v>
      </c>
      <c r="N112" s="52" t="s">
        <v>2072</v>
      </c>
      <c r="O112" s="52" t="s">
        <v>2073</v>
      </c>
      <c r="P112" s="52"/>
      <c r="Q112" s="52"/>
      <c r="R112" s="52"/>
      <c r="S112" s="52"/>
      <c r="T112" s="52"/>
      <c r="U112" s="52"/>
      <c r="V112" s="52"/>
      <c r="W112" s="52"/>
    </row>
    <row r="113" spans="1:23" hidden="1" x14ac:dyDescent="0.35">
      <c r="A113" s="52" t="s">
        <v>78</v>
      </c>
      <c r="B113" s="52" t="s">
        <v>79</v>
      </c>
      <c r="C113" s="3">
        <v>10</v>
      </c>
      <c r="D113" s="52" t="s">
        <v>80</v>
      </c>
      <c r="E113" s="52" t="s">
        <v>26</v>
      </c>
      <c r="F113" s="52" t="s">
        <v>81</v>
      </c>
      <c r="G113" s="52" t="s">
        <v>82</v>
      </c>
      <c r="H113" s="4">
        <v>1</v>
      </c>
      <c r="I113" s="2">
        <v>14.65</v>
      </c>
      <c r="J113" s="52" t="s">
        <v>2296</v>
      </c>
      <c r="K113" s="71" t="s">
        <v>2297</v>
      </c>
      <c r="L113" s="52" t="s">
        <v>2063</v>
      </c>
      <c r="M113" s="72">
        <v>5485</v>
      </c>
      <c r="N113" s="52" t="s">
        <v>2072</v>
      </c>
      <c r="O113" s="52" t="s">
        <v>2073</v>
      </c>
      <c r="P113" s="52"/>
      <c r="Q113" s="52"/>
      <c r="R113" s="52"/>
      <c r="S113" s="52"/>
      <c r="T113" s="52"/>
      <c r="U113" s="52"/>
      <c r="V113" s="52"/>
      <c r="W113" s="52"/>
    </row>
    <row r="114" spans="1:23" hidden="1" x14ac:dyDescent="0.35">
      <c r="A114" s="52" t="s">
        <v>78</v>
      </c>
      <c r="B114" s="52" t="s">
        <v>79</v>
      </c>
      <c r="C114" s="3">
        <v>211</v>
      </c>
      <c r="D114" s="52" t="s">
        <v>2023</v>
      </c>
      <c r="E114" s="52" t="s">
        <v>26</v>
      </c>
      <c r="F114" s="52" t="s">
        <v>81</v>
      </c>
      <c r="G114" s="52" t="s">
        <v>82</v>
      </c>
      <c r="H114" s="4">
        <v>1</v>
      </c>
      <c r="I114" s="2">
        <v>14.65</v>
      </c>
      <c r="J114" s="52" t="s">
        <v>2298</v>
      </c>
      <c r="K114" s="71" t="s">
        <v>2299</v>
      </c>
      <c r="L114" s="52" t="s">
        <v>2063</v>
      </c>
      <c r="M114" s="72">
        <v>2687</v>
      </c>
      <c r="N114" s="52" t="s">
        <v>2158</v>
      </c>
      <c r="O114" s="52" t="s">
        <v>2159</v>
      </c>
      <c r="P114" s="52"/>
      <c r="Q114" s="52"/>
      <c r="R114" s="52"/>
      <c r="S114" s="52"/>
      <c r="T114" s="52"/>
      <c r="U114" s="52"/>
      <c r="V114" s="52"/>
      <c r="W114" s="52"/>
    </row>
    <row r="115" spans="1:23" hidden="1" x14ac:dyDescent="0.35">
      <c r="A115" s="52" t="s">
        <v>78</v>
      </c>
      <c r="B115" s="52" t="s">
        <v>79</v>
      </c>
      <c r="C115" s="3">
        <v>20</v>
      </c>
      <c r="D115" s="52" t="s">
        <v>80</v>
      </c>
      <c r="E115" s="52" t="s">
        <v>26</v>
      </c>
      <c r="F115" s="52" t="s">
        <v>81</v>
      </c>
      <c r="G115" s="52" t="s">
        <v>82</v>
      </c>
      <c r="H115" s="4">
        <v>1</v>
      </c>
      <c r="I115" s="2">
        <v>14.65</v>
      </c>
      <c r="J115" s="52" t="s">
        <v>2300</v>
      </c>
      <c r="K115" s="71" t="s">
        <v>2301</v>
      </c>
      <c r="L115" s="52" t="s">
        <v>2063</v>
      </c>
      <c r="M115" s="72">
        <v>190</v>
      </c>
      <c r="N115" s="52"/>
      <c r="O115" s="52"/>
      <c r="P115" s="52"/>
      <c r="Q115" s="52"/>
      <c r="R115" s="52"/>
      <c r="S115" s="52"/>
      <c r="T115" s="52"/>
      <c r="U115" s="52"/>
      <c r="V115" s="52"/>
      <c r="W115" s="52"/>
    </row>
    <row r="116" spans="1:23" hidden="1" x14ac:dyDescent="0.35">
      <c r="A116" s="52" t="s">
        <v>78</v>
      </c>
      <c r="B116" s="52" t="s">
        <v>79</v>
      </c>
      <c r="C116" s="3">
        <v>20</v>
      </c>
      <c r="D116" s="52" t="s">
        <v>80</v>
      </c>
      <c r="E116" s="52" t="s">
        <v>26</v>
      </c>
      <c r="F116" s="52" t="s">
        <v>81</v>
      </c>
      <c r="G116" s="52" t="s">
        <v>82</v>
      </c>
      <c r="H116" s="4">
        <v>1</v>
      </c>
      <c r="I116" s="2">
        <v>14.65</v>
      </c>
      <c r="J116" s="52" t="s">
        <v>2302</v>
      </c>
      <c r="K116" s="71" t="s">
        <v>2303</v>
      </c>
      <c r="L116" s="52" t="s">
        <v>2063</v>
      </c>
      <c r="M116" s="72">
        <v>6081</v>
      </c>
      <c r="N116" s="52" t="s">
        <v>2304</v>
      </c>
      <c r="O116" s="52" t="s">
        <v>2305</v>
      </c>
      <c r="P116" s="52"/>
      <c r="Q116" s="52"/>
      <c r="R116" s="52"/>
      <c r="S116" s="52"/>
      <c r="T116" s="52"/>
      <c r="U116" s="52"/>
      <c r="V116" s="52"/>
      <c r="W116" s="52"/>
    </row>
    <row r="117" spans="1:23" hidden="1" x14ac:dyDescent="0.35">
      <c r="A117" s="52" t="s">
        <v>78</v>
      </c>
      <c r="B117" s="52" t="s">
        <v>79</v>
      </c>
      <c r="C117" s="3">
        <v>20</v>
      </c>
      <c r="D117" s="52" t="s">
        <v>2020</v>
      </c>
      <c r="E117" s="52" t="s">
        <v>26</v>
      </c>
      <c r="F117" s="52" t="s">
        <v>81</v>
      </c>
      <c r="G117" s="52" t="s">
        <v>82</v>
      </c>
      <c r="H117" s="4">
        <v>1</v>
      </c>
      <c r="I117" s="2">
        <v>14.65</v>
      </c>
      <c r="J117" s="52" t="s">
        <v>2306</v>
      </c>
      <c r="K117" s="71" t="s">
        <v>2307</v>
      </c>
      <c r="L117" s="52" t="s">
        <v>2063</v>
      </c>
      <c r="M117" s="72">
        <v>4325</v>
      </c>
      <c r="N117" s="52" t="s">
        <v>2072</v>
      </c>
      <c r="O117" s="52" t="s">
        <v>2073</v>
      </c>
      <c r="P117" s="52"/>
      <c r="Q117" s="52"/>
      <c r="R117" s="52"/>
      <c r="S117" s="52"/>
      <c r="T117" s="52"/>
      <c r="U117" s="52"/>
      <c r="V117" s="52"/>
      <c r="W117" s="52"/>
    </row>
    <row r="118" spans="1:23" hidden="1" x14ac:dyDescent="0.35">
      <c r="A118" s="52" t="s">
        <v>78</v>
      </c>
      <c r="B118" s="52" t="s">
        <v>79</v>
      </c>
      <c r="C118" s="3">
        <v>20</v>
      </c>
      <c r="D118" s="52" t="s">
        <v>83</v>
      </c>
      <c r="E118" s="52" t="s">
        <v>26</v>
      </c>
      <c r="F118" s="52" t="s">
        <v>81</v>
      </c>
      <c r="G118" s="52" t="s">
        <v>82</v>
      </c>
      <c r="H118" s="4">
        <v>1</v>
      </c>
      <c r="I118" s="2">
        <v>14.65</v>
      </c>
      <c r="J118" s="52" t="s">
        <v>2308</v>
      </c>
      <c r="K118" s="71" t="s">
        <v>2309</v>
      </c>
      <c r="L118" s="52" t="s">
        <v>2063</v>
      </c>
      <c r="M118" s="72">
        <v>8799</v>
      </c>
      <c r="N118" s="52"/>
      <c r="O118" s="52"/>
      <c r="P118" s="52"/>
      <c r="Q118" s="52"/>
      <c r="R118" s="52"/>
      <c r="S118" s="52"/>
      <c r="T118" s="52"/>
      <c r="U118" s="52"/>
      <c r="V118" s="52"/>
      <c r="W118" s="52"/>
    </row>
    <row r="119" spans="1:23" hidden="1" x14ac:dyDescent="0.35">
      <c r="A119" s="52" t="s">
        <v>78</v>
      </c>
      <c r="B119" s="52" t="s">
        <v>79</v>
      </c>
      <c r="C119" s="3">
        <v>20</v>
      </c>
      <c r="D119" s="52" t="s">
        <v>2021</v>
      </c>
      <c r="E119" s="52" t="s">
        <v>26</v>
      </c>
      <c r="F119" s="52" t="s">
        <v>81</v>
      </c>
      <c r="G119" s="52" t="s">
        <v>82</v>
      </c>
      <c r="H119" s="4">
        <v>1</v>
      </c>
      <c r="I119" s="2">
        <v>14.65</v>
      </c>
      <c r="J119" s="52" t="s">
        <v>2310</v>
      </c>
      <c r="K119" s="71" t="s">
        <v>2311</v>
      </c>
      <c r="L119" s="52" t="s">
        <v>2063</v>
      </c>
      <c r="M119" s="72">
        <v>665</v>
      </c>
      <c r="N119" s="52"/>
      <c r="O119" s="52"/>
      <c r="P119" s="52"/>
      <c r="Q119" s="52"/>
      <c r="R119" s="52"/>
      <c r="S119" s="52"/>
      <c r="T119" s="52"/>
      <c r="U119" s="52"/>
      <c r="V119" s="52"/>
      <c r="W119" s="52"/>
    </row>
    <row r="120" spans="1:23" hidden="1" x14ac:dyDescent="0.35">
      <c r="A120" s="52" t="s">
        <v>78</v>
      </c>
      <c r="B120" s="52" t="s">
        <v>79</v>
      </c>
      <c r="C120" s="3">
        <v>10</v>
      </c>
      <c r="D120" s="52" t="s">
        <v>2023</v>
      </c>
      <c r="E120" s="52" t="s">
        <v>26</v>
      </c>
      <c r="F120" s="52" t="s">
        <v>81</v>
      </c>
      <c r="G120" s="52" t="s">
        <v>82</v>
      </c>
      <c r="H120" s="4">
        <v>1</v>
      </c>
      <c r="I120" s="2">
        <v>14.65</v>
      </c>
      <c r="J120" s="52" t="s">
        <v>2093</v>
      </c>
      <c r="K120" s="71" t="s">
        <v>2312</v>
      </c>
      <c r="L120" s="52" t="s">
        <v>2095</v>
      </c>
      <c r="M120" s="72">
        <v>3408</v>
      </c>
      <c r="N120" s="52" t="s">
        <v>2072</v>
      </c>
      <c r="O120" s="52" t="s">
        <v>2073</v>
      </c>
      <c r="P120" s="52"/>
      <c r="Q120" s="52"/>
      <c r="R120" s="52"/>
      <c r="S120" s="52"/>
      <c r="T120" s="52"/>
      <c r="U120" s="52"/>
      <c r="V120" s="52"/>
      <c r="W120" s="52"/>
    </row>
    <row r="121" spans="1:23" hidden="1" x14ac:dyDescent="0.35">
      <c r="A121" s="52" t="s">
        <v>78</v>
      </c>
      <c r="B121" s="52" t="s">
        <v>79</v>
      </c>
      <c r="C121" s="3">
        <v>10</v>
      </c>
      <c r="D121" s="52" t="s">
        <v>2024</v>
      </c>
      <c r="E121" s="52" t="s">
        <v>26</v>
      </c>
      <c r="F121" s="52" t="s">
        <v>81</v>
      </c>
      <c r="G121" s="52" t="s">
        <v>82</v>
      </c>
      <c r="H121" s="4">
        <v>1</v>
      </c>
      <c r="I121" s="2">
        <v>14.65</v>
      </c>
      <c r="J121" s="52" t="s">
        <v>2313</v>
      </c>
      <c r="K121" s="71" t="s">
        <v>2314</v>
      </c>
      <c r="L121" s="52" t="s">
        <v>2063</v>
      </c>
      <c r="M121" s="72">
        <v>5250</v>
      </c>
      <c r="N121" s="52" t="s">
        <v>2072</v>
      </c>
      <c r="O121" s="52" t="s">
        <v>2073</v>
      </c>
      <c r="P121" s="52"/>
      <c r="Q121" s="52"/>
      <c r="R121" s="52"/>
      <c r="S121" s="52"/>
      <c r="T121" s="52"/>
      <c r="U121" s="52"/>
      <c r="V121" s="52"/>
      <c r="W121" s="52"/>
    </row>
    <row r="122" spans="1:23" hidden="1" x14ac:dyDescent="0.35">
      <c r="A122" s="52" t="s">
        <v>78</v>
      </c>
      <c r="B122" s="52" t="s">
        <v>79</v>
      </c>
      <c r="C122" s="3">
        <v>20</v>
      </c>
      <c r="D122" s="52" t="s">
        <v>2019</v>
      </c>
      <c r="E122" s="52" t="s">
        <v>26</v>
      </c>
      <c r="F122" s="52" t="s">
        <v>81</v>
      </c>
      <c r="G122" s="52" t="s">
        <v>82</v>
      </c>
      <c r="H122" s="4">
        <v>1</v>
      </c>
      <c r="I122" s="2">
        <v>14.65</v>
      </c>
      <c r="J122" s="52" t="s">
        <v>2315</v>
      </c>
      <c r="K122" s="71" t="s">
        <v>2316</v>
      </c>
      <c r="L122" s="52" t="s">
        <v>2063</v>
      </c>
      <c r="M122" s="72">
        <v>1555</v>
      </c>
      <c r="N122" s="52" t="s">
        <v>2072</v>
      </c>
      <c r="O122" s="52" t="s">
        <v>2073</v>
      </c>
      <c r="P122" s="52" t="s">
        <v>2066</v>
      </c>
      <c r="Q122" s="52" t="s">
        <v>2067</v>
      </c>
      <c r="R122" s="52"/>
      <c r="S122" s="52"/>
      <c r="T122" s="52"/>
      <c r="U122" s="52"/>
      <c r="V122" s="52"/>
      <c r="W122" s="52"/>
    </row>
    <row r="123" spans="1:23" hidden="1" x14ac:dyDescent="0.35">
      <c r="A123" s="52" t="s">
        <v>78</v>
      </c>
      <c r="B123" s="52" t="s">
        <v>79</v>
      </c>
      <c r="C123" s="3">
        <v>20</v>
      </c>
      <c r="D123" s="52" t="s">
        <v>85</v>
      </c>
      <c r="E123" s="52" t="s">
        <v>26</v>
      </c>
      <c r="F123" s="52" t="s">
        <v>81</v>
      </c>
      <c r="G123" s="52" t="s">
        <v>82</v>
      </c>
      <c r="H123" s="4">
        <v>1</v>
      </c>
      <c r="I123" s="2">
        <v>14.65</v>
      </c>
      <c r="J123" s="52" t="s">
        <v>2317</v>
      </c>
      <c r="K123" s="71" t="s">
        <v>2318</v>
      </c>
      <c r="L123" s="52" t="s">
        <v>2063</v>
      </c>
      <c r="M123" s="72">
        <v>4038</v>
      </c>
      <c r="N123" s="52" t="s">
        <v>2072</v>
      </c>
      <c r="O123" s="52" t="s">
        <v>2073</v>
      </c>
      <c r="P123" s="52"/>
      <c r="Q123" s="52"/>
      <c r="R123" s="52"/>
      <c r="S123" s="52"/>
      <c r="T123" s="52"/>
      <c r="U123" s="52"/>
      <c r="V123" s="52"/>
      <c r="W123" s="52"/>
    </row>
    <row r="124" spans="1:23" hidden="1" x14ac:dyDescent="0.35">
      <c r="A124" s="52" t="s">
        <v>78</v>
      </c>
      <c r="B124" s="52" t="s">
        <v>79</v>
      </c>
      <c r="C124" s="3">
        <v>20</v>
      </c>
      <c r="D124" s="52" t="s">
        <v>83</v>
      </c>
      <c r="E124" s="52" t="s">
        <v>26</v>
      </c>
      <c r="F124" s="52" t="s">
        <v>81</v>
      </c>
      <c r="G124" s="52" t="s">
        <v>82</v>
      </c>
      <c r="H124" s="4">
        <v>1</v>
      </c>
      <c r="I124" s="2">
        <v>14.65</v>
      </c>
      <c r="J124" s="52" t="s">
        <v>2319</v>
      </c>
      <c r="K124" s="71" t="s">
        <v>2320</v>
      </c>
      <c r="L124" s="52" t="s">
        <v>2063</v>
      </c>
      <c r="M124" s="72">
        <v>7669</v>
      </c>
      <c r="N124" s="52" t="s">
        <v>2066</v>
      </c>
      <c r="O124" s="52" t="s">
        <v>2067</v>
      </c>
      <c r="P124" s="52"/>
      <c r="Q124" s="52"/>
      <c r="R124" s="52"/>
      <c r="S124" s="52"/>
      <c r="T124" s="52"/>
      <c r="U124" s="52"/>
      <c r="V124" s="52"/>
      <c r="W124" s="52"/>
    </row>
    <row r="125" spans="1:23" hidden="1" x14ac:dyDescent="0.35">
      <c r="A125" s="52" t="s">
        <v>78</v>
      </c>
      <c r="B125" s="52" t="s">
        <v>79</v>
      </c>
      <c r="C125" s="3">
        <v>20</v>
      </c>
      <c r="D125" s="52" t="s">
        <v>2022</v>
      </c>
      <c r="E125" s="52" t="s">
        <v>26</v>
      </c>
      <c r="F125" s="52" t="s">
        <v>81</v>
      </c>
      <c r="G125" s="52" t="s">
        <v>82</v>
      </c>
      <c r="H125" s="4">
        <v>1</v>
      </c>
      <c r="I125" s="2">
        <v>14.65</v>
      </c>
      <c r="J125" s="52" t="s">
        <v>2321</v>
      </c>
      <c r="K125" s="71" t="s">
        <v>2322</v>
      </c>
      <c r="L125" s="52" t="s">
        <v>2063</v>
      </c>
      <c r="M125" s="72">
        <v>8917</v>
      </c>
      <c r="N125" s="52" t="s">
        <v>2072</v>
      </c>
      <c r="O125" s="52" t="s">
        <v>2073</v>
      </c>
      <c r="P125" s="52"/>
      <c r="Q125" s="52"/>
      <c r="R125" s="52"/>
      <c r="S125" s="52"/>
      <c r="T125" s="52"/>
      <c r="U125" s="52"/>
      <c r="V125" s="52"/>
      <c r="W125" s="52"/>
    </row>
    <row r="126" spans="1:23" hidden="1" x14ac:dyDescent="0.35">
      <c r="A126" s="52" t="s">
        <v>78</v>
      </c>
      <c r="B126" s="52" t="s">
        <v>79</v>
      </c>
      <c r="C126" s="3">
        <v>20</v>
      </c>
      <c r="D126" s="52" t="s">
        <v>86</v>
      </c>
      <c r="E126" s="52" t="s">
        <v>26</v>
      </c>
      <c r="F126" s="52" t="s">
        <v>81</v>
      </c>
      <c r="G126" s="52" t="s">
        <v>82</v>
      </c>
      <c r="H126" s="4">
        <v>1</v>
      </c>
      <c r="I126" s="2">
        <v>14.65</v>
      </c>
      <c r="J126" s="52" t="s">
        <v>2323</v>
      </c>
      <c r="K126" s="71" t="s">
        <v>2324</v>
      </c>
      <c r="L126" s="52" t="s">
        <v>2063</v>
      </c>
      <c r="M126" s="72">
        <v>8871</v>
      </c>
      <c r="N126" s="52" t="s">
        <v>2066</v>
      </c>
      <c r="O126" s="52" t="s">
        <v>2067</v>
      </c>
      <c r="P126" s="52"/>
      <c r="Q126" s="52"/>
      <c r="R126" s="52"/>
      <c r="S126" s="52"/>
      <c r="T126" s="52"/>
      <c r="U126" s="52"/>
      <c r="V126" s="52"/>
      <c r="W126" s="52"/>
    </row>
    <row r="127" spans="1:23" hidden="1" x14ac:dyDescent="0.35">
      <c r="A127" s="52" t="s">
        <v>78</v>
      </c>
      <c r="B127" s="52" t="s">
        <v>79</v>
      </c>
      <c r="C127" s="3">
        <v>20</v>
      </c>
      <c r="D127" s="52" t="s">
        <v>84</v>
      </c>
      <c r="E127" s="52" t="s">
        <v>26</v>
      </c>
      <c r="F127" s="52" t="s">
        <v>81</v>
      </c>
      <c r="G127" s="52" t="s">
        <v>82</v>
      </c>
      <c r="H127" s="4">
        <v>1</v>
      </c>
      <c r="I127" s="2">
        <v>14.65</v>
      </c>
      <c r="J127" s="52" t="s">
        <v>2325</v>
      </c>
      <c r="K127" s="71" t="s">
        <v>2326</v>
      </c>
      <c r="L127" s="52" t="s">
        <v>2063</v>
      </c>
      <c r="M127" s="72">
        <v>3015</v>
      </c>
      <c r="N127" s="52" t="s">
        <v>2154</v>
      </c>
      <c r="O127" s="52" t="s">
        <v>2155</v>
      </c>
      <c r="P127" s="52"/>
      <c r="Q127" s="52"/>
      <c r="R127" s="52"/>
      <c r="S127" s="52"/>
      <c r="T127" s="52"/>
      <c r="U127" s="52"/>
      <c r="V127" s="52"/>
      <c r="W127" s="52"/>
    </row>
    <row r="128" spans="1:23" hidden="1" x14ac:dyDescent="0.35">
      <c r="A128" s="52" t="s">
        <v>78</v>
      </c>
      <c r="B128" s="52" t="s">
        <v>79</v>
      </c>
      <c r="C128" s="3">
        <v>10</v>
      </c>
      <c r="D128" s="52" t="s">
        <v>83</v>
      </c>
      <c r="E128" s="52" t="s">
        <v>26</v>
      </c>
      <c r="F128" s="52" t="s">
        <v>81</v>
      </c>
      <c r="G128" s="52" t="s">
        <v>82</v>
      </c>
      <c r="H128" s="4">
        <v>1</v>
      </c>
      <c r="I128" s="2">
        <v>14.65</v>
      </c>
      <c r="J128" s="52" t="s">
        <v>2327</v>
      </c>
      <c r="K128" s="71" t="s">
        <v>2328</v>
      </c>
      <c r="L128" s="52" t="s">
        <v>2063</v>
      </c>
      <c r="M128" s="72">
        <v>4270</v>
      </c>
      <c r="N128" s="52" t="s">
        <v>2066</v>
      </c>
      <c r="O128" s="52" t="s">
        <v>2067</v>
      </c>
      <c r="P128" s="52"/>
      <c r="Q128" s="52"/>
      <c r="R128" s="52"/>
      <c r="S128" s="52"/>
      <c r="T128" s="52"/>
      <c r="U128" s="52"/>
      <c r="V128" s="52"/>
      <c r="W128" s="52"/>
    </row>
    <row r="129" spans="1:23" hidden="1" x14ac:dyDescent="0.35">
      <c r="A129" s="52" t="s">
        <v>78</v>
      </c>
      <c r="B129" s="52" t="s">
        <v>79</v>
      </c>
      <c r="C129" s="3">
        <v>10</v>
      </c>
      <c r="D129" s="52" t="s">
        <v>2023</v>
      </c>
      <c r="E129" s="52" t="s">
        <v>26</v>
      </c>
      <c r="F129" s="52" t="s">
        <v>81</v>
      </c>
      <c r="G129" s="52" t="s">
        <v>82</v>
      </c>
      <c r="H129" s="4">
        <v>1</v>
      </c>
      <c r="I129" s="2">
        <v>14.65</v>
      </c>
      <c r="J129" s="52" t="s">
        <v>2144</v>
      </c>
      <c r="K129" s="71" t="s">
        <v>2329</v>
      </c>
      <c r="L129" s="52" t="s">
        <v>2063</v>
      </c>
      <c r="M129" s="72">
        <v>8323</v>
      </c>
      <c r="N129" s="52" t="s">
        <v>2066</v>
      </c>
      <c r="O129" s="52" t="s">
        <v>2067</v>
      </c>
      <c r="P129" s="52"/>
      <c r="Q129" s="52"/>
      <c r="R129" s="52"/>
      <c r="S129" s="52"/>
      <c r="T129" s="52"/>
      <c r="U129" s="52"/>
      <c r="V129" s="52"/>
      <c r="W129" s="52"/>
    </row>
    <row r="130" spans="1:23" hidden="1" x14ac:dyDescent="0.35">
      <c r="A130" s="52" t="s">
        <v>78</v>
      </c>
      <c r="B130" s="52" t="s">
        <v>79</v>
      </c>
      <c r="C130" s="3">
        <v>20</v>
      </c>
      <c r="D130" s="52" t="s">
        <v>85</v>
      </c>
      <c r="E130" s="52" t="s">
        <v>26</v>
      </c>
      <c r="F130" s="52" t="s">
        <v>81</v>
      </c>
      <c r="G130" s="52" t="s">
        <v>82</v>
      </c>
      <c r="H130" s="4">
        <v>1</v>
      </c>
      <c r="I130" s="2">
        <v>14.65</v>
      </c>
      <c r="J130" s="52" t="s">
        <v>2330</v>
      </c>
      <c r="K130" s="71" t="s">
        <v>2331</v>
      </c>
      <c r="L130" s="52" t="s">
        <v>2063</v>
      </c>
      <c r="M130" s="72">
        <v>9171</v>
      </c>
      <c r="N130" s="52"/>
      <c r="O130" s="52"/>
      <c r="P130" s="52"/>
      <c r="Q130" s="52"/>
      <c r="R130" s="52"/>
      <c r="S130" s="52"/>
      <c r="T130" s="52"/>
      <c r="U130" s="52"/>
      <c r="V130" s="52"/>
      <c r="W130" s="52"/>
    </row>
    <row r="131" spans="1:23" hidden="1" x14ac:dyDescent="0.35">
      <c r="A131" s="52" t="s">
        <v>78</v>
      </c>
      <c r="B131" s="52" t="s">
        <v>79</v>
      </c>
      <c r="C131" s="3">
        <v>20</v>
      </c>
      <c r="D131" s="52" t="s">
        <v>83</v>
      </c>
      <c r="E131" s="52" t="s">
        <v>26</v>
      </c>
      <c r="F131" s="52" t="s">
        <v>81</v>
      </c>
      <c r="G131" s="52" t="s">
        <v>82</v>
      </c>
      <c r="H131" s="4">
        <v>1</v>
      </c>
      <c r="I131" s="2">
        <v>14.65</v>
      </c>
      <c r="J131" s="52" t="s">
        <v>2332</v>
      </c>
      <c r="K131" s="71" t="s">
        <v>2333</v>
      </c>
      <c r="L131" s="52" t="s">
        <v>2063</v>
      </c>
      <c r="M131" s="72">
        <v>430</v>
      </c>
      <c r="N131" s="52" t="s">
        <v>2304</v>
      </c>
      <c r="O131" s="52" t="s">
        <v>2305</v>
      </c>
      <c r="P131" s="52"/>
      <c r="Q131" s="52"/>
      <c r="R131" s="52"/>
      <c r="S131" s="52"/>
      <c r="T131" s="52"/>
      <c r="U131" s="52"/>
      <c r="V131" s="52"/>
      <c r="W131" s="52"/>
    </row>
    <row r="132" spans="1:23" hidden="1" x14ac:dyDescent="0.35">
      <c r="A132" s="52" t="s">
        <v>78</v>
      </c>
      <c r="B132" s="52" t="s">
        <v>79</v>
      </c>
      <c r="C132" s="3">
        <v>20</v>
      </c>
      <c r="D132" s="52" t="s">
        <v>83</v>
      </c>
      <c r="E132" s="52" t="s">
        <v>26</v>
      </c>
      <c r="F132" s="52" t="s">
        <v>81</v>
      </c>
      <c r="G132" s="52" t="s">
        <v>82</v>
      </c>
      <c r="H132" s="4">
        <v>1</v>
      </c>
      <c r="I132" s="2">
        <v>14.65</v>
      </c>
      <c r="J132" s="52" t="s">
        <v>2334</v>
      </c>
      <c r="K132" s="71" t="s">
        <v>2335</v>
      </c>
      <c r="L132" s="52" t="s">
        <v>2063</v>
      </c>
      <c r="M132" s="72">
        <v>35</v>
      </c>
      <c r="N132" s="52"/>
      <c r="O132" s="52"/>
      <c r="P132" s="52"/>
      <c r="Q132" s="52"/>
      <c r="R132" s="52"/>
      <c r="S132" s="52"/>
      <c r="T132" s="52"/>
      <c r="U132" s="52"/>
      <c r="V132" s="52"/>
      <c r="W132" s="52"/>
    </row>
    <row r="133" spans="1:23" hidden="1" x14ac:dyDescent="0.35">
      <c r="A133" s="52" t="s">
        <v>78</v>
      </c>
      <c r="B133" s="52" t="s">
        <v>79</v>
      </c>
      <c r="C133" s="3">
        <v>10</v>
      </c>
      <c r="D133" s="52" t="s">
        <v>83</v>
      </c>
      <c r="E133" s="52" t="s">
        <v>26</v>
      </c>
      <c r="F133" s="52" t="s">
        <v>81</v>
      </c>
      <c r="G133" s="52" t="s">
        <v>82</v>
      </c>
      <c r="H133" s="4">
        <v>1</v>
      </c>
      <c r="I133" s="2">
        <v>14.65</v>
      </c>
      <c r="J133" s="52" t="s">
        <v>2336</v>
      </c>
      <c r="K133" s="71" t="s">
        <v>2337</v>
      </c>
      <c r="L133" s="52" t="s">
        <v>2063</v>
      </c>
      <c r="M133" s="72">
        <v>4277</v>
      </c>
      <c r="N133" s="52" t="s">
        <v>2072</v>
      </c>
      <c r="O133" s="52" t="s">
        <v>2073</v>
      </c>
      <c r="P133" s="52"/>
      <c r="Q133" s="52"/>
      <c r="R133" s="52"/>
      <c r="S133" s="52"/>
      <c r="T133" s="52"/>
      <c r="U133" s="52"/>
      <c r="V133" s="52"/>
      <c r="W133" s="52"/>
    </row>
    <row r="134" spans="1:23" hidden="1" x14ac:dyDescent="0.35">
      <c r="A134" s="52" t="s">
        <v>78</v>
      </c>
      <c r="B134" s="52" t="s">
        <v>79</v>
      </c>
      <c r="C134" s="3">
        <v>20</v>
      </c>
      <c r="D134" s="52" t="s">
        <v>85</v>
      </c>
      <c r="E134" s="52" t="s">
        <v>26</v>
      </c>
      <c r="F134" s="52" t="s">
        <v>81</v>
      </c>
      <c r="G134" s="52" t="s">
        <v>82</v>
      </c>
      <c r="H134" s="4">
        <v>1</v>
      </c>
      <c r="I134" s="2">
        <v>14.65</v>
      </c>
      <c r="J134" s="52" t="s">
        <v>2118</v>
      </c>
      <c r="K134" s="71" t="s">
        <v>2338</v>
      </c>
      <c r="L134" s="52" t="s">
        <v>2063</v>
      </c>
      <c r="M134" s="72">
        <v>5979</v>
      </c>
      <c r="N134" s="52" t="s">
        <v>2072</v>
      </c>
      <c r="O134" s="52" t="s">
        <v>2073</v>
      </c>
      <c r="P134" s="52"/>
      <c r="Q134" s="52"/>
      <c r="R134" s="52"/>
      <c r="S134" s="52"/>
      <c r="T134" s="52"/>
      <c r="U134" s="52"/>
      <c r="V134" s="52"/>
      <c r="W134" s="52"/>
    </row>
    <row r="135" spans="1:23" hidden="1" x14ac:dyDescent="0.35">
      <c r="A135" s="52" t="s">
        <v>78</v>
      </c>
      <c r="B135" s="52" t="s">
        <v>79</v>
      </c>
      <c r="C135" s="3">
        <v>20</v>
      </c>
      <c r="D135" s="52" t="s">
        <v>2020</v>
      </c>
      <c r="E135" s="52" t="s">
        <v>26</v>
      </c>
      <c r="F135" s="52" t="s">
        <v>81</v>
      </c>
      <c r="G135" s="52" t="s">
        <v>82</v>
      </c>
      <c r="H135" s="4">
        <v>1</v>
      </c>
      <c r="I135" s="2">
        <v>14.65</v>
      </c>
      <c r="J135" s="52" t="s">
        <v>2339</v>
      </c>
      <c r="K135" s="71" t="s">
        <v>2340</v>
      </c>
      <c r="L135" s="52" t="s">
        <v>2063</v>
      </c>
      <c r="M135" s="72">
        <v>7551</v>
      </c>
      <c r="N135" s="52" t="s">
        <v>2072</v>
      </c>
      <c r="O135" s="52" t="s">
        <v>2073</v>
      </c>
      <c r="P135" s="52"/>
      <c r="Q135" s="52"/>
      <c r="R135" s="52"/>
      <c r="S135" s="52"/>
      <c r="T135" s="52"/>
      <c r="U135" s="52"/>
      <c r="V135" s="52"/>
      <c r="W135" s="52"/>
    </row>
    <row r="136" spans="1:23" hidden="1" x14ac:dyDescent="0.35">
      <c r="A136" s="52" t="s">
        <v>78</v>
      </c>
      <c r="B136" s="52" t="s">
        <v>79</v>
      </c>
      <c r="C136" s="3">
        <v>20</v>
      </c>
      <c r="D136" s="52" t="s">
        <v>83</v>
      </c>
      <c r="E136" s="52" t="s">
        <v>26</v>
      </c>
      <c r="F136" s="52" t="s">
        <v>81</v>
      </c>
      <c r="G136" s="52" t="s">
        <v>82</v>
      </c>
      <c r="H136" s="4">
        <v>1</v>
      </c>
      <c r="I136" s="2">
        <v>14.65</v>
      </c>
      <c r="J136" s="52" t="s">
        <v>2341</v>
      </c>
      <c r="K136" s="71" t="s">
        <v>2342</v>
      </c>
      <c r="L136" s="52" t="s">
        <v>2063</v>
      </c>
      <c r="M136" s="72">
        <v>4943</v>
      </c>
      <c r="N136" s="52" t="s">
        <v>2072</v>
      </c>
      <c r="O136" s="52" t="s">
        <v>2073</v>
      </c>
      <c r="P136" s="52" t="s">
        <v>2072</v>
      </c>
      <c r="Q136" s="52" t="s">
        <v>2073</v>
      </c>
      <c r="R136" s="52"/>
      <c r="S136" s="52"/>
      <c r="T136" s="52"/>
      <c r="U136" s="52"/>
      <c r="V136" s="52"/>
      <c r="W136" s="52"/>
    </row>
    <row r="137" spans="1:23" hidden="1" x14ac:dyDescent="0.35">
      <c r="A137" s="52" t="s">
        <v>78</v>
      </c>
      <c r="B137" s="52" t="s">
        <v>79</v>
      </c>
      <c r="C137" s="3">
        <v>211</v>
      </c>
      <c r="D137" s="52" t="s">
        <v>86</v>
      </c>
      <c r="E137" s="52" t="s">
        <v>26</v>
      </c>
      <c r="F137" s="52" t="s">
        <v>81</v>
      </c>
      <c r="G137" s="52" t="s">
        <v>82</v>
      </c>
      <c r="H137" s="4">
        <v>1</v>
      </c>
      <c r="I137" s="2">
        <v>14.65</v>
      </c>
      <c r="J137" s="52" t="s">
        <v>2343</v>
      </c>
      <c r="K137" s="71" t="s">
        <v>2344</v>
      </c>
      <c r="L137" s="52" t="s">
        <v>2063</v>
      </c>
      <c r="M137" s="72">
        <v>6973</v>
      </c>
      <c r="N137" s="52" t="s">
        <v>2072</v>
      </c>
      <c r="O137" s="52" t="s">
        <v>2073</v>
      </c>
      <c r="P137" s="52"/>
      <c r="Q137" s="52"/>
      <c r="R137" s="52"/>
      <c r="S137" s="52"/>
      <c r="T137" s="52"/>
      <c r="U137" s="52"/>
      <c r="V137" s="52"/>
      <c r="W137" s="52"/>
    </row>
    <row r="138" spans="1:23" hidden="1" x14ac:dyDescent="0.35">
      <c r="A138" s="52" t="s">
        <v>78</v>
      </c>
      <c r="B138" s="52" t="s">
        <v>79</v>
      </c>
      <c r="C138" s="3">
        <v>10</v>
      </c>
      <c r="D138" s="52" t="s">
        <v>2022</v>
      </c>
      <c r="E138" s="52" t="s">
        <v>26</v>
      </c>
      <c r="F138" s="52" t="s">
        <v>81</v>
      </c>
      <c r="G138" s="52" t="s">
        <v>82</v>
      </c>
      <c r="H138" s="4">
        <v>1</v>
      </c>
      <c r="I138" s="2">
        <v>14.65</v>
      </c>
      <c r="J138" s="52" t="s">
        <v>2345</v>
      </c>
      <c r="K138" s="71" t="s">
        <v>2346</v>
      </c>
      <c r="L138" s="52" t="s">
        <v>2063</v>
      </c>
      <c r="M138" s="72">
        <v>7700</v>
      </c>
      <c r="N138" s="52" t="s">
        <v>2066</v>
      </c>
      <c r="O138" s="52" t="s">
        <v>2067</v>
      </c>
      <c r="P138" s="52"/>
      <c r="Q138" s="52"/>
      <c r="R138" s="52"/>
      <c r="S138" s="52"/>
      <c r="T138" s="52"/>
      <c r="U138" s="52"/>
      <c r="V138" s="52"/>
      <c r="W138" s="52"/>
    </row>
    <row r="139" spans="1:23" hidden="1" x14ac:dyDescent="0.35">
      <c r="A139" s="52" t="s">
        <v>78</v>
      </c>
      <c r="B139" s="52" t="s">
        <v>79</v>
      </c>
      <c r="C139" s="3">
        <v>20</v>
      </c>
      <c r="D139" s="52" t="s">
        <v>80</v>
      </c>
      <c r="E139" s="52" t="s">
        <v>26</v>
      </c>
      <c r="F139" s="52" t="s">
        <v>81</v>
      </c>
      <c r="G139" s="52" t="s">
        <v>82</v>
      </c>
      <c r="H139" s="4">
        <v>1</v>
      </c>
      <c r="I139" s="2">
        <v>14.65</v>
      </c>
      <c r="J139" s="52" t="s">
        <v>2347</v>
      </c>
      <c r="K139" s="71" t="s">
        <v>2348</v>
      </c>
      <c r="L139" s="52" t="s">
        <v>2063</v>
      </c>
      <c r="M139" s="72">
        <v>6109</v>
      </c>
      <c r="N139" s="52" t="s">
        <v>2072</v>
      </c>
      <c r="O139" s="52" t="s">
        <v>2073</v>
      </c>
      <c r="P139" s="52"/>
      <c r="Q139" s="52"/>
      <c r="R139" s="52"/>
      <c r="S139" s="52"/>
      <c r="T139" s="52"/>
      <c r="U139" s="52"/>
      <c r="V139" s="52"/>
      <c r="W139" s="52"/>
    </row>
    <row r="140" spans="1:23" hidden="1" x14ac:dyDescent="0.35">
      <c r="A140" s="52" t="s">
        <v>78</v>
      </c>
      <c r="B140" s="52" t="s">
        <v>79</v>
      </c>
      <c r="C140" s="3">
        <v>20</v>
      </c>
      <c r="D140" s="52" t="s">
        <v>2019</v>
      </c>
      <c r="E140" s="52" t="s">
        <v>26</v>
      </c>
      <c r="F140" s="52" t="s">
        <v>81</v>
      </c>
      <c r="G140" s="52" t="s">
        <v>82</v>
      </c>
      <c r="H140" s="4">
        <v>1</v>
      </c>
      <c r="I140" s="2">
        <v>14.65</v>
      </c>
      <c r="J140" s="52" t="s">
        <v>2349</v>
      </c>
      <c r="K140" s="71" t="s">
        <v>2350</v>
      </c>
      <c r="L140" s="52" t="s">
        <v>2063</v>
      </c>
      <c r="M140" s="72">
        <v>1845</v>
      </c>
      <c r="N140" s="52" t="s">
        <v>2304</v>
      </c>
      <c r="O140" s="52" t="s">
        <v>2305</v>
      </c>
      <c r="P140" s="52"/>
      <c r="Q140" s="52"/>
      <c r="R140" s="52"/>
      <c r="S140" s="52"/>
      <c r="T140" s="52"/>
      <c r="U140" s="52"/>
      <c r="V140" s="52"/>
      <c r="W140" s="52"/>
    </row>
    <row r="141" spans="1:23" hidden="1" x14ac:dyDescent="0.35">
      <c r="A141" s="52" t="s">
        <v>78</v>
      </c>
      <c r="B141" s="52" t="s">
        <v>79</v>
      </c>
      <c r="C141" s="3">
        <v>20</v>
      </c>
      <c r="D141" s="52" t="s">
        <v>2021</v>
      </c>
      <c r="E141" s="52" t="s">
        <v>26</v>
      </c>
      <c r="F141" s="52" t="s">
        <v>81</v>
      </c>
      <c r="G141" s="52" t="s">
        <v>82</v>
      </c>
      <c r="H141" s="4">
        <v>1</v>
      </c>
      <c r="I141" s="2">
        <v>14.65</v>
      </c>
      <c r="J141" s="52" t="s">
        <v>2351</v>
      </c>
      <c r="K141" s="71" t="s">
        <v>2352</v>
      </c>
      <c r="L141" s="52" t="s">
        <v>2063</v>
      </c>
      <c r="M141" s="72">
        <v>669</v>
      </c>
      <c r="N141" s="52" t="s">
        <v>2066</v>
      </c>
      <c r="O141" s="52" t="s">
        <v>2067</v>
      </c>
      <c r="P141" s="52"/>
      <c r="Q141" s="52"/>
      <c r="R141" s="52"/>
      <c r="S141" s="52"/>
      <c r="T141" s="52"/>
      <c r="U141" s="52"/>
      <c r="V141" s="52"/>
      <c r="W141" s="52"/>
    </row>
    <row r="142" spans="1:23" hidden="1" x14ac:dyDescent="0.35">
      <c r="A142" s="52" t="s">
        <v>78</v>
      </c>
      <c r="B142" s="52" t="s">
        <v>79</v>
      </c>
      <c r="C142" s="3">
        <v>20</v>
      </c>
      <c r="D142" s="52" t="s">
        <v>87</v>
      </c>
      <c r="E142" s="52" t="s">
        <v>26</v>
      </c>
      <c r="F142" s="52" t="s">
        <v>81</v>
      </c>
      <c r="G142" s="52" t="s">
        <v>82</v>
      </c>
      <c r="H142" s="4">
        <v>1</v>
      </c>
      <c r="I142" s="2">
        <v>14.65</v>
      </c>
      <c r="J142" s="52" t="s">
        <v>2353</v>
      </c>
      <c r="K142" s="71" t="s">
        <v>2354</v>
      </c>
      <c r="L142" s="52" t="s">
        <v>2063</v>
      </c>
      <c r="M142" s="72">
        <v>3397</v>
      </c>
      <c r="N142" s="52" t="s">
        <v>2158</v>
      </c>
      <c r="O142" s="52" t="s">
        <v>2159</v>
      </c>
      <c r="P142" s="52"/>
      <c r="Q142" s="52"/>
      <c r="R142" s="52"/>
      <c r="S142" s="52"/>
      <c r="T142" s="52"/>
      <c r="U142" s="52"/>
      <c r="V142" s="52"/>
      <c r="W142" s="52"/>
    </row>
    <row r="143" spans="1:23" x14ac:dyDescent="0.35">
      <c r="A143" s="52" t="s">
        <v>78</v>
      </c>
      <c r="B143" s="52" t="s">
        <v>79</v>
      </c>
      <c r="C143" s="3">
        <v>20</v>
      </c>
      <c r="D143" s="52" t="s">
        <v>85</v>
      </c>
      <c r="E143" s="52" t="s">
        <v>26</v>
      </c>
      <c r="F143" s="52" t="s">
        <v>81</v>
      </c>
      <c r="G143" s="52" t="s">
        <v>82</v>
      </c>
      <c r="H143" s="4">
        <v>1</v>
      </c>
      <c r="I143" s="2">
        <v>14.65</v>
      </c>
      <c r="J143" s="52" t="s">
        <v>2355</v>
      </c>
      <c r="K143" s="71" t="s">
        <v>2356</v>
      </c>
      <c r="L143" s="52" t="s">
        <v>2063</v>
      </c>
      <c r="M143" s="72">
        <v>5144</v>
      </c>
      <c r="N143" s="52" t="s">
        <v>2238</v>
      </c>
      <c r="O143" s="52" t="s">
        <v>2239</v>
      </c>
      <c r="P143" s="52"/>
      <c r="Q143" s="52"/>
      <c r="R143" s="52"/>
      <c r="S143" s="52"/>
      <c r="T143" s="52"/>
      <c r="U143" s="52"/>
      <c r="V143" s="52"/>
      <c r="W143" s="52"/>
    </row>
    <row r="144" spans="1:23" hidden="1" x14ac:dyDescent="0.35">
      <c r="A144" s="52" t="s">
        <v>78</v>
      </c>
      <c r="B144" s="52" t="s">
        <v>79</v>
      </c>
      <c r="C144" s="3">
        <v>20</v>
      </c>
      <c r="D144" s="52" t="s">
        <v>2023</v>
      </c>
      <c r="E144" s="52" t="s">
        <v>26</v>
      </c>
      <c r="F144" s="52" t="s">
        <v>81</v>
      </c>
      <c r="G144" s="52" t="s">
        <v>82</v>
      </c>
      <c r="H144" s="4">
        <v>1</v>
      </c>
      <c r="I144" s="2">
        <v>14.65</v>
      </c>
      <c r="J144" s="52" t="s">
        <v>2357</v>
      </c>
      <c r="K144" s="71" t="s">
        <v>2358</v>
      </c>
      <c r="L144" s="52" t="s">
        <v>2063</v>
      </c>
      <c r="M144" s="72">
        <v>6406</v>
      </c>
      <c r="N144" s="52" t="s">
        <v>2072</v>
      </c>
      <c r="O144" s="52" t="s">
        <v>2073</v>
      </c>
      <c r="P144" s="52"/>
      <c r="Q144" s="52"/>
      <c r="R144" s="52"/>
      <c r="S144" s="52"/>
      <c r="T144" s="52"/>
      <c r="U144" s="52"/>
      <c r="V144" s="52"/>
      <c r="W144" s="52"/>
    </row>
    <row r="145" spans="1:23" hidden="1" x14ac:dyDescent="0.35">
      <c r="A145" s="52" t="s">
        <v>78</v>
      </c>
      <c r="B145" s="52" t="s">
        <v>79</v>
      </c>
      <c r="C145" s="3">
        <v>20</v>
      </c>
      <c r="D145" s="52" t="s">
        <v>2020</v>
      </c>
      <c r="E145" s="52" t="s">
        <v>26</v>
      </c>
      <c r="F145" s="52" t="s">
        <v>81</v>
      </c>
      <c r="G145" s="52" t="s">
        <v>82</v>
      </c>
      <c r="H145" s="4">
        <v>1</v>
      </c>
      <c r="I145" s="2">
        <v>14.65</v>
      </c>
      <c r="J145" s="52" t="s">
        <v>2359</v>
      </c>
      <c r="K145" s="71" t="s">
        <v>2360</v>
      </c>
      <c r="L145" s="52" t="s">
        <v>2063</v>
      </c>
      <c r="M145" s="72">
        <v>8338</v>
      </c>
      <c r="N145" s="52"/>
      <c r="O145" s="52"/>
      <c r="P145" s="52"/>
      <c r="Q145" s="52"/>
      <c r="R145" s="52"/>
      <c r="S145" s="52"/>
      <c r="T145" s="52"/>
      <c r="U145" s="52"/>
      <c r="V145" s="52"/>
      <c r="W145" s="52"/>
    </row>
    <row r="146" spans="1:23" hidden="1" x14ac:dyDescent="0.35">
      <c r="A146" s="52" t="s">
        <v>78</v>
      </c>
      <c r="B146" s="52" t="s">
        <v>79</v>
      </c>
      <c r="C146" s="3">
        <v>20</v>
      </c>
      <c r="D146" s="52" t="s">
        <v>2019</v>
      </c>
      <c r="E146" s="52" t="s">
        <v>26</v>
      </c>
      <c r="F146" s="52" t="s">
        <v>81</v>
      </c>
      <c r="G146" s="52" t="s">
        <v>82</v>
      </c>
      <c r="H146" s="4">
        <v>1</v>
      </c>
      <c r="I146" s="2">
        <v>14.65</v>
      </c>
      <c r="J146" s="52" t="s">
        <v>2361</v>
      </c>
      <c r="K146" s="71" t="s">
        <v>2362</v>
      </c>
      <c r="L146" s="52" t="s">
        <v>2063</v>
      </c>
      <c r="M146" s="72">
        <v>1336</v>
      </c>
      <c r="N146" s="52" t="s">
        <v>2072</v>
      </c>
      <c r="O146" s="52" t="s">
        <v>2073</v>
      </c>
      <c r="P146" s="52"/>
      <c r="Q146" s="52"/>
      <c r="R146" s="52"/>
      <c r="S146" s="52"/>
      <c r="T146" s="52"/>
      <c r="U146" s="52"/>
      <c r="V146" s="52"/>
      <c r="W146" s="52"/>
    </row>
    <row r="147" spans="1:23" hidden="1" x14ac:dyDescent="0.35">
      <c r="A147" s="52" t="s">
        <v>78</v>
      </c>
      <c r="B147" s="52" t="s">
        <v>79</v>
      </c>
      <c r="C147" s="3">
        <v>10</v>
      </c>
      <c r="D147" s="52" t="s">
        <v>85</v>
      </c>
      <c r="E147" s="52" t="s">
        <v>26</v>
      </c>
      <c r="F147" s="52" t="s">
        <v>81</v>
      </c>
      <c r="G147" s="52" t="s">
        <v>82</v>
      </c>
      <c r="H147" s="4">
        <v>1</v>
      </c>
      <c r="I147" s="2">
        <v>14.65</v>
      </c>
      <c r="J147" s="52" t="s">
        <v>2363</v>
      </c>
      <c r="K147" s="71" t="s">
        <v>2364</v>
      </c>
      <c r="L147" s="52" t="s">
        <v>2063</v>
      </c>
      <c r="M147" s="72">
        <v>7150</v>
      </c>
      <c r="N147" s="52" t="s">
        <v>2158</v>
      </c>
      <c r="O147" s="52" t="s">
        <v>2159</v>
      </c>
      <c r="P147" s="52"/>
      <c r="Q147" s="52"/>
      <c r="R147" s="52"/>
      <c r="S147" s="52"/>
      <c r="T147" s="52"/>
      <c r="U147" s="52"/>
      <c r="V147" s="52"/>
      <c r="W147" s="52"/>
    </row>
    <row r="148" spans="1:23" x14ac:dyDescent="0.35">
      <c r="A148" s="52" t="s">
        <v>78</v>
      </c>
      <c r="B148" s="52" t="s">
        <v>79</v>
      </c>
      <c r="C148" s="3">
        <v>20</v>
      </c>
      <c r="D148" s="52" t="s">
        <v>85</v>
      </c>
      <c r="E148" s="52" t="s">
        <v>26</v>
      </c>
      <c r="F148" s="52" t="s">
        <v>81</v>
      </c>
      <c r="G148" s="52" t="s">
        <v>82</v>
      </c>
      <c r="H148" s="4">
        <v>1</v>
      </c>
      <c r="I148" s="2">
        <v>14.65</v>
      </c>
      <c r="J148" s="52" t="s">
        <v>2365</v>
      </c>
      <c r="K148" s="71" t="s">
        <v>2366</v>
      </c>
      <c r="L148" s="52" t="s">
        <v>2063</v>
      </c>
      <c r="M148" s="72">
        <v>7027</v>
      </c>
      <c r="N148" s="52" t="s">
        <v>2259</v>
      </c>
      <c r="O148" s="52" t="s">
        <v>2260</v>
      </c>
      <c r="P148" s="52"/>
      <c r="Q148" s="52"/>
      <c r="R148" s="52"/>
      <c r="S148" s="52"/>
      <c r="T148" s="52"/>
      <c r="U148" s="52"/>
      <c r="V148" s="52"/>
      <c r="W148" s="52"/>
    </row>
    <row r="149" spans="1:23" hidden="1" x14ac:dyDescent="0.35">
      <c r="A149" s="52" t="s">
        <v>78</v>
      </c>
      <c r="B149" s="52" t="s">
        <v>79</v>
      </c>
      <c r="C149" s="3">
        <v>10</v>
      </c>
      <c r="D149" s="52" t="s">
        <v>2019</v>
      </c>
      <c r="E149" s="52" t="s">
        <v>26</v>
      </c>
      <c r="F149" s="52" t="s">
        <v>81</v>
      </c>
      <c r="G149" s="52" t="s">
        <v>82</v>
      </c>
      <c r="H149" s="4">
        <v>1</v>
      </c>
      <c r="I149" s="2">
        <v>14.65</v>
      </c>
      <c r="J149" s="52" t="s">
        <v>2367</v>
      </c>
      <c r="K149" s="71" t="s">
        <v>2368</v>
      </c>
      <c r="L149" s="52" t="s">
        <v>2063</v>
      </c>
      <c r="M149" s="72">
        <v>1627</v>
      </c>
      <c r="N149" s="52"/>
      <c r="O149" s="52"/>
      <c r="P149" s="52"/>
      <c r="Q149" s="52"/>
      <c r="R149" s="52"/>
      <c r="S149" s="52"/>
      <c r="T149" s="52"/>
      <c r="U149" s="52"/>
      <c r="V149" s="52"/>
      <c r="W149" s="52"/>
    </row>
    <row r="150" spans="1:23" hidden="1" x14ac:dyDescent="0.35">
      <c r="A150" s="52" t="s">
        <v>78</v>
      </c>
      <c r="B150" s="52" t="s">
        <v>79</v>
      </c>
      <c r="C150" s="3">
        <v>20</v>
      </c>
      <c r="D150" s="52" t="s">
        <v>2023</v>
      </c>
      <c r="E150" s="52" t="s">
        <v>26</v>
      </c>
      <c r="F150" s="52" t="s">
        <v>81</v>
      </c>
      <c r="G150" s="52" t="s">
        <v>82</v>
      </c>
      <c r="H150" s="4">
        <v>1</v>
      </c>
      <c r="I150" s="2">
        <v>14.65</v>
      </c>
      <c r="J150" s="52" t="s">
        <v>2369</v>
      </c>
      <c r="K150" s="71" t="s">
        <v>2370</v>
      </c>
      <c r="L150" s="52" t="s">
        <v>2063</v>
      </c>
      <c r="M150" s="72">
        <v>8109</v>
      </c>
      <c r="N150" s="52" t="s">
        <v>2072</v>
      </c>
      <c r="O150" s="52" t="s">
        <v>2073</v>
      </c>
      <c r="P150" s="52"/>
      <c r="Q150" s="52"/>
      <c r="R150" s="52"/>
      <c r="S150" s="52"/>
      <c r="T150" s="52"/>
      <c r="U150" s="52"/>
      <c r="V150" s="52"/>
      <c r="W150" s="52"/>
    </row>
    <row r="151" spans="1:23" hidden="1" x14ac:dyDescent="0.35">
      <c r="A151" s="52" t="s">
        <v>78</v>
      </c>
      <c r="B151" s="52" t="s">
        <v>79</v>
      </c>
      <c r="C151" s="3">
        <v>10</v>
      </c>
      <c r="D151" s="52" t="s">
        <v>2022</v>
      </c>
      <c r="E151" s="52" t="s">
        <v>26</v>
      </c>
      <c r="F151" s="52" t="s">
        <v>81</v>
      </c>
      <c r="G151" s="52" t="s">
        <v>82</v>
      </c>
      <c r="H151" s="4">
        <v>1</v>
      </c>
      <c r="I151" s="2">
        <v>14.65</v>
      </c>
      <c r="J151" s="52" t="s">
        <v>2371</v>
      </c>
      <c r="K151" s="71" t="s">
        <v>2372</v>
      </c>
      <c r="L151" s="52" t="s">
        <v>2063</v>
      </c>
      <c r="M151" s="72">
        <v>2914</v>
      </c>
      <c r="N151" s="52" t="s">
        <v>2066</v>
      </c>
      <c r="O151" s="52" t="s">
        <v>2067</v>
      </c>
      <c r="P151" s="52"/>
      <c r="Q151" s="52"/>
      <c r="R151" s="52"/>
      <c r="S151" s="52"/>
      <c r="T151" s="52"/>
      <c r="U151" s="52"/>
      <c r="V151" s="52"/>
      <c r="W151" s="52"/>
    </row>
    <row r="152" spans="1:23" x14ac:dyDescent="0.35">
      <c r="A152" s="52" t="s">
        <v>78</v>
      </c>
      <c r="B152" s="52" t="s">
        <v>79</v>
      </c>
      <c r="C152" s="3">
        <v>20</v>
      </c>
      <c r="D152" s="52" t="s">
        <v>84</v>
      </c>
      <c r="E152" s="52" t="s">
        <v>26</v>
      </c>
      <c r="F152" s="52" t="s">
        <v>81</v>
      </c>
      <c r="G152" s="52" t="s">
        <v>82</v>
      </c>
      <c r="H152" s="4">
        <v>1</v>
      </c>
      <c r="I152" s="2">
        <v>14.65</v>
      </c>
      <c r="J152" s="52" t="s">
        <v>2373</v>
      </c>
      <c r="K152" s="71" t="s">
        <v>2374</v>
      </c>
      <c r="L152" s="52" t="s">
        <v>2063</v>
      </c>
      <c r="M152" s="72">
        <v>8669</v>
      </c>
      <c r="N152" s="52" t="s">
        <v>2259</v>
      </c>
      <c r="O152" s="52" t="s">
        <v>2260</v>
      </c>
      <c r="P152" s="52"/>
      <c r="Q152" s="52"/>
      <c r="R152" s="52"/>
      <c r="S152" s="52"/>
      <c r="T152" s="52"/>
      <c r="U152" s="52"/>
      <c r="V152" s="52"/>
      <c r="W152" s="52"/>
    </row>
    <row r="153" spans="1:23" hidden="1" x14ac:dyDescent="0.35">
      <c r="A153" s="52" t="s">
        <v>78</v>
      </c>
      <c r="B153" s="52" t="s">
        <v>79</v>
      </c>
      <c r="C153" s="3">
        <v>20</v>
      </c>
      <c r="D153" s="52" t="s">
        <v>80</v>
      </c>
      <c r="E153" s="52" t="s">
        <v>26</v>
      </c>
      <c r="F153" s="52" t="s">
        <v>81</v>
      </c>
      <c r="G153" s="52" t="s">
        <v>82</v>
      </c>
      <c r="H153" s="4">
        <v>1</v>
      </c>
      <c r="I153" s="2">
        <v>14.65</v>
      </c>
      <c r="J153" s="52" t="s">
        <v>2375</v>
      </c>
      <c r="K153" s="71" t="s">
        <v>2376</v>
      </c>
      <c r="L153" s="52" t="s">
        <v>2063</v>
      </c>
      <c r="M153" s="72">
        <v>1669</v>
      </c>
      <c r="N153" s="52" t="s">
        <v>2072</v>
      </c>
      <c r="O153" s="52" t="s">
        <v>2073</v>
      </c>
      <c r="P153" s="52"/>
      <c r="Q153" s="52"/>
      <c r="R153" s="52"/>
      <c r="S153" s="52"/>
      <c r="T153" s="52"/>
      <c r="U153" s="52"/>
      <c r="V153" s="52"/>
      <c r="W153" s="52"/>
    </row>
    <row r="154" spans="1:23" hidden="1" x14ac:dyDescent="0.35">
      <c r="A154" s="52" t="s">
        <v>78</v>
      </c>
      <c r="B154" s="52" t="s">
        <v>79</v>
      </c>
      <c r="C154" s="3">
        <v>211</v>
      </c>
      <c r="D154" s="52" t="s">
        <v>80</v>
      </c>
      <c r="E154" s="52" t="s">
        <v>26</v>
      </c>
      <c r="F154" s="52" t="s">
        <v>81</v>
      </c>
      <c r="G154" s="52" t="s">
        <v>82</v>
      </c>
      <c r="H154" s="4">
        <v>1</v>
      </c>
      <c r="I154" s="2">
        <v>14.65</v>
      </c>
      <c r="J154" s="52" t="s">
        <v>2377</v>
      </c>
      <c r="K154" s="71" t="s">
        <v>2378</v>
      </c>
      <c r="L154" s="52" t="s">
        <v>2063</v>
      </c>
      <c r="M154" s="72">
        <v>2596</v>
      </c>
      <c r="N154" s="52" t="s">
        <v>2066</v>
      </c>
      <c r="O154" s="52" t="s">
        <v>2067</v>
      </c>
      <c r="P154" s="52"/>
      <c r="Q154" s="52"/>
      <c r="R154" s="52"/>
      <c r="S154" s="52"/>
      <c r="T154" s="52"/>
      <c r="U154" s="52"/>
      <c r="V154" s="52"/>
      <c r="W154" s="52"/>
    </row>
    <row r="155" spans="1:23" hidden="1" x14ac:dyDescent="0.35">
      <c r="A155" s="52" t="s">
        <v>78</v>
      </c>
      <c r="B155" s="52" t="s">
        <v>79</v>
      </c>
      <c r="C155" s="3">
        <v>20</v>
      </c>
      <c r="D155" s="52" t="s">
        <v>80</v>
      </c>
      <c r="E155" s="52" t="s">
        <v>26</v>
      </c>
      <c r="F155" s="52" t="s">
        <v>81</v>
      </c>
      <c r="G155" s="52" t="s">
        <v>82</v>
      </c>
      <c r="H155" s="4">
        <v>1</v>
      </c>
      <c r="I155" s="2">
        <v>14.65</v>
      </c>
      <c r="J155" s="52" t="s">
        <v>2379</v>
      </c>
      <c r="K155" s="71" t="s">
        <v>2380</v>
      </c>
      <c r="L155" s="52" t="s">
        <v>2095</v>
      </c>
      <c r="M155" s="72">
        <v>9134</v>
      </c>
      <c r="N155" s="52" t="s">
        <v>2066</v>
      </c>
      <c r="O155" s="52" t="s">
        <v>2067</v>
      </c>
      <c r="P155" s="52"/>
      <c r="Q155" s="52"/>
      <c r="R155" s="52"/>
      <c r="S155" s="52"/>
      <c r="T155" s="52"/>
      <c r="U155" s="52"/>
      <c r="V155" s="52"/>
      <c r="W155" s="52"/>
    </row>
    <row r="156" spans="1:23" hidden="1" x14ac:dyDescent="0.35">
      <c r="A156" s="52" t="s">
        <v>78</v>
      </c>
      <c r="B156" s="52" t="s">
        <v>79</v>
      </c>
      <c r="C156" s="3">
        <v>20</v>
      </c>
      <c r="D156" s="52" t="s">
        <v>87</v>
      </c>
      <c r="E156" s="52" t="s">
        <v>26</v>
      </c>
      <c r="F156" s="52" t="s">
        <v>81</v>
      </c>
      <c r="G156" s="52" t="s">
        <v>82</v>
      </c>
      <c r="H156" s="4">
        <v>1</v>
      </c>
      <c r="I156" s="2">
        <v>14.65</v>
      </c>
      <c r="J156" s="52" t="s">
        <v>2381</v>
      </c>
      <c r="K156" s="71" t="s">
        <v>2382</v>
      </c>
      <c r="L156" s="52" t="s">
        <v>2063</v>
      </c>
      <c r="M156" s="72">
        <v>9730</v>
      </c>
      <c r="N156" s="52" t="s">
        <v>2072</v>
      </c>
      <c r="O156" s="52" t="s">
        <v>2073</v>
      </c>
      <c r="P156" s="52"/>
      <c r="Q156" s="52"/>
      <c r="R156" s="52"/>
      <c r="S156" s="52"/>
      <c r="T156" s="52"/>
      <c r="U156" s="52"/>
      <c r="V156" s="52"/>
      <c r="W156" s="52"/>
    </row>
    <row r="157" spans="1:23" hidden="1" x14ac:dyDescent="0.35">
      <c r="A157" s="52" t="s">
        <v>78</v>
      </c>
      <c r="B157" s="52" t="s">
        <v>79</v>
      </c>
      <c r="C157" s="3">
        <v>10</v>
      </c>
      <c r="D157" s="52" t="s">
        <v>84</v>
      </c>
      <c r="E157" s="52" t="s">
        <v>26</v>
      </c>
      <c r="F157" s="52" t="s">
        <v>81</v>
      </c>
      <c r="G157" s="52" t="s">
        <v>82</v>
      </c>
      <c r="H157" s="4">
        <v>1</v>
      </c>
      <c r="I157" s="2">
        <v>14.65</v>
      </c>
      <c r="J157" s="52" t="s">
        <v>2093</v>
      </c>
      <c r="K157" s="71" t="s">
        <v>2383</v>
      </c>
      <c r="L157" s="52" t="s">
        <v>2063</v>
      </c>
      <c r="M157" s="72">
        <v>5921</v>
      </c>
      <c r="N157" s="52" t="s">
        <v>2072</v>
      </c>
      <c r="O157" s="52" t="s">
        <v>2073</v>
      </c>
      <c r="P157" s="52"/>
      <c r="Q157" s="52"/>
      <c r="R157" s="52"/>
      <c r="S157" s="52"/>
      <c r="T157" s="52"/>
      <c r="U157" s="52"/>
      <c r="V157" s="52"/>
      <c r="W157" s="52"/>
    </row>
    <row r="158" spans="1:23" hidden="1" x14ac:dyDescent="0.35">
      <c r="A158" s="52" t="s">
        <v>78</v>
      </c>
      <c r="B158" s="52" t="s">
        <v>79</v>
      </c>
      <c r="C158" s="3">
        <v>20</v>
      </c>
      <c r="D158" s="52" t="s">
        <v>84</v>
      </c>
      <c r="E158" s="52" t="s">
        <v>26</v>
      </c>
      <c r="F158" s="52" t="s">
        <v>81</v>
      </c>
      <c r="G158" s="52" t="s">
        <v>82</v>
      </c>
      <c r="H158" s="4">
        <v>1</v>
      </c>
      <c r="I158" s="2">
        <v>14.65</v>
      </c>
      <c r="J158" s="52" t="s">
        <v>2384</v>
      </c>
      <c r="K158" s="71" t="s">
        <v>2385</v>
      </c>
      <c r="L158" s="52" t="s">
        <v>2063</v>
      </c>
      <c r="M158" s="72">
        <v>8944</v>
      </c>
      <c r="N158" s="52" t="s">
        <v>2072</v>
      </c>
      <c r="O158" s="52" t="s">
        <v>2073</v>
      </c>
      <c r="P158" s="52"/>
      <c r="Q158" s="52"/>
      <c r="R158" s="52"/>
      <c r="S158" s="52"/>
      <c r="T158" s="52"/>
      <c r="U158" s="52"/>
      <c r="V158" s="52"/>
      <c r="W158" s="52"/>
    </row>
    <row r="159" spans="1:23" hidden="1" x14ac:dyDescent="0.35">
      <c r="A159" s="52" t="s">
        <v>78</v>
      </c>
      <c r="B159" s="52" t="s">
        <v>79</v>
      </c>
      <c r="C159" s="3">
        <v>20</v>
      </c>
      <c r="D159" s="52" t="s">
        <v>2023</v>
      </c>
      <c r="E159" s="52" t="s">
        <v>26</v>
      </c>
      <c r="F159" s="52" t="s">
        <v>81</v>
      </c>
      <c r="G159" s="52" t="s">
        <v>82</v>
      </c>
      <c r="H159" s="4">
        <v>1</v>
      </c>
      <c r="I159" s="2">
        <v>14.65</v>
      </c>
      <c r="J159" s="52" t="s">
        <v>2386</v>
      </c>
      <c r="K159" s="71" t="s">
        <v>2387</v>
      </c>
      <c r="L159" s="52" t="s">
        <v>2063</v>
      </c>
      <c r="M159" s="72">
        <v>5248</v>
      </c>
      <c r="N159" s="52" t="s">
        <v>2072</v>
      </c>
      <c r="O159" s="52" t="s">
        <v>2073</v>
      </c>
      <c r="P159" s="52"/>
      <c r="Q159" s="52"/>
      <c r="R159" s="52"/>
      <c r="S159" s="52"/>
      <c r="T159" s="52"/>
      <c r="U159" s="52"/>
      <c r="V159" s="52"/>
      <c r="W159" s="52"/>
    </row>
    <row r="160" spans="1:23" hidden="1" x14ac:dyDescent="0.35">
      <c r="A160" s="52" t="s">
        <v>78</v>
      </c>
      <c r="B160" s="52" t="s">
        <v>79</v>
      </c>
      <c r="C160" s="3">
        <v>20</v>
      </c>
      <c r="D160" s="52" t="s">
        <v>2021</v>
      </c>
      <c r="E160" s="52" t="s">
        <v>26</v>
      </c>
      <c r="F160" s="52" t="s">
        <v>81</v>
      </c>
      <c r="G160" s="52" t="s">
        <v>82</v>
      </c>
      <c r="H160" s="4">
        <v>1</v>
      </c>
      <c r="I160" s="2">
        <v>14.65</v>
      </c>
      <c r="J160" s="52" t="s">
        <v>2388</v>
      </c>
      <c r="K160" s="71" t="s">
        <v>2389</v>
      </c>
      <c r="L160" s="52" t="s">
        <v>2063</v>
      </c>
      <c r="M160" s="72">
        <v>6194</v>
      </c>
      <c r="N160" s="52" t="s">
        <v>2195</v>
      </c>
      <c r="O160" s="52" t="s">
        <v>2196</v>
      </c>
      <c r="P160" s="52"/>
      <c r="Q160" s="52"/>
      <c r="R160" s="52"/>
      <c r="S160" s="52"/>
      <c r="T160" s="52"/>
      <c r="U160" s="52"/>
      <c r="V160" s="52"/>
      <c r="W160" s="52"/>
    </row>
    <row r="161" spans="1:23" x14ac:dyDescent="0.35">
      <c r="A161" s="52" t="s">
        <v>78</v>
      </c>
      <c r="B161" s="52" t="s">
        <v>79</v>
      </c>
      <c r="C161" s="3">
        <v>20</v>
      </c>
      <c r="D161" s="52" t="s">
        <v>87</v>
      </c>
      <c r="E161" s="52" t="s">
        <v>26</v>
      </c>
      <c r="F161" s="52" t="s">
        <v>81</v>
      </c>
      <c r="G161" s="52" t="s">
        <v>82</v>
      </c>
      <c r="H161" s="4">
        <v>1</v>
      </c>
      <c r="I161" s="2">
        <v>14.65</v>
      </c>
      <c r="J161" s="52" t="s">
        <v>2390</v>
      </c>
      <c r="K161" s="71" t="s">
        <v>2391</v>
      </c>
      <c r="L161" s="52" t="s">
        <v>2063</v>
      </c>
      <c r="M161" s="72">
        <v>5250</v>
      </c>
      <c r="N161" s="52" t="s">
        <v>2259</v>
      </c>
      <c r="O161" s="52" t="s">
        <v>2260</v>
      </c>
      <c r="P161" s="52"/>
      <c r="Q161" s="52"/>
      <c r="R161" s="52"/>
      <c r="S161" s="52"/>
      <c r="T161" s="52"/>
      <c r="U161" s="52"/>
      <c r="V161" s="52"/>
      <c r="W161" s="52"/>
    </row>
    <row r="162" spans="1:23" x14ac:dyDescent="0.35">
      <c r="A162" s="52" t="s">
        <v>78</v>
      </c>
      <c r="B162" s="52" t="s">
        <v>79</v>
      </c>
      <c r="C162" s="3">
        <v>211</v>
      </c>
      <c r="D162" s="52" t="s">
        <v>2020</v>
      </c>
      <c r="E162" s="52" t="s">
        <v>26</v>
      </c>
      <c r="F162" s="52" t="s">
        <v>81</v>
      </c>
      <c r="G162" s="52" t="s">
        <v>82</v>
      </c>
      <c r="H162" s="4">
        <v>1</v>
      </c>
      <c r="I162" s="2">
        <v>14.65</v>
      </c>
      <c r="J162" s="52" t="s">
        <v>2392</v>
      </c>
      <c r="K162" s="71" t="s">
        <v>2393</v>
      </c>
      <c r="L162" s="52" t="s">
        <v>2063</v>
      </c>
      <c r="M162" s="72">
        <v>9682</v>
      </c>
      <c r="N162" s="52" t="s">
        <v>2259</v>
      </c>
      <c r="O162" s="52" t="s">
        <v>2260</v>
      </c>
      <c r="P162" s="52" t="s">
        <v>2259</v>
      </c>
      <c r="Q162" s="52" t="s">
        <v>2260</v>
      </c>
      <c r="R162" s="52"/>
      <c r="S162" s="52"/>
      <c r="T162" s="52"/>
      <c r="U162" s="52"/>
      <c r="V162" s="52"/>
      <c r="W162" s="52"/>
    </row>
    <row r="163" spans="1:23" hidden="1" x14ac:dyDescent="0.35">
      <c r="A163" s="52" t="s">
        <v>78</v>
      </c>
      <c r="B163" s="52" t="s">
        <v>79</v>
      </c>
      <c r="C163" s="3">
        <v>20</v>
      </c>
      <c r="D163" s="52" t="s">
        <v>86</v>
      </c>
      <c r="E163" s="52" t="s">
        <v>26</v>
      </c>
      <c r="F163" s="52" t="s">
        <v>81</v>
      </c>
      <c r="G163" s="52" t="s">
        <v>82</v>
      </c>
      <c r="H163" s="4">
        <v>1</v>
      </c>
      <c r="I163" s="2">
        <v>14.65</v>
      </c>
      <c r="J163" s="52" t="s">
        <v>2394</v>
      </c>
      <c r="K163" s="71" t="s">
        <v>2395</v>
      </c>
      <c r="L163" s="52" t="s">
        <v>2063</v>
      </c>
      <c r="M163" s="72">
        <v>2144</v>
      </c>
      <c r="N163" s="52" t="s">
        <v>2072</v>
      </c>
      <c r="O163" s="52" t="s">
        <v>2073</v>
      </c>
      <c r="P163" s="52"/>
      <c r="Q163" s="52"/>
      <c r="R163" s="52"/>
      <c r="S163" s="52"/>
      <c r="T163" s="52"/>
      <c r="U163" s="52"/>
      <c r="V163" s="52"/>
      <c r="W163" s="52"/>
    </row>
    <row r="164" spans="1:23" hidden="1" x14ac:dyDescent="0.35">
      <c r="A164" s="52" t="s">
        <v>78</v>
      </c>
      <c r="B164" s="52" t="s">
        <v>79</v>
      </c>
      <c r="C164" s="3">
        <v>10</v>
      </c>
      <c r="D164" s="52" t="s">
        <v>87</v>
      </c>
      <c r="E164" s="52" t="s">
        <v>26</v>
      </c>
      <c r="F164" s="52" t="s">
        <v>81</v>
      </c>
      <c r="G164" s="52" t="s">
        <v>82</v>
      </c>
      <c r="H164" s="4">
        <v>1</v>
      </c>
      <c r="I164" s="2">
        <v>14.65</v>
      </c>
      <c r="J164" s="52" t="s">
        <v>2396</v>
      </c>
      <c r="K164" s="71" t="s">
        <v>2397</v>
      </c>
      <c r="L164" s="52" t="s">
        <v>2063</v>
      </c>
      <c r="M164" s="72">
        <v>1944</v>
      </c>
      <c r="N164" s="52" t="s">
        <v>2066</v>
      </c>
      <c r="O164" s="52" t="s">
        <v>2067</v>
      </c>
      <c r="P164" s="52"/>
      <c r="Q164" s="52"/>
      <c r="R164" s="52"/>
      <c r="S164" s="52"/>
      <c r="T164" s="52"/>
      <c r="U164" s="52"/>
      <c r="V164" s="52"/>
      <c r="W164" s="52"/>
    </row>
    <row r="165" spans="1:23" hidden="1" x14ac:dyDescent="0.35">
      <c r="A165" s="52" t="s">
        <v>78</v>
      </c>
      <c r="B165" s="52" t="s">
        <v>79</v>
      </c>
      <c r="C165" s="3">
        <v>211</v>
      </c>
      <c r="D165" s="52" t="s">
        <v>2019</v>
      </c>
      <c r="E165" s="52" t="s">
        <v>26</v>
      </c>
      <c r="F165" s="52" t="s">
        <v>81</v>
      </c>
      <c r="G165" s="52" t="s">
        <v>82</v>
      </c>
      <c r="H165" s="4">
        <v>1</v>
      </c>
      <c r="I165" s="2">
        <v>14.65</v>
      </c>
      <c r="J165" s="52" t="s">
        <v>2398</v>
      </c>
      <c r="K165" s="71" t="s">
        <v>2399</v>
      </c>
      <c r="L165" s="52" t="s">
        <v>2063</v>
      </c>
      <c r="M165" s="72">
        <v>1445</v>
      </c>
      <c r="N165" s="52" t="s">
        <v>2066</v>
      </c>
      <c r="O165" s="52" t="s">
        <v>2067</v>
      </c>
      <c r="P165" s="52"/>
      <c r="Q165" s="52"/>
      <c r="R165" s="52"/>
      <c r="S165" s="52"/>
      <c r="T165" s="52"/>
      <c r="U165" s="52"/>
      <c r="V165" s="52"/>
      <c r="W165" s="52"/>
    </row>
    <row r="166" spans="1:23" hidden="1" x14ac:dyDescent="0.35">
      <c r="A166" s="52" t="s">
        <v>78</v>
      </c>
      <c r="B166" s="52" t="s">
        <v>79</v>
      </c>
      <c r="C166" s="3">
        <v>10</v>
      </c>
      <c r="D166" s="52" t="s">
        <v>2022</v>
      </c>
      <c r="E166" s="52" t="s">
        <v>26</v>
      </c>
      <c r="F166" s="52" t="s">
        <v>81</v>
      </c>
      <c r="G166" s="52" t="s">
        <v>82</v>
      </c>
      <c r="H166" s="4">
        <v>1</v>
      </c>
      <c r="I166" s="2">
        <v>14.65</v>
      </c>
      <c r="J166" s="52" t="s">
        <v>2400</v>
      </c>
      <c r="K166" s="71" t="s">
        <v>2401</v>
      </c>
      <c r="L166" s="52" t="s">
        <v>2063</v>
      </c>
      <c r="M166" s="72">
        <v>1843</v>
      </c>
      <c r="N166" s="52" t="s">
        <v>2072</v>
      </c>
      <c r="O166" s="52" t="s">
        <v>2073</v>
      </c>
      <c r="P166" s="52"/>
      <c r="Q166" s="52"/>
      <c r="R166" s="52"/>
      <c r="S166" s="52"/>
      <c r="T166" s="52"/>
      <c r="U166" s="52"/>
      <c r="V166" s="52"/>
      <c r="W166" s="52"/>
    </row>
    <row r="167" spans="1:23" hidden="1" x14ac:dyDescent="0.35">
      <c r="A167" s="52" t="s">
        <v>78</v>
      </c>
      <c r="B167" s="52" t="s">
        <v>79</v>
      </c>
      <c r="C167" s="3">
        <v>10</v>
      </c>
      <c r="D167" s="52" t="s">
        <v>80</v>
      </c>
      <c r="E167" s="52" t="s">
        <v>26</v>
      </c>
      <c r="F167" s="52" t="s">
        <v>81</v>
      </c>
      <c r="G167" s="52" t="s">
        <v>82</v>
      </c>
      <c r="H167" s="4">
        <v>1</v>
      </c>
      <c r="I167" s="2">
        <v>14.65</v>
      </c>
      <c r="J167" s="52" t="s">
        <v>2402</v>
      </c>
      <c r="K167" s="71" t="s">
        <v>2403</v>
      </c>
      <c r="L167" s="52" t="s">
        <v>2063</v>
      </c>
      <c r="M167" s="72">
        <v>3800</v>
      </c>
      <c r="N167" s="52" t="s">
        <v>2066</v>
      </c>
      <c r="O167" s="52" t="s">
        <v>2067</v>
      </c>
      <c r="P167" s="52"/>
      <c r="Q167" s="52"/>
      <c r="R167" s="52"/>
      <c r="S167" s="52"/>
      <c r="T167" s="52"/>
      <c r="U167" s="52"/>
      <c r="V167" s="52"/>
      <c r="W167" s="52"/>
    </row>
    <row r="168" spans="1:23" hidden="1" x14ac:dyDescent="0.35">
      <c r="A168" s="52" t="s">
        <v>78</v>
      </c>
      <c r="B168" s="52" t="s">
        <v>79</v>
      </c>
      <c r="C168" s="3">
        <v>20</v>
      </c>
      <c r="D168" s="52" t="s">
        <v>2023</v>
      </c>
      <c r="E168" s="52" t="s">
        <v>26</v>
      </c>
      <c r="F168" s="52" t="s">
        <v>81</v>
      </c>
      <c r="G168" s="52" t="s">
        <v>82</v>
      </c>
      <c r="H168" s="4">
        <v>1</v>
      </c>
      <c r="I168" s="2">
        <v>14.65</v>
      </c>
      <c r="J168" s="52" t="s">
        <v>2404</v>
      </c>
      <c r="K168" s="71" t="s">
        <v>2405</v>
      </c>
      <c r="L168" s="52" t="s">
        <v>2063</v>
      </c>
      <c r="M168" s="72">
        <v>4267</v>
      </c>
      <c r="N168" s="52"/>
      <c r="O168" s="52"/>
      <c r="P168" s="52"/>
      <c r="Q168" s="52"/>
      <c r="R168" s="52"/>
      <c r="S168" s="52"/>
      <c r="T168" s="52"/>
      <c r="U168" s="52"/>
      <c r="V168" s="52"/>
      <c r="W168" s="52"/>
    </row>
    <row r="169" spans="1:23" hidden="1" x14ac:dyDescent="0.35">
      <c r="A169" s="52" t="s">
        <v>78</v>
      </c>
      <c r="B169" s="52" t="s">
        <v>79</v>
      </c>
      <c r="C169" s="3">
        <v>20</v>
      </c>
      <c r="D169" s="52" t="s">
        <v>85</v>
      </c>
      <c r="E169" s="52" t="s">
        <v>26</v>
      </c>
      <c r="F169" s="52" t="s">
        <v>81</v>
      </c>
      <c r="G169" s="52" t="s">
        <v>82</v>
      </c>
      <c r="H169" s="4">
        <v>1</v>
      </c>
      <c r="I169" s="2">
        <v>14.65</v>
      </c>
      <c r="J169" s="52" t="s">
        <v>2406</v>
      </c>
      <c r="K169" s="71" t="s">
        <v>2407</v>
      </c>
      <c r="L169" s="52" t="s">
        <v>2063</v>
      </c>
      <c r="M169" s="72">
        <v>1015</v>
      </c>
      <c r="N169" s="52" t="s">
        <v>2066</v>
      </c>
      <c r="O169" s="52" t="s">
        <v>2067</v>
      </c>
      <c r="P169" s="52"/>
      <c r="Q169" s="52"/>
      <c r="R169" s="52"/>
      <c r="S169" s="52"/>
      <c r="T169" s="52"/>
      <c r="U169" s="52"/>
      <c r="V169" s="52"/>
      <c r="W169" s="52"/>
    </row>
    <row r="170" spans="1:23" hidden="1" x14ac:dyDescent="0.35">
      <c r="A170" s="52" t="s">
        <v>78</v>
      </c>
      <c r="B170" s="52" t="s">
        <v>79</v>
      </c>
      <c r="C170" s="3">
        <v>20</v>
      </c>
      <c r="D170" s="52" t="s">
        <v>2019</v>
      </c>
      <c r="E170" s="52" t="s">
        <v>26</v>
      </c>
      <c r="F170" s="52" t="s">
        <v>81</v>
      </c>
      <c r="G170" s="52" t="s">
        <v>82</v>
      </c>
      <c r="H170" s="4">
        <v>1</v>
      </c>
      <c r="I170" s="2">
        <v>14.65</v>
      </c>
      <c r="J170" s="52" t="s">
        <v>2408</v>
      </c>
      <c r="K170" s="71" t="s">
        <v>2409</v>
      </c>
      <c r="L170" s="52" t="s">
        <v>2063</v>
      </c>
      <c r="M170" s="72">
        <v>2459</v>
      </c>
      <c r="N170" s="52" t="s">
        <v>2072</v>
      </c>
      <c r="O170" s="52" t="s">
        <v>2073</v>
      </c>
      <c r="P170" s="52" t="s">
        <v>2072</v>
      </c>
      <c r="Q170" s="52" t="s">
        <v>2073</v>
      </c>
      <c r="R170" s="52"/>
      <c r="S170" s="52"/>
      <c r="T170" s="52"/>
      <c r="U170" s="52"/>
      <c r="V170" s="52"/>
      <c r="W170" s="52"/>
    </row>
    <row r="171" spans="1:23" hidden="1" x14ac:dyDescent="0.35">
      <c r="A171" s="52" t="s">
        <v>78</v>
      </c>
      <c r="B171" s="52" t="s">
        <v>79</v>
      </c>
      <c r="C171" s="3">
        <v>20</v>
      </c>
      <c r="D171" s="52" t="s">
        <v>86</v>
      </c>
      <c r="E171" s="52" t="s">
        <v>26</v>
      </c>
      <c r="F171" s="52" t="s">
        <v>81</v>
      </c>
      <c r="G171" s="52" t="s">
        <v>82</v>
      </c>
      <c r="H171" s="4">
        <v>1</v>
      </c>
      <c r="I171" s="2">
        <v>14.65</v>
      </c>
      <c r="J171" s="52" t="s">
        <v>2410</v>
      </c>
      <c r="K171" s="71" t="s">
        <v>2411</v>
      </c>
      <c r="L171" s="52" t="s">
        <v>2063</v>
      </c>
      <c r="M171" s="72">
        <v>5050</v>
      </c>
      <c r="N171" s="52" t="s">
        <v>2072</v>
      </c>
      <c r="O171" s="52" t="s">
        <v>2073</v>
      </c>
      <c r="P171" s="52"/>
      <c r="Q171" s="52"/>
      <c r="R171" s="52"/>
      <c r="S171" s="52"/>
      <c r="T171" s="52"/>
      <c r="U171" s="52"/>
      <c r="V171" s="52"/>
      <c r="W171" s="52"/>
    </row>
    <row r="172" spans="1:23" hidden="1" x14ac:dyDescent="0.35">
      <c r="A172" s="52" t="s">
        <v>78</v>
      </c>
      <c r="B172" s="52" t="s">
        <v>79</v>
      </c>
      <c r="C172" s="3">
        <v>10</v>
      </c>
      <c r="D172" s="52" t="s">
        <v>83</v>
      </c>
      <c r="E172" s="52" t="s">
        <v>26</v>
      </c>
      <c r="F172" s="52" t="s">
        <v>81</v>
      </c>
      <c r="G172" s="52" t="s">
        <v>82</v>
      </c>
      <c r="H172" s="4">
        <v>1</v>
      </c>
      <c r="I172" s="2">
        <v>14.65</v>
      </c>
      <c r="J172" s="52" t="s">
        <v>2412</v>
      </c>
      <c r="K172" s="71" t="s">
        <v>2413</v>
      </c>
      <c r="L172" s="52" t="s">
        <v>2063</v>
      </c>
      <c r="M172" s="72">
        <v>9911</v>
      </c>
      <c r="N172" s="52" t="s">
        <v>2072</v>
      </c>
      <c r="O172" s="52" t="s">
        <v>2073</v>
      </c>
      <c r="P172" s="52" t="s">
        <v>2072</v>
      </c>
      <c r="Q172" s="52" t="s">
        <v>2073</v>
      </c>
      <c r="R172" s="52"/>
      <c r="S172" s="52"/>
      <c r="T172" s="52"/>
      <c r="U172" s="52"/>
      <c r="V172" s="52"/>
      <c r="W172" s="52"/>
    </row>
    <row r="173" spans="1:23" hidden="1" x14ac:dyDescent="0.35">
      <c r="A173" s="52" t="s">
        <v>78</v>
      </c>
      <c r="B173" s="52" t="s">
        <v>79</v>
      </c>
      <c r="C173" s="3">
        <v>10</v>
      </c>
      <c r="D173" s="52" t="s">
        <v>87</v>
      </c>
      <c r="E173" s="52" t="s">
        <v>26</v>
      </c>
      <c r="F173" s="52" t="s">
        <v>81</v>
      </c>
      <c r="G173" s="52" t="s">
        <v>82</v>
      </c>
      <c r="H173" s="4">
        <v>1</v>
      </c>
      <c r="I173" s="2">
        <v>14.65</v>
      </c>
      <c r="J173" s="52" t="s">
        <v>2414</v>
      </c>
      <c r="K173" s="71" t="s">
        <v>2415</v>
      </c>
      <c r="L173" s="52" t="s">
        <v>2063</v>
      </c>
      <c r="M173" s="72">
        <v>5229</v>
      </c>
      <c r="N173" s="52" t="s">
        <v>2072</v>
      </c>
      <c r="O173" s="52" t="s">
        <v>2073</v>
      </c>
      <c r="P173" s="52"/>
      <c r="Q173" s="52"/>
      <c r="R173" s="52"/>
      <c r="S173" s="52"/>
      <c r="T173" s="52"/>
      <c r="U173" s="52"/>
      <c r="V173" s="52"/>
      <c r="W173" s="52"/>
    </row>
    <row r="174" spans="1:23" hidden="1" x14ac:dyDescent="0.35">
      <c r="A174" s="52" t="s">
        <v>78</v>
      </c>
      <c r="B174" s="52" t="s">
        <v>79</v>
      </c>
      <c r="C174" s="3">
        <v>10</v>
      </c>
      <c r="D174" s="52" t="s">
        <v>86</v>
      </c>
      <c r="E174" s="52" t="s">
        <v>26</v>
      </c>
      <c r="F174" s="52" t="s">
        <v>81</v>
      </c>
      <c r="G174" s="52" t="s">
        <v>82</v>
      </c>
      <c r="H174" s="4">
        <v>1</v>
      </c>
      <c r="I174" s="2">
        <v>14.65</v>
      </c>
      <c r="J174" s="52" t="s">
        <v>2416</v>
      </c>
      <c r="K174" s="71" t="s">
        <v>2417</v>
      </c>
      <c r="L174" s="52" t="s">
        <v>2063</v>
      </c>
      <c r="M174" s="72">
        <v>9442</v>
      </c>
      <c r="N174" s="52"/>
      <c r="O174" s="52"/>
      <c r="P174" s="52"/>
      <c r="Q174" s="52"/>
      <c r="R174" s="52"/>
      <c r="S174" s="52"/>
      <c r="T174" s="52"/>
      <c r="U174" s="52"/>
      <c r="V174" s="52"/>
      <c r="W174" s="52"/>
    </row>
    <row r="175" spans="1:23" hidden="1" x14ac:dyDescent="0.35">
      <c r="A175" s="52" t="s">
        <v>78</v>
      </c>
      <c r="B175" s="52" t="s">
        <v>79</v>
      </c>
      <c r="C175" s="3">
        <v>10</v>
      </c>
      <c r="D175" s="52" t="s">
        <v>2020</v>
      </c>
      <c r="E175" s="52" t="s">
        <v>26</v>
      </c>
      <c r="F175" s="52" t="s">
        <v>81</v>
      </c>
      <c r="G175" s="52" t="s">
        <v>82</v>
      </c>
      <c r="H175" s="4">
        <v>1</v>
      </c>
      <c r="I175" s="2">
        <v>14.65</v>
      </c>
      <c r="J175" s="52" t="s">
        <v>2418</v>
      </c>
      <c r="K175" s="71" t="s">
        <v>2419</v>
      </c>
      <c r="L175" s="52" t="s">
        <v>2063</v>
      </c>
      <c r="M175" s="72">
        <v>4833</v>
      </c>
      <c r="N175" s="52" t="s">
        <v>2072</v>
      </c>
      <c r="O175" s="52" t="s">
        <v>2073</v>
      </c>
      <c r="P175" s="52"/>
      <c r="Q175" s="52"/>
      <c r="R175" s="52"/>
      <c r="S175" s="52"/>
      <c r="T175" s="52"/>
      <c r="U175" s="52"/>
      <c r="V175" s="52"/>
      <c r="W175" s="52"/>
    </row>
    <row r="176" spans="1:23" hidden="1" x14ac:dyDescent="0.35">
      <c r="A176" s="52" t="s">
        <v>78</v>
      </c>
      <c r="B176" s="52" t="s">
        <v>79</v>
      </c>
      <c r="C176" s="3">
        <v>20</v>
      </c>
      <c r="D176" s="52" t="s">
        <v>84</v>
      </c>
      <c r="E176" s="52" t="s">
        <v>26</v>
      </c>
      <c r="F176" s="52" t="s">
        <v>81</v>
      </c>
      <c r="G176" s="52" t="s">
        <v>82</v>
      </c>
      <c r="H176" s="4">
        <v>1</v>
      </c>
      <c r="I176" s="2">
        <v>14.65</v>
      </c>
      <c r="J176" s="52" t="s">
        <v>2080</v>
      </c>
      <c r="K176" s="71" t="s">
        <v>2420</v>
      </c>
      <c r="L176" s="52" t="s">
        <v>2063</v>
      </c>
      <c r="M176" s="72">
        <v>7899</v>
      </c>
      <c r="N176" s="52"/>
      <c r="O176" s="52"/>
      <c r="P176" s="52"/>
      <c r="Q176" s="52"/>
      <c r="R176" s="52"/>
      <c r="S176" s="52"/>
      <c r="T176" s="52"/>
      <c r="U176" s="52"/>
      <c r="V176" s="52"/>
      <c r="W176" s="52"/>
    </row>
    <row r="177" spans="1:23" hidden="1" x14ac:dyDescent="0.35">
      <c r="A177" s="52" t="s">
        <v>78</v>
      </c>
      <c r="B177" s="52" t="s">
        <v>79</v>
      </c>
      <c r="C177" s="3">
        <v>20</v>
      </c>
      <c r="D177" s="52" t="s">
        <v>2019</v>
      </c>
      <c r="E177" s="52" t="s">
        <v>26</v>
      </c>
      <c r="F177" s="52" t="s">
        <v>81</v>
      </c>
      <c r="G177" s="52" t="s">
        <v>82</v>
      </c>
      <c r="H177" s="4">
        <v>1</v>
      </c>
      <c r="I177" s="2">
        <v>14.65</v>
      </c>
      <c r="J177" s="52" t="s">
        <v>2421</v>
      </c>
      <c r="K177" s="71" t="s">
        <v>2422</v>
      </c>
      <c r="L177" s="52" t="s">
        <v>2063</v>
      </c>
      <c r="M177" s="72">
        <v>832</v>
      </c>
      <c r="N177" s="52"/>
      <c r="O177" s="52"/>
      <c r="P177" s="52"/>
      <c r="Q177" s="52"/>
      <c r="R177" s="52"/>
      <c r="S177" s="52"/>
      <c r="T177" s="52"/>
      <c r="U177" s="52"/>
      <c r="V177" s="52"/>
      <c r="W177" s="52"/>
    </row>
    <row r="178" spans="1:23" hidden="1" x14ac:dyDescent="0.35">
      <c r="A178" s="52" t="s">
        <v>78</v>
      </c>
      <c r="B178" s="52" t="s">
        <v>79</v>
      </c>
      <c r="C178" s="3">
        <v>20</v>
      </c>
      <c r="D178" s="52" t="s">
        <v>85</v>
      </c>
      <c r="E178" s="52" t="s">
        <v>26</v>
      </c>
      <c r="F178" s="52" t="s">
        <v>81</v>
      </c>
      <c r="G178" s="52" t="s">
        <v>82</v>
      </c>
      <c r="H178" s="4">
        <v>1</v>
      </c>
      <c r="I178" s="2">
        <v>14.65</v>
      </c>
      <c r="J178" s="52" t="s">
        <v>2423</v>
      </c>
      <c r="K178" s="71" t="s">
        <v>2424</v>
      </c>
      <c r="L178" s="52" t="s">
        <v>2063</v>
      </c>
      <c r="M178" s="72">
        <v>3642</v>
      </c>
      <c r="N178" s="52" t="s">
        <v>2072</v>
      </c>
      <c r="O178" s="52" t="s">
        <v>2073</v>
      </c>
      <c r="P178" s="52"/>
      <c r="Q178" s="52"/>
      <c r="R178" s="52"/>
      <c r="S178" s="52"/>
      <c r="T178" s="52"/>
      <c r="U178" s="52"/>
      <c r="V178" s="52"/>
      <c r="W178" s="52"/>
    </row>
    <row r="179" spans="1:23" hidden="1" x14ac:dyDescent="0.35">
      <c r="A179" s="52" t="s">
        <v>78</v>
      </c>
      <c r="B179" s="52" t="s">
        <v>79</v>
      </c>
      <c r="C179" s="3">
        <v>10</v>
      </c>
      <c r="D179" s="52" t="s">
        <v>2020</v>
      </c>
      <c r="E179" s="52" t="s">
        <v>26</v>
      </c>
      <c r="F179" s="52" t="s">
        <v>81</v>
      </c>
      <c r="G179" s="52" t="s">
        <v>82</v>
      </c>
      <c r="H179" s="4">
        <v>1</v>
      </c>
      <c r="I179" s="2">
        <v>14.65</v>
      </c>
      <c r="J179" s="52" t="s">
        <v>2089</v>
      </c>
      <c r="K179" s="71" t="s">
        <v>2425</v>
      </c>
      <c r="L179" s="52" t="s">
        <v>2063</v>
      </c>
      <c r="M179" s="72">
        <v>5137</v>
      </c>
      <c r="N179" s="52" t="s">
        <v>2066</v>
      </c>
      <c r="O179" s="52" t="s">
        <v>2067</v>
      </c>
      <c r="P179" s="52"/>
      <c r="Q179" s="52"/>
      <c r="R179" s="52"/>
      <c r="S179" s="52"/>
      <c r="T179" s="52"/>
      <c r="U179" s="52"/>
      <c r="V179" s="52"/>
      <c r="W179" s="52"/>
    </row>
    <row r="180" spans="1:23" hidden="1" x14ac:dyDescent="0.35">
      <c r="A180" s="52" t="s">
        <v>78</v>
      </c>
      <c r="B180" s="52" t="s">
        <v>79</v>
      </c>
      <c r="C180" s="3">
        <v>10</v>
      </c>
      <c r="D180" s="52" t="s">
        <v>86</v>
      </c>
      <c r="E180" s="52" t="s">
        <v>26</v>
      </c>
      <c r="F180" s="52" t="s">
        <v>81</v>
      </c>
      <c r="G180" s="52" t="s">
        <v>82</v>
      </c>
      <c r="H180" s="4">
        <v>1</v>
      </c>
      <c r="I180" s="2">
        <v>14.65</v>
      </c>
      <c r="J180" s="52" t="s">
        <v>2426</v>
      </c>
      <c r="K180" s="71" t="s">
        <v>2427</v>
      </c>
      <c r="L180" s="52" t="s">
        <v>2063</v>
      </c>
      <c r="M180" s="72">
        <v>2034</v>
      </c>
      <c r="N180" s="52"/>
      <c r="O180" s="52"/>
      <c r="P180" s="52"/>
      <c r="Q180" s="52"/>
      <c r="R180" s="52"/>
      <c r="S180" s="52"/>
      <c r="T180" s="52"/>
      <c r="U180" s="52"/>
      <c r="V180" s="52"/>
      <c r="W180" s="52"/>
    </row>
    <row r="181" spans="1:23" hidden="1" x14ac:dyDescent="0.35">
      <c r="A181" s="52" t="s">
        <v>78</v>
      </c>
      <c r="B181" s="52" t="s">
        <v>79</v>
      </c>
      <c r="C181" s="3">
        <v>10</v>
      </c>
      <c r="D181" s="52" t="s">
        <v>2024</v>
      </c>
      <c r="E181" s="52" t="s">
        <v>26</v>
      </c>
      <c r="F181" s="52" t="s">
        <v>81</v>
      </c>
      <c r="G181" s="52" t="s">
        <v>82</v>
      </c>
      <c r="H181" s="4">
        <v>1</v>
      </c>
      <c r="I181" s="2">
        <v>14.65</v>
      </c>
      <c r="J181" s="52" t="s">
        <v>2428</v>
      </c>
      <c r="K181" s="71" t="s">
        <v>2429</v>
      </c>
      <c r="L181" s="52" t="s">
        <v>2063</v>
      </c>
      <c r="M181" s="72">
        <v>8875</v>
      </c>
      <c r="N181" s="52"/>
      <c r="O181" s="52"/>
      <c r="P181" s="52"/>
      <c r="Q181" s="52"/>
      <c r="R181" s="52"/>
      <c r="S181" s="52"/>
      <c r="T181" s="52"/>
      <c r="U181" s="52"/>
      <c r="V181" s="52"/>
      <c r="W181" s="52"/>
    </row>
    <row r="182" spans="1:23" hidden="1" x14ac:dyDescent="0.35">
      <c r="A182" s="52" t="s">
        <v>78</v>
      </c>
      <c r="B182" s="52" t="s">
        <v>79</v>
      </c>
      <c r="C182" s="3">
        <v>20</v>
      </c>
      <c r="D182" s="52" t="s">
        <v>85</v>
      </c>
      <c r="E182" s="52" t="s">
        <v>26</v>
      </c>
      <c r="F182" s="52" t="s">
        <v>81</v>
      </c>
      <c r="G182" s="52" t="s">
        <v>82</v>
      </c>
      <c r="H182" s="4">
        <v>1</v>
      </c>
      <c r="I182" s="2">
        <v>14.65</v>
      </c>
      <c r="J182" s="52" t="s">
        <v>2430</v>
      </c>
      <c r="K182" s="71" t="s">
        <v>2431</v>
      </c>
      <c r="L182" s="52" t="s">
        <v>2063</v>
      </c>
      <c r="M182" s="72">
        <v>5248</v>
      </c>
      <c r="N182" s="52" t="s">
        <v>2066</v>
      </c>
      <c r="O182" s="52" t="s">
        <v>2067</v>
      </c>
      <c r="P182" s="52"/>
      <c r="Q182" s="52"/>
      <c r="R182" s="52"/>
      <c r="S182" s="52"/>
      <c r="T182" s="52"/>
      <c r="U182" s="52"/>
      <c r="V182" s="52"/>
      <c r="W182" s="52"/>
    </row>
    <row r="183" spans="1:23" hidden="1" x14ac:dyDescent="0.35">
      <c r="A183" s="52" t="s">
        <v>78</v>
      </c>
      <c r="B183" s="52" t="s">
        <v>79</v>
      </c>
      <c r="C183" s="3">
        <v>20</v>
      </c>
      <c r="D183" s="52" t="s">
        <v>2021</v>
      </c>
      <c r="E183" s="52" t="s">
        <v>26</v>
      </c>
      <c r="F183" s="52" t="s">
        <v>81</v>
      </c>
      <c r="G183" s="52" t="s">
        <v>82</v>
      </c>
      <c r="H183" s="4">
        <v>1</v>
      </c>
      <c r="I183" s="2">
        <v>14.65</v>
      </c>
      <c r="J183" s="52" t="s">
        <v>2432</v>
      </c>
      <c r="K183" s="71" t="s">
        <v>2433</v>
      </c>
      <c r="L183" s="52" t="s">
        <v>2063</v>
      </c>
      <c r="M183" s="72">
        <v>3724</v>
      </c>
      <c r="N183" s="52" t="s">
        <v>2072</v>
      </c>
      <c r="O183" s="52" t="s">
        <v>2073</v>
      </c>
      <c r="P183" s="52"/>
      <c r="Q183" s="52"/>
      <c r="R183" s="52"/>
      <c r="S183" s="52"/>
      <c r="T183" s="52"/>
      <c r="U183" s="52"/>
      <c r="V183" s="52"/>
      <c r="W183" s="52"/>
    </row>
    <row r="184" spans="1:23" hidden="1" x14ac:dyDescent="0.35">
      <c r="A184" s="52" t="s">
        <v>78</v>
      </c>
      <c r="B184" s="52" t="s">
        <v>79</v>
      </c>
      <c r="C184" s="3">
        <v>20</v>
      </c>
      <c r="D184" s="52" t="s">
        <v>2019</v>
      </c>
      <c r="E184" s="52" t="s">
        <v>26</v>
      </c>
      <c r="F184" s="52" t="s">
        <v>81</v>
      </c>
      <c r="G184" s="52" t="s">
        <v>82</v>
      </c>
      <c r="H184" s="4">
        <v>1</v>
      </c>
      <c r="I184" s="2">
        <v>14.65</v>
      </c>
      <c r="J184" s="52" t="s">
        <v>2434</v>
      </c>
      <c r="K184" s="71" t="s">
        <v>2435</v>
      </c>
      <c r="L184" s="52" t="s">
        <v>2063</v>
      </c>
      <c r="M184" s="72">
        <v>9363</v>
      </c>
      <c r="N184" s="52" t="s">
        <v>2072</v>
      </c>
      <c r="O184" s="52" t="s">
        <v>2073</v>
      </c>
      <c r="P184" s="52"/>
      <c r="Q184" s="52"/>
      <c r="R184" s="52"/>
      <c r="S184" s="52"/>
      <c r="T184" s="52"/>
      <c r="U184" s="52"/>
      <c r="V184" s="52"/>
      <c r="W184" s="52"/>
    </row>
    <row r="185" spans="1:23" hidden="1" x14ac:dyDescent="0.35">
      <c r="A185" s="52" t="s">
        <v>78</v>
      </c>
      <c r="B185" s="52" t="s">
        <v>79</v>
      </c>
      <c r="C185" s="3">
        <v>20</v>
      </c>
      <c r="D185" s="52" t="s">
        <v>2019</v>
      </c>
      <c r="E185" s="52" t="s">
        <v>26</v>
      </c>
      <c r="F185" s="52" t="s">
        <v>81</v>
      </c>
      <c r="G185" s="52" t="s">
        <v>82</v>
      </c>
      <c r="H185" s="4">
        <v>1</v>
      </c>
      <c r="I185" s="2">
        <v>14.65</v>
      </c>
      <c r="J185" s="52" t="s">
        <v>2436</v>
      </c>
      <c r="K185" s="71" t="s">
        <v>2437</v>
      </c>
      <c r="L185" s="52" t="s">
        <v>2063</v>
      </c>
      <c r="M185" s="72">
        <v>8528</v>
      </c>
      <c r="N185" s="52"/>
      <c r="O185" s="52"/>
      <c r="P185" s="52"/>
      <c r="Q185" s="52"/>
      <c r="R185" s="52"/>
      <c r="S185" s="52"/>
      <c r="T185" s="52"/>
      <c r="U185" s="52"/>
      <c r="V185" s="52"/>
      <c r="W185" s="52"/>
    </row>
    <row r="186" spans="1:23" hidden="1" x14ac:dyDescent="0.35">
      <c r="A186" s="52" t="s">
        <v>78</v>
      </c>
      <c r="B186" s="52" t="s">
        <v>79</v>
      </c>
      <c r="C186" s="3">
        <v>20</v>
      </c>
      <c r="D186" s="52" t="s">
        <v>2023</v>
      </c>
      <c r="E186" s="52" t="s">
        <v>26</v>
      </c>
      <c r="F186" s="52" t="s">
        <v>81</v>
      </c>
      <c r="G186" s="52" t="s">
        <v>82</v>
      </c>
      <c r="H186" s="4">
        <v>1</v>
      </c>
      <c r="I186" s="2">
        <v>14.65</v>
      </c>
      <c r="J186" s="52" t="s">
        <v>2438</v>
      </c>
      <c r="K186" s="71" t="s">
        <v>2439</v>
      </c>
      <c r="L186" s="52" t="s">
        <v>2063</v>
      </c>
      <c r="M186" s="72">
        <v>3653</v>
      </c>
      <c r="N186" s="52" t="s">
        <v>2072</v>
      </c>
      <c r="O186" s="52" t="s">
        <v>2073</v>
      </c>
      <c r="P186" s="52"/>
      <c r="Q186" s="52"/>
      <c r="R186" s="52"/>
      <c r="S186" s="52"/>
      <c r="T186" s="52"/>
      <c r="U186" s="52"/>
      <c r="V186" s="52"/>
      <c r="W186" s="52"/>
    </row>
    <row r="187" spans="1:23" x14ac:dyDescent="0.35">
      <c r="A187" s="52" t="s">
        <v>78</v>
      </c>
      <c r="B187" s="52" t="s">
        <v>79</v>
      </c>
      <c r="C187" s="3">
        <v>10</v>
      </c>
      <c r="D187" s="52" t="s">
        <v>2022</v>
      </c>
      <c r="E187" s="52" t="s">
        <v>26</v>
      </c>
      <c r="F187" s="52" t="s">
        <v>81</v>
      </c>
      <c r="G187" s="52" t="s">
        <v>82</v>
      </c>
      <c r="H187" s="4">
        <v>1</v>
      </c>
      <c r="I187" s="2">
        <v>14.65</v>
      </c>
      <c r="J187" s="52" t="s">
        <v>2440</v>
      </c>
      <c r="K187" s="71" t="s">
        <v>2441</v>
      </c>
      <c r="L187" s="52" t="s">
        <v>2063</v>
      </c>
      <c r="M187" s="72">
        <v>8976</v>
      </c>
      <c r="N187" s="52" t="s">
        <v>2259</v>
      </c>
      <c r="O187" s="52" t="s">
        <v>2260</v>
      </c>
      <c r="P187" s="52"/>
      <c r="Q187" s="52"/>
      <c r="R187" s="52"/>
      <c r="S187" s="52"/>
      <c r="T187" s="52"/>
      <c r="U187" s="52"/>
      <c r="V187" s="52"/>
      <c r="W187" s="52"/>
    </row>
    <row r="188" spans="1:23" hidden="1" x14ac:dyDescent="0.35">
      <c r="A188" s="52" t="s">
        <v>78</v>
      </c>
      <c r="B188" s="52" t="s">
        <v>79</v>
      </c>
      <c r="C188" s="3">
        <v>211</v>
      </c>
      <c r="D188" s="52" t="s">
        <v>80</v>
      </c>
      <c r="E188" s="52" t="s">
        <v>26</v>
      </c>
      <c r="F188" s="52" t="s">
        <v>81</v>
      </c>
      <c r="G188" s="52" t="s">
        <v>82</v>
      </c>
      <c r="H188" s="4">
        <v>1</v>
      </c>
      <c r="I188" s="2">
        <v>14.65</v>
      </c>
      <c r="J188" s="52" t="s">
        <v>2442</v>
      </c>
      <c r="K188" s="71" t="s">
        <v>2443</v>
      </c>
      <c r="L188" s="52" t="s">
        <v>2063</v>
      </c>
      <c r="M188" s="72">
        <v>9939</v>
      </c>
      <c r="N188" s="52"/>
      <c r="O188" s="52"/>
      <c r="P188" s="52"/>
      <c r="Q188" s="52"/>
      <c r="R188" s="52"/>
      <c r="S188" s="52"/>
      <c r="T188" s="52"/>
      <c r="U188" s="52"/>
      <c r="V188" s="52"/>
      <c r="W188" s="52"/>
    </row>
    <row r="189" spans="1:23" hidden="1" x14ac:dyDescent="0.35">
      <c r="A189" s="52" t="s">
        <v>78</v>
      </c>
      <c r="B189" s="52" t="s">
        <v>79</v>
      </c>
      <c r="C189" s="3">
        <v>20</v>
      </c>
      <c r="D189" s="52" t="s">
        <v>2020</v>
      </c>
      <c r="E189" s="52" t="s">
        <v>26</v>
      </c>
      <c r="F189" s="52" t="s">
        <v>81</v>
      </c>
      <c r="G189" s="52" t="s">
        <v>82</v>
      </c>
      <c r="H189" s="4">
        <v>1</v>
      </c>
      <c r="I189" s="2">
        <v>14.65</v>
      </c>
      <c r="J189" s="52" t="s">
        <v>2444</v>
      </c>
      <c r="K189" s="71" t="s">
        <v>2445</v>
      </c>
      <c r="L189" s="52" t="s">
        <v>2063</v>
      </c>
      <c r="M189" s="72">
        <v>130</v>
      </c>
      <c r="N189" s="52" t="s">
        <v>2072</v>
      </c>
      <c r="O189" s="52" t="s">
        <v>2073</v>
      </c>
      <c r="P189" s="52"/>
      <c r="Q189" s="52"/>
      <c r="R189" s="52"/>
      <c r="S189" s="52"/>
      <c r="T189" s="52"/>
      <c r="U189" s="52"/>
      <c r="V189" s="52"/>
      <c r="W189" s="52"/>
    </row>
    <row r="190" spans="1:23" hidden="1" x14ac:dyDescent="0.35">
      <c r="A190" s="52" t="s">
        <v>78</v>
      </c>
      <c r="B190" s="52" t="s">
        <v>79</v>
      </c>
      <c r="C190" s="3">
        <v>20</v>
      </c>
      <c r="D190" s="52" t="s">
        <v>2024</v>
      </c>
      <c r="E190" s="52" t="s">
        <v>26</v>
      </c>
      <c r="F190" s="52" t="s">
        <v>81</v>
      </c>
      <c r="G190" s="52" t="s">
        <v>82</v>
      </c>
      <c r="H190" s="4">
        <v>1</v>
      </c>
      <c r="I190" s="2">
        <v>14.65</v>
      </c>
      <c r="J190" s="52" t="s">
        <v>2446</v>
      </c>
      <c r="K190" s="71" t="s">
        <v>2447</v>
      </c>
      <c r="L190" s="52" t="s">
        <v>2063</v>
      </c>
      <c r="M190" s="72">
        <v>1273</v>
      </c>
      <c r="N190" s="52" t="s">
        <v>2158</v>
      </c>
      <c r="O190" s="52" t="s">
        <v>2159</v>
      </c>
      <c r="P190" s="52"/>
      <c r="Q190" s="52"/>
      <c r="R190" s="52"/>
      <c r="S190" s="52"/>
      <c r="T190" s="52"/>
      <c r="U190" s="52"/>
      <c r="V190" s="52"/>
      <c r="W190" s="52"/>
    </row>
    <row r="191" spans="1:23" hidden="1" x14ac:dyDescent="0.35">
      <c r="A191" s="52" t="s">
        <v>78</v>
      </c>
      <c r="B191" s="52" t="s">
        <v>79</v>
      </c>
      <c r="C191" s="3">
        <v>10</v>
      </c>
      <c r="D191" s="52" t="s">
        <v>2021</v>
      </c>
      <c r="E191" s="52" t="s">
        <v>26</v>
      </c>
      <c r="F191" s="52" t="s">
        <v>81</v>
      </c>
      <c r="G191" s="52" t="s">
        <v>82</v>
      </c>
      <c r="H191" s="4">
        <v>1</v>
      </c>
      <c r="I191" s="2">
        <v>14.65</v>
      </c>
      <c r="J191" s="52" t="s">
        <v>2448</v>
      </c>
      <c r="K191" s="71" t="s">
        <v>2449</v>
      </c>
      <c r="L191" s="52" t="s">
        <v>2063</v>
      </c>
      <c r="M191" s="72">
        <v>8826</v>
      </c>
      <c r="N191" s="52" t="s">
        <v>2066</v>
      </c>
      <c r="O191" s="52" t="s">
        <v>2067</v>
      </c>
      <c r="P191" s="52"/>
      <c r="Q191" s="52"/>
      <c r="R191" s="52"/>
      <c r="S191" s="52"/>
      <c r="T191" s="52"/>
      <c r="U191" s="52"/>
      <c r="V191" s="52"/>
      <c r="W191" s="52"/>
    </row>
    <row r="192" spans="1:23" hidden="1" x14ac:dyDescent="0.35">
      <c r="A192" s="52" t="s">
        <v>78</v>
      </c>
      <c r="B192" s="52" t="s">
        <v>79</v>
      </c>
      <c r="C192" s="3">
        <v>20</v>
      </c>
      <c r="D192" s="52" t="s">
        <v>84</v>
      </c>
      <c r="E192" s="52" t="s">
        <v>26</v>
      </c>
      <c r="F192" s="52" t="s">
        <v>81</v>
      </c>
      <c r="G192" s="52" t="s">
        <v>82</v>
      </c>
      <c r="H192" s="4">
        <v>1</v>
      </c>
      <c r="I192" s="2">
        <v>14.65</v>
      </c>
      <c r="J192" s="52" t="s">
        <v>2450</v>
      </c>
      <c r="K192" s="71" t="s">
        <v>2451</v>
      </c>
      <c r="L192" s="52" t="s">
        <v>2063</v>
      </c>
      <c r="M192" s="72">
        <v>7680</v>
      </c>
      <c r="N192" s="52" t="s">
        <v>2072</v>
      </c>
      <c r="O192" s="52" t="s">
        <v>2073</v>
      </c>
      <c r="P192" s="52"/>
      <c r="Q192" s="52"/>
      <c r="R192" s="52"/>
      <c r="S192" s="52"/>
      <c r="T192" s="52"/>
      <c r="U192" s="52"/>
      <c r="V192" s="52"/>
      <c r="W192" s="52"/>
    </row>
    <row r="193" spans="1:23" hidden="1" x14ac:dyDescent="0.35">
      <c r="A193" s="52" t="s">
        <v>78</v>
      </c>
      <c r="B193" s="52" t="s">
        <v>79</v>
      </c>
      <c r="C193" s="3">
        <v>20</v>
      </c>
      <c r="D193" s="52" t="s">
        <v>2023</v>
      </c>
      <c r="E193" s="52" t="s">
        <v>26</v>
      </c>
      <c r="F193" s="52" t="s">
        <v>81</v>
      </c>
      <c r="G193" s="52" t="s">
        <v>82</v>
      </c>
      <c r="H193" s="4">
        <v>1</v>
      </c>
      <c r="I193" s="2">
        <v>14.65</v>
      </c>
      <c r="J193" s="52" t="s">
        <v>2452</v>
      </c>
      <c r="K193" s="71" t="s">
        <v>2453</v>
      </c>
      <c r="L193" s="52" t="s">
        <v>2063</v>
      </c>
      <c r="M193" s="72">
        <v>6411</v>
      </c>
      <c r="N193" s="52" t="s">
        <v>2072</v>
      </c>
      <c r="O193" s="52" t="s">
        <v>2073</v>
      </c>
      <c r="P193" s="52"/>
      <c r="Q193" s="52"/>
      <c r="R193" s="52"/>
      <c r="S193" s="52"/>
      <c r="T193" s="52"/>
      <c r="U193" s="52"/>
      <c r="V193" s="52"/>
      <c r="W193" s="52"/>
    </row>
    <row r="194" spans="1:23" hidden="1" x14ac:dyDescent="0.35">
      <c r="A194" s="52" t="s">
        <v>78</v>
      </c>
      <c r="B194" s="52" t="s">
        <v>79</v>
      </c>
      <c r="C194" s="3">
        <v>20</v>
      </c>
      <c r="D194" s="52" t="s">
        <v>2021</v>
      </c>
      <c r="E194" s="52" t="s">
        <v>26</v>
      </c>
      <c r="F194" s="52" t="s">
        <v>81</v>
      </c>
      <c r="G194" s="52" t="s">
        <v>82</v>
      </c>
      <c r="H194" s="4">
        <v>1</v>
      </c>
      <c r="I194" s="2">
        <v>14.65</v>
      </c>
      <c r="J194" s="52" t="s">
        <v>2310</v>
      </c>
      <c r="K194" s="71" t="s">
        <v>2454</v>
      </c>
      <c r="L194" s="52" t="s">
        <v>2095</v>
      </c>
      <c r="M194" s="72">
        <v>7851</v>
      </c>
      <c r="N194" s="52"/>
      <c r="O194" s="52"/>
      <c r="P194" s="52"/>
      <c r="Q194" s="52"/>
      <c r="R194" s="52"/>
      <c r="S194" s="52"/>
      <c r="T194" s="52"/>
      <c r="U194" s="52"/>
      <c r="V194" s="52"/>
      <c r="W194" s="52"/>
    </row>
    <row r="195" spans="1:23" hidden="1" x14ac:dyDescent="0.35">
      <c r="A195" s="52" t="s">
        <v>78</v>
      </c>
      <c r="B195" s="52" t="s">
        <v>79</v>
      </c>
      <c r="C195" s="3">
        <v>20</v>
      </c>
      <c r="D195" s="52" t="s">
        <v>85</v>
      </c>
      <c r="E195" s="52" t="s">
        <v>26</v>
      </c>
      <c r="F195" s="52" t="s">
        <v>81</v>
      </c>
      <c r="G195" s="52" t="s">
        <v>82</v>
      </c>
      <c r="H195" s="4">
        <v>1</v>
      </c>
      <c r="I195" s="2">
        <v>14.65</v>
      </c>
      <c r="J195" s="52" t="s">
        <v>2455</v>
      </c>
      <c r="K195" s="71" t="s">
        <v>2456</v>
      </c>
      <c r="L195" s="52" t="s">
        <v>2095</v>
      </c>
      <c r="M195" s="72">
        <v>4229</v>
      </c>
      <c r="N195" s="52" t="s">
        <v>2072</v>
      </c>
      <c r="O195" s="52" t="s">
        <v>2073</v>
      </c>
      <c r="P195" s="52"/>
      <c r="Q195" s="52"/>
      <c r="R195" s="52"/>
      <c r="S195" s="52"/>
      <c r="T195" s="52"/>
      <c r="U195" s="52"/>
      <c r="V195" s="52"/>
      <c r="W195" s="52"/>
    </row>
    <row r="196" spans="1:23" hidden="1" x14ac:dyDescent="0.35">
      <c r="A196" s="52" t="s">
        <v>78</v>
      </c>
      <c r="B196" s="52" t="s">
        <v>79</v>
      </c>
      <c r="C196" s="3">
        <v>10</v>
      </c>
      <c r="D196" s="52" t="s">
        <v>2019</v>
      </c>
      <c r="E196" s="52" t="s">
        <v>26</v>
      </c>
      <c r="F196" s="52" t="s">
        <v>81</v>
      </c>
      <c r="G196" s="52" t="s">
        <v>82</v>
      </c>
      <c r="H196" s="4">
        <v>1</v>
      </c>
      <c r="I196" s="2">
        <v>14.65</v>
      </c>
      <c r="J196" s="52" t="s">
        <v>2457</v>
      </c>
      <c r="K196" s="71" t="s">
        <v>2458</v>
      </c>
      <c r="L196" s="52" t="s">
        <v>2063</v>
      </c>
      <c r="M196" s="72">
        <v>4235</v>
      </c>
      <c r="N196" s="52" t="s">
        <v>2066</v>
      </c>
      <c r="O196" s="52" t="s">
        <v>2067</v>
      </c>
      <c r="P196" s="52"/>
      <c r="Q196" s="52"/>
      <c r="R196" s="52"/>
      <c r="S196" s="52"/>
      <c r="T196" s="52"/>
      <c r="U196" s="52"/>
      <c r="V196" s="52"/>
      <c r="W196" s="52"/>
    </row>
    <row r="197" spans="1:23" hidden="1" x14ac:dyDescent="0.35">
      <c r="A197" s="52" t="s">
        <v>78</v>
      </c>
      <c r="B197" s="52" t="s">
        <v>79</v>
      </c>
      <c r="C197" s="3">
        <v>10</v>
      </c>
      <c r="D197" s="52" t="s">
        <v>84</v>
      </c>
      <c r="E197" s="52" t="s">
        <v>26</v>
      </c>
      <c r="F197" s="52" t="s">
        <v>81</v>
      </c>
      <c r="G197" s="52" t="s">
        <v>82</v>
      </c>
      <c r="H197" s="4">
        <v>1</v>
      </c>
      <c r="I197" s="2">
        <v>14.65</v>
      </c>
      <c r="J197" s="52" t="s">
        <v>2459</v>
      </c>
      <c r="K197" s="71" t="s">
        <v>2460</v>
      </c>
      <c r="L197" s="52" t="s">
        <v>2063</v>
      </c>
      <c r="M197" s="72">
        <v>8865</v>
      </c>
      <c r="N197" s="52"/>
      <c r="O197" s="52"/>
      <c r="P197" s="52"/>
      <c r="Q197" s="52"/>
      <c r="R197" s="52"/>
      <c r="S197" s="52"/>
      <c r="T197" s="52"/>
      <c r="U197" s="52"/>
      <c r="V197" s="52"/>
      <c r="W197" s="52"/>
    </row>
    <row r="198" spans="1:23" hidden="1" x14ac:dyDescent="0.35">
      <c r="A198" s="52" t="s">
        <v>78</v>
      </c>
      <c r="B198" s="52" t="s">
        <v>79</v>
      </c>
      <c r="C198" s="3">
        <v>20</v>
      </c>
      <c r="D198" s="52" t="s">
        <v>2023</v>
      </c>
      <c r="E198" s="52" t="s">
        <v>26</v>
      </c>
      <c r="F198" s="52" t="s">
        <v>81</v>
      </c>
      <c r="G198" s="52" t="s">
        <v>82</v>
      </c>
      <c r="H198" s="4">
        <v>1</v>
      </c>
      <c r="I198" s="2">
        <v>14.65</v>
      </c>
      <c r="J198" s="52" t="s">
        <v>2461</v>
      </c>
      <c r="K198" s="71" t="s">
        <v>2462</v>
      </c>
      <c r="L198" s="52" t="s">
        <v>2063</v>
      </c>
      <c r="M198" s="72">
        <v>7769</v>
      </c>
      <c r="N198" s="52" t="s">
        <v>2072</v>
      </c>
      <c r="O198" s="52" t="s">
        <v>2073</v>
      </c>
      <c r="P198" s="52"/>
      <c r="Q198" s="52"/>
      <c r="R198" s="52"/>
      <c r="S198" s="52"/>
      <c r="T198" s="52"/>
      <c r="U198" s="52"/>
      <c r="V198" s="52"/>
      <c r="W198" s="52"/>
    </row>
    <row r="199" spans="1:23" hidden="1" x14ac:dyDescent="0.35">
      <c r="A199" s="52" t="s">
        <v>78</v>
      </c>
      <c r="B199" s="52" t="s">
        <v>79</v>
      </c>
      <c r="C199" s="3">
        <v>10</v>
      </c>
      <c r="D199" s="52" t="s">
        <v>84</v>
      </c>
      <c r="E199" s="52" t="s">
        <v>26</v>
      </c>
      <c r="F199" s="52" t="s">
        <v>81</v>
      </c>
      <c r="G199" s="52" t="s">
        <v>82</v>
      </c>
      <c r="H199" s="4">
        <v>1</v>
      </c>
      <c r="I199" s="2">
        <v>14.65</v>
      </c>
      <c r="J199" s="52" t="s">
        <v>2463</v>
      </c>
      <c r="K199" s="71" t="s">
        <v>2464</v>
      </c>
      <c r="L199" s="52" t="s">
        <v>2063</v>
      </c>
      <c r="M199" s="72">
        <v>8220</v>
      </c>
      <c r="N199" s="52"/>
      <c r="O199" s="52"/>
      <c r="P199" s="52"/>
      <c r="Q199" s="52"/>
      <c r="R199" s="52"/>
      <c r="S199" s="52"/>
      <c r="T199" s="52"/>
      <c r="U199" s="52"/>
      <c r="V199" s="52"/>
      <c r="W199" s="52"/>
    </row>
    <row r="200" spans="1:23" x14ac:dyDescent="0.35">
      <c r="A200" s="52" t="s">
        <v>78</v>
      </c>
      <c r="B200" s="52" t="s">
        <v>79</v>
      </c>
      <c r="C200" s="3">
        <v>20</v>
      </c>
      <c r="D200" s="52" t="s">
        <v>2020</v>
      </c>
      <c r="E200" s="52" t="s">
        <v>26</v>
      </c>
      <c r="F200" s="52" t="s">
        <v>81</v>
      </c>
      <c r="G200" s="52" t="s">
        <v>82</v>
      </c>
      <c r="H200" s="4">
        <v>1</v>
      </c>
      <c r="I200" s="2">
        <v>14.65</v>
      </c>
      <c r="J200" s="52" t="s">
        <v>2465</v>
      </c>
      <c r="K200" s="71" t="s">
        <v>2466</v>
      </c>
      <c r="L200" s="52" t="s">
        <v>2063</v>
      </c>
      <c r="M200" s="72">
        <v>8559</v>
      </c>
      <c r="N200" s="52" t="s">
        <v>2076</v>
      </c>
      <c r="O200" s="52" t="s">
        <v>2077</v>
      </c>
      <c r="P200" s="52"/>
      <c r="Q200" s="52"/>
      <c r="R200" s="52"/>
      <c r="S200" s="52"/>
      <c r="T200" s="52"/>
      <c r="U200" s="52"/>
      <c r="V200" s="52"/>
      <c r="W200" s="52"/>
    </row>
    <row r="201" spans="1:23" hidden="1" x14ac:dyDescent="0.35">
      <c r="A201" s="52" t="s">
        <v>78</v>
      </c>
      <c r="B201" s="52" t="s">
        <v>79</v>
      </c>
      <c r="C201" s="3">
        <v>20</v>
      </c>
      <c r="D201" s="52" t="s">
        <v>2019</v>
      </c>
      <c r="E201" s="52" t="s">
        <v>26</v>
      </c>
      <c r="F201" s="52" t="s">
        <v>81</v>
      </c>
      <c r="G201" s="52" t="s">
        <v>82</v>
      </c>
      <c r="H201" s="4">
        <v>1</v>
      </c>
      <c r="I201" s="2">
        <v>14.65</v>
      </c>
      <c r="J201" s="52" t="s">
        <v>2467</v>
      </c>
      <c r="K201" s="71" t="s">
        <v>2468</v>
      </c>
      <c r="L201" s="52" t="s">
        <v>2063</v>
      </c>
      <c r="M201" s="72">
        <v>143</v>
      </c>
      <c r="N201" s="52" t="s">
        <v>2072</v>
      </c>
      <c r="O201" s="52" t="s">
        <v>2073</v>
      </c>
      <c r="P201" s="52"/>
      <c r="Q201" s="52"/>
      <c r="R201" s="52"/>
      <c r="S201" s="52"/>
      <c r="T201" s="52"/>
      <c r="U201" s="52"/>
      <c r="V201" s="52"/>
      <c r="W201" s="52"/>
    </row>
    <row r="202" spans="1:23" hidden="1" x14ac:dyDescent="0.35">
      <c r="A202" s="52" t="s">
        <v>78</v>
      </c>
      <c r="B202" s="52" t="s">
        <v>79</v>
      </c>
      <c r="C202" s="3">
        <v>211</v>
      </c>
      <c r="D202" s="52" t="s">
        <v>85</v>
      </c>
      <c r="E202" s="52" t="s">
        <v>26</v>
      </c>
      <c r="F202" s="52" t="s">
        <v>81</v>
      </c>
      <c r="G202" s="52" t="s">
        <v>82</v>
      </c>
      <c r="H202" s="4">
        <v>1</v>
      </c>
      <c r="I202" s="2">
        <v>14.65</v>
      </c>
      <c r="J202" s="52" t="s">
        <v>2469</v>
      </c>
      <c r="K202" s="71" t="s">
        <v>2470</v>
      </c>
      <c r="L202" s="52" t="s">
        <v>2063</v>
      </c>
      <c r="M202" s="72">
        <v>7599</v>
      </c>
      <c r="N202" s="52" t="s">
        <v>2072</v>
      </c>
      <c r="O202" s="52" t="s">
        <v>2073</v>
      </c>
      <c r="P202" s="52"/>
      <c r="Q202" s="52"/>
      <c r="R202" s="52"/>
      <c r="S202" s="52"/>
      <c r="T202" s="52"/>
      <c r="U202" s="52"/>
      <c r="V202" s="52"/>
      <c r="W202" s="52"/>
    </row>
    <row r="203" spans="1:23" hidden="1" x14ac:dyDescent="0.35">
      <c r="A203" s="52" t="s">
        <v>78</v>
      </c>
      <c r="B203" s="52" t="s">
        <v>79</v>
      </c>
      <c r="C203" s="3">
        <v>20</v>
      </c>
      <c r="D203" s="52" t="s">
        <v>80</v>
      </c>
      <c r="E203" s="52" t="s">
        <v>26</v>
      </c>
      <c r="F203" s="52" t="s">
        <v>81</v>
      </c>
      <c r="G203" s="52" t="s">
        <v>82</v>
      </c>
      <c r="H203" s="4">
        <v>1</v>
      </c>
      <c r="I203" s="2">
        <v>14.65</v>
      </c>
      <c r="J203" s="52" t="s">
        <v>2471</v>
      </c>
      <c r="K203" s="71" t="s">
        <v>2472</v>
      </c>
      <c r="L203" s="52" t="s">
        <v>2063</v>
      </c>
      <c r="M203" s="72">
        <v>6671</v>
      </c>
      <c r="N203" s="52" t="s">
        <v>2066</v>
      </c>
      <c r="O203" s="52" t="s">
        <v>2067</v>
      </c>
      <c r="P203" s="52"/>
      <c r="Q203" s="52"/>
      <c r="R203" s="52"/>
      <c r="S203" s="52"/>
      <c r="T203" s="52"/>
      <c r="U203" s="52"/>
      <c r="V203" s="52"/>
      <c r="W203" s="52"/>
    </row>
    <row r="204" spans="1:23" hidden="1" x14ac:dyDescent="0.35">
      <c r="A204" s="52" t="s">
        <v>78</v>
      </c>
      <c r="B204" s="52" t="s">
        <v>79</v>
      </c>
      <c r="C204" s="3">
        <v>10</v>
      </c>
      <c r="D204" s="52" t="s">
        <v>2019</v>
      </c>
      <c r="E204" s="52" t="s">
        <v>26</v>
      </c>
      <c r="F204" s="52" t="s">
        <v>81</v>
      </c>
      <c r="G204" s="52" t="s">
        <v>82</v>
      </c>
      <c r="H204" s="4">
        <v>1</v>
      </c>
      <c r="I204" s="2">
        <v>14.65</v>
      </c>
      <c r="J204" s="52" t="s">
        <v>2473</v>
      </c>
      <c r="K204" s="71" t="s">
        <v>2474</v>
      </c>
      <c r="L204" s="52" t="s">
        <v>2063</v>
      </c>
      <c r="M204" s="72">
        <v>3182</v>
      </c>
      <c r="N204" s="52" t="s">
        <v>2154</v>
      </c>
      <c r="O204" s="52" t="s">
        <v>2155</v>
      </c>
      <c r="P204" s="52"/>
      <c r="Q204" s="52"/>
      <c r="R204" s="52"/>
      <c r="S204" s="52"/>
      <c r="T204" s="52"/>
      <c r="U204" s="52"/>
      <c r="V204" s="52"/>
      <c r="W204" s="52"/>
    </row>
    <row r="205" spans="1:23" hidden="1" x14ac:dyDescent="0.35">
      <c r="A205" s="52" t="s">
        <v>78</v>
      </c>
      <c r="B205" s="52" t="s">
        <v>79</v>
      </c>
      <c r="C205" s="3">
        <v>211</v>
      </c>
      <c r="D205" s="52" t="s">
        <v>80</v>
      </c>
      <c r="E205" s="52" t="s">
        <v>26</v>
      </c>
      <c r="F205" s="52" t="s">
        <v>81</v>
      </c>
      <c r="G205" s="52" t="s">
        <v>82</v>
      </c>
      <c r="H205" s="4">
        <v>1</v>
      </c>
      <c r="I205" s="2">
        <v>14.65</v>
      </c>
      <c r="J205" s="52" t="s">
        <v>2475</v>
      </c>
      <c r="K205" s="71" t="s">
        <v>2476</v>
      </c>
      <c r="L205" s="52" t="s">
        <v>2063</v>
      </c>
      <c r="M205" s="72">
        <v>2848</v>
      </c>
      <c r="N205" s="52" t="s">
        <v>2066</v>
      </c>
      <c r="O205" s="52" t="s">
        <v>2067</v>
      </c>
      <c r="P205" s="52"/>
      <c r="Q205" s="52"/>
      <c r="R205" s="52"/>
      <c r="S205" s="52"/>
      <c r="T205" s="52"/>
      <c r="U205" s="52"/>
      <c r="V205" s="52"/>
      <c r="W205" s="52"/>
    </row>
    <row r="206" spans="1:23" hidden="1" x14ac:dyDescent="0.35">
      <c r="A206" s="52" t="s">
        <v>78</v>
      </c>
      <c r="B206" s="52" t="s">
        <v>79</v>
      </c>
      <c r="C206" s="3">
        <v>20</v>
      </c>
      <c r="D206" s="52" t="s">
        <v>87</v>
      </c>
      <c r="E206" s="52" t="s">
        <v>26</v>
      </c>
      <c r="F206" s="52" t="s">
        <v>81</v>
      </c>
      <c r="G206" s="52" t="s">
        <v>82</v>
      </c>
      <c r="H206" s="4">
        <v>1</v>
      </c>
      <c r="I206" s="2">
        <v>14.65</v>
      </c>
      <c r="J206" s="52" t="s">
        <v>2477</v>
      </c>
      <c r="K206" s="71" t="s">
        <v>2478</v>
      </c>
      <c r="L206" s="52" t="s">
        <v>2063</v>
      </c>
      <c r="M206" s="72">
        <v>9373</v>
      </c>
      <c r="N206" s="52" t="s">
        <v>2072</v>
      </c>
      <c r="O206" s="52" t="s">
        <v>2073</v>
      </c>
      <c r="P206" s="52"/>
      <c r="Q206" s="52"/>
      <c r="R206" s="52"/>
      <c r="S206" s="52"/>
      <c r="T206" s="52"/>
      <c r="U206" s="52"/>
      <c r="V206" s="52"/>
      <c r="W206" s="52"/>
    </row>
    <row r="207" spans="1:23" hidden="1" x14ac:dyDescent="0.35">
      <c r="A207" s="52" t="s">
        <v>78</v>
      </c>
      <c r="B207" s="52" t="s">
        <v>79</v>
      </c>
      <c r="C207" s="3">
        <v>20</v>
      </c>
      <c r="D207" s="52" t="s">
        <v>2022</v>
      </c>
      <c r="E207" s="52" t="s">
        <v>26</v>
      </c>
      <c r="F207" s="52" t="s">
        <v>81</v>
      </c>
      <c r="G207" s="52" t="s">
        <v>82</v>
      </c>
      <c r="H207" s="4">
        <v>1</v>
      </c>
      <c r="I207" s="2">
        <v>14.65</v>
      </c>
      <c r="J207" s="52" t="s">
        <v>2479</v>
      </c>
      <c r="K207" s="71" t="s">
        <v>2480</v>
      </c>
      <c r="L207" s="52" t="s">
        <v>2063</v>
      </c>
      <c r="M207" s="72">
        <v>7847</v>
      </c>
      <c r="N207" s="52" t="s">
        <v>2072</v>
      </c>
      <c r="O207" s="52" t="s">
        <v>2073</v>
      </c>
      <c r="P207" s="52"/>
      <c r="Q207" s="52"/>
      <c r="R207" s="52"/>
      <c r="S207" s="52"/>
      <c r="T207" s="52"/>
      <c r="U207" s="52"/>
      <c r="V207" s="52"/>
      <c r="W207" s="52"/>
    </row>
    <row r="208" spans="1:23" hidden="1" x14ac:dyDescent="0.35">
      <c r="A208" s="52" t="s">
        <v>78</v>
      </c>
      <c r="B208" s="52" t="s">
        <v>79</v>
      </c>
      <c r="C208" s="3">
        <v>20</v>
      </c>
      <c r="D208" s="52" t="s">
        <v>2024</v>
      </c>
      <c r="E208" s="52" t="s">
        <v>26</v>
      </c>
      <c r="F208" s="52" t="s">
        <v>81</v>
      </c>
      <c r="G208" s="52" t="s">
        <v>82</v>
      </c>
      <c r="H208" s="4">
        <v>1</v>
      </c>
      <c r="I208" s="2">
        <v>14.65</v>
      </c>
      <c r="J208" s="52" t="s">
        <v>2481</v>
      </c>
      <c r="K208" s="71" t="s">
        <v>2482</v>
      </c>
      <c r="L208" s="52" t="s">
        <v>2063</v>
      </c>
      <c r="M208" s="72">
        <v>3404</v>
      </c>
      <c r="N208" s="52"/>
      <c r="O208" s="52"/>
      <c r="P208" s="52"/>
      <c r="Q208" s="52"/>
      <c r="R208" s="52"/>
      <c r="S208" s="52"/>
      <c r="T208" s="52"/>
      <c r="U208" s="52"/>
      <c r="V208" s="52"/>
      <c r="W208" s="52"/>
    </row>
    <row r="209" spans="1:23" hidden="1" x14ac:dyDescent="0.35">
      <c r="A209" s="52" t="s">
        <v>78</v>
      </c>
      <c r="B209" s="52" t="s">
        <v>79</v>
      </c>
      <c r="C209" s="3">
        <v>10</v>
      </c>
      <c r="D209" s="52" t="s">
        <v>83</v>
      </c>
      <c r="E209" s="52" t="s">
        <v>26</v>
      </c>
      <c r="F209" s="52" t="s">
        <v>81</v>
      </c>
      <c r="G209" s="52" t="s">
        <v>82</v>
      </c>
      <c r="H209" s="4">
        <v>1</v>
      </c>
      <c r="I209" s="2">
        <v>14.65</v>
      </c>
      <c r="J209" s="52" t="s">
        <v>2483</v>
      </c>
      <c r="K209" s="71" t="s">
        <v>2484</v>
      </c>
      <c r="L209" s="52" t="s">
        <v>2063</v>
      </c>
      <c r="M209" s="72">
        <v>9069</v>
      </c>
      <c r="N209" s="52" t="s">
        <v>2072</v>
      </c>
      <c r="O209" s="52" t="s">
        <v>2073</v>
      </c>
      <c r="P209" s="52"/>
      <c r="Q209" s="52"/>
      <c r="R209" s="52"/>
      <c r="S209" s="52"/>
      <c r="T209" s="52"/>
      <c r="U209" s="52"/>
      <c r="V209" s="52"/>
      <c r="W209" s="52"/>
    </row>
    <row r="210" spans="1:23" hidden="1" x14ac:dyDescent="0.35">
      <c r="A210" s="52" t="s">
        <v>78</v>
      </c>
      <c r="B210" s="52" t="s">
        <v>79</v>
      </c>
      <c r="C210" s="3">
        <v>10</v>
      </c>
      <c r="D210" s="52" t="s">
        <v>83</v>
      </c>
      <c r="E210" s="52" t="s">
        <v>26</v>
      </c>
      <c r="F210" s="52" t="s">
        <v>81</v>
      </c>
      <c r="G210" s="52" t="s">
        <v>82</v>
      </c>
      <c r="H210" s="4">
        <v>1</v>
      </c>
      <c r="I210" s="2">
        <v>14.65</v>
      </c>
      <c r="J210" s="52" t="s">
        <v>2485</v>
      </c>
      <c r="K210" s="71" t="s">
        <v>2486</v>
      </c>
      <c r="L210" s="52" t="s">
        <v>2063</v>
      </c>
      <c r="M210" s="72">
        <v>5527</v>
      </c>
      <c r="N210" s="52" t="s">
        <v>2072</v>
      </c>
      <c r="O210" s="52" t="s">
        <v>2073</v>
      </c>
      <c r="P210" s="52"/>
      <c r="Q210" s="52"/>
      <c r="R210" s="52"/>
      <c r="S210" s="52"/>
      <c r="T210" s="52"/>
      <c r="U210" s="52"/>
      <c r="V210" s="52"/>
      <c r="W210" s="52"/>
    </row>
    <row r="211" spans="1:23" hidden="1" x14ac:dyDescent="0.35">
      <c r="A211" s="52" t="s">
        <v>78</v>
      </c>
      <c r="B211" s="52" t="s">
        <v>79</v>
      </c>
      <c r="C211" s="3">
        <v>20</v>
      </c>
      <c r="D211" s="52" t="s">
        <v>2021</v>
      </c>
      <c r="E211" s="52" t="s">
        <v>26</v>
      </c>
      <c r="F211" s="52" t="s">
        <v>81</v>
      </c>
      <c r="G211" s="52" t="s">
        <v>82</v>
      </c>
      <c r="H211" s="4">
        <v>1</v>
      </c>
      <c r="I211" s="2">
        <v>14.65</v>
      </c>
      <c r="J211" s="52" t="s">
        <v>2487</v>
      </c>
      <c r="K211" s="71" t="s">
        <v>2488</v>
      </c>
      <c r="L211" s="52" t="s">
        <v>2063</v>
      </c>
      <c r="M211" s="72">
        <v>6829</v>
      </c>
      <c r="N211" s="52"/>
      <c r="O211" s="52"/>
      <c r="P211" s="52"/>
      <c r="Q211" s="52"/>
      <c r="R211" s="52"/>
      <c r="S211" s="52"/>
      <c r="T211" s="52"/>
      <c r="U211" s="52"/>
      <c r="V211" s="52"/>
      <c r="W211" s="52"/>
    </row>
    <row r="212" spans="1:23" x14ac:dyDescent="0.35">
      <c r="A212" s="52" t="s">
        <v>78</v>
      </c>
      <c r="B212" s="52" t="s">
        <v>79</v>
      </c>
      <c r="C212" s="3">
        <v>10</v>
      </c>
      <c r="D212" s="52" t="s">
        <v>2021</v>
      </c>
      <c r="E212" s="52" t="s">
        <v>26</v>
      </c>
      <c r="F212" s="52" t="s">
        <v>81</v>
      </c>
      <c r="G212" s="52" t="s">
        <v>82</v>
      </c>
      <c r="H212" s="4">
        <v>1</v>
      </c>
      <c r="I212" s="2">
        <v>14.65</v>
      </c>
      <c r="J212" s="52" t="s">
        <v>2489</v>
      </c>
      <c r="K212" s="71" t="s">
        <v>2490</v>
      </c>
      <c r="L212" s="52" t="s">
        <v>2063</v>
      </c>
      <c r="M212" s="72">
        <v>1223</v>
      </c>
      <c r="N212" s="52" t="s">
        <v>2076</v>
      </c>
      <c r="O212" s="52" t="s">
        <v>2077</v>
      </c>
      <c r="P212" s="52" t="s">
        <v>2072</v>
      </c>
      <c r="Q212" s="52" t="s">
        <v>2073</v>
      </c>
      <c r="R212" s="52"/>
      <c r="S212" s="52"/>
      <c r="T212" s="52"/>
      <c r="U212" s="52"/>
      <c r="V212" s="52"/>
      <c r="W212" s="52"/>
    </row>
    <row r="213" spans="1:23" x14ac:dyDescent="0.35">
      <c r="A213" s="52" t="s">
        <v>78</v>
      </c>
      <c r="B213" s="52" t="s">
        <v>79</v>
      </c>
      <c r="C213" s="3">
        <v>10</v>
      </c>
      <c r="D213" s="52" t="s">
        <v>2019</v>
      </c>
      <c r="E213" s="52" t="s">
        <v>26</v>
      </c>
      <c r="F213" s="52" t="s">
        <v>81</v>
      </c>
      <c r="G213" s="52" t="s">
        <v>82</v>
      </c>
      <c r="H213" s="4">
        <v>1</v>
      </c>
      <c r="I213" s="2">
        <v>14.65</v>
      </c>
      <c r="J213" s="52" t="s">
        <v>2491</v>
      </c>
      <c r="K213" s="71" t="s">
        <v>2492</v>
      </c>
      <c r="L213" s="52" t="s">
        <v>2063</v>
      </c>
      <c r="M213" s="72">
        <v>3787</v>
      </c>
      <c r="N213" s="52" t="s">
        <v>2076</v>
      </c>
      <c r="O213" s="52" t="s">
        <v>2077</v>
      </c>
      <c r="P213" s="52"/>
      <c r="Q213" s="52"/>
      <c r="R213" s="52"/>
      <c r="S213" s="52"/>
      <c r="T213" s="52"/>
      <c r="U213" s="52"/>
      <c r="V213" s="52"/>
      <c r="W213" s="52"/>
    </row>
    <row r="214" spans="1:23" hidden="1" x14ac:dyDescent="0.35">
      <c r="A214" s="52" t="s">
        <v>78</v>
      </c>
      <c r="B214" s="52" t="s">
        <v>79</v>
      </c>
      <c r="C214" s="3">
        <v>10</v>
      </c>
      <c r="D214" s="52" t="s">
        <v>2024</v>
      </c>
      <c r="E214" s="52" t="s">
        <v>26</v>
      </c>
      <c r="F214" s="52" t="s">
        <v>81</v>
      </c>
      <c r="G214" s="52" t="s">
        <v>82</v>
      </c>
      <c r="H214" s="4">
        <v>1</v>
      </c>
      <c r="I214" s="2">
        <v>14.65</v>
      </c>
      <c r="J214" s="52" t="s">
        <v>2493</v>
      </c>
      <c r="K214" s="71" t="s">
        <v>2494</v>
      </c>
      <c r="L214" s="52" t="s">
        <v>2063</v>
      </c>
      <c r="M214" s="72">
        <v>541</v>
      </c>
      <c r="N214" s="52" t="s">
        <v>2072</v>
      </c>
      <c r="O214" s="52" t="s">
        <v>2073</v>
      </c>
      <c r="P214" s="52"/>
      <c r="Q214" s="52"/>
      <c r="R214" s="52"/>
      <c r="S214" s="52"/>
      <c r="T214" s="52"/>
      <c r="U214" s="52"/>
      <c r="V214" s="52"/>
      <c r="W214" s="52"/>
    </row>
    <row r="215" spans="1:23" hidden="1" x14ac:dyDescent="0.35">
      <c r="A215" s="52" t="s">
        <v>78</v>
      </c>
      <c r="B215" s="52" t="s">
        <v>79</v>
      </c>
      <c r="C215" s="3">
        <v>20</v>
      </c>
      <c r="D215" s="52" t="s">
        <v>2019</v>
      </c>
      <c r="E215" s="52" t="s">
        <v>26</v>
      </c>
      <c r="F215" s="52" t="s">
        <v>81</v>
      </c>
      <c r="G215" s="52" t="s">
        <v>82</v>
      </c>
      <c r="H215" s="4">
        <v>1</v>
      </c>
      <c r="I215" s="2">
        <v>14.65</v>
      </c>
      <c r="J215" s="52" t="s">
        <v>2495</v>
      </c>
      <c r="K215" s="71" t="s">
        <v>2496</v>
      </c>
      <c r="L215" s="52" t="s">
        <v>2063</v>
      </c>
      <c r="M215" s="72">
        <v>4612</v>
      </c>
      <c r="N215" s="52" t="s">
        <v>2072</v>
      </c>
      <c r="O215" s="52" t="s">
        <v>2073</v>
      </c>
      <c r="P215" s="52"/>
      <c r="Q215" s="52"/>
      <c r="R215" s="52"/>
      <c r="S215" s="52"/>
      <c r="T215" s="52"/>
      <c r="U215" s="52"/>
      <c r="V215" s="52"/>
      <c r="W215" s="52"/>
    </row>
    <row r="216" spans="1:23" hidden="1" x14ac:dyDescent="0.35">
      <c r="A216" s="52" t="s">
        <v>78</v>
      </c>
      <c r="B216" s="52" t="s">
        <v>79</v>
      </c>
      <c r="C216" s="3">
        <v>10</v>
      </c>
      <c r="D216" s="52" t="s">
        <v>85</v>
      </c>
      <c r="E216" s="52" t="s">
        <v>26</v>
      </c>
      <c r="F216" s="52" t="s">
        <v>81</v>
      </c>
      <c r="G216" s="52" t="s">
        <v>82</v>
      </c>
      <c r="H216" s="4">
        <v>1</v>
      </c>
      <c r="I216" s="2">
        <v>14.65</v>
      </c>
      <c r="J216" s="52" t="s">
        <v>2497</v>
      </c>
      <c r="K216" s="71" t="s">
        <v>2498</v>
      </c>
      <c r="L216" s="52" t="s">
        <v>2063</v>
      </c>
      <c r="M216" s="72">
        <v>2256</v>
      </c>
      <c r="N216" s="52" t="s">
        <v>2066</v>
      </c>
      <c r="O216" s="52" t="s">
        <v>2067</v>
      </c>
      <c r="P216" s="52"/>
      <c r="Q216" s="52"/>
      <c r="R216" s="52"/>
      <c r="S216" s="52"/>
      <c r="T216" s="52"/>
      <c r="U216" s="52"/>
      <c r="V216" s="52"/>
      <c r="W216" s="52"/>
    </row>
    <row r="217" spans="1:23" hidden="1" x14ac:dyDescent="0.35">
      <c r="A217" s="52" t="s">
        <v>78</v>
      </c>
      <c r="B217" s="52" t="s">
        <v>79</v>
      </c>
      <c r="C217" s="3">
        <v>20</v>
      </c>
      <c r="D217" s="52" t="s">
        <v>84</v>
      </c>
      <c r="E217" s="52" t="s">
        <v>26</v>
      </c>
      <c r="F217" s="52" t="s">
        <v>81</v>
      </c>
      <c r="G217" s="52" t="s">
        <v>82</v>
      </c>
      <c r="H217" s="4">
        <v>1</v>
      </c>
      <c r="I217" s="2">
        <v>14.65</v>
      </c>
      <c r="J217" s="52" t="s">
        <v>2499</v>
      </c>
      <c r="K217" s="71" t="s">
        <v>2500</v>
      </c>
      <c r="L217" s="52" t="s">
        <v>2063</v>
      </c>
      <c r="M217" s="72">
        <v>8873</v>
      </c>
      <c r="N217" s="52" t="s">
        <v>2158</v>
      </c>
      <c r="O217" s="52" t="s">
        <v>2159</v>
      </c>
      <c r="P217" s="52"/>
      <c r="Q217" s="52"/>
      <c r="R217" s="52"/>
      <c r="S217" s="52"/>
      <c r="T217" s="52"/>
      <c r="U217" s="52"/>
      <c r="V217" s="52"/>
      <c r="W217" s="52"/>
    </row>
    <row r="218" spans="1:23" hidden="1" x14ac:dyDescent="0.35">
      <c r="A218" s="52" t="s">
        <v>78</v>
      </c>
      <c r="B218" s="52" t="s">
        <v>79</v>
      </c>
      <c r="C218" s="3">
        <v>10</v>
      </c>
      <c r="D218" s="52" t="s">
        <v>2024</v>
      </c>
      <c r="E218" s="52" t="s">
        <v>26</v>
      </c>
      <c r="F218" s="52" t="s">
        <v>81</v>
      </c>
      <c r="G218" s="52" t="s">
        <v>82</v>
      </c>
      <c r="H218" s="4">
        <v>1</v>
      </c>
      <c r="I218" s="2">
        <v>14.65</v>
      </c>
      <c r="J218" s="52" t="s">
        <v>2501</v>
      </c>
      <c r="K218" s="71" t="s">
        <v>2502</v>
      </c>
      <c r="L218" s="52" t="s">
        <v>2063</v>
      </c>
      <c r="M218" s="72">
        <v>9641</v>
      </c>
      <c r="N218" s="52" t="s">
        <v>2072</v>
      </c>
      <c r="O218" s="52" t="s">
        <v>2073</v>
      </c>
      <c r="P218" s="52"/>
      <c r="Q218" s="52"/>
      <c r="R218" s="52"/>
      <c r="S218" s="52"/>
      <c r="T218" s="52"/>
      <c r="U218" s="52"/>
      <c r="V218" s="52"/>
      <c r="W218" s="52"/>
    </row>
    <row r="219" spans="1:23" hidden="1" x14ac:dyDescent="0.35">
      <c r="A219" s="52" t="s">
        <v>78</v>
      </c>
      <c r="B219" s="52" t="s">
        <v>79</v>
      </c>
      <c r="C219" s="3">
        <v>10</v>
      </c>
      <c r="D219" s="52" t="s">
        <v>85</v>
      </c>
      <c r="E219" s="52" t="s">
        <v>26</v>
      </c>
      <c r="F219" s="52" t="s">
        <v>81</v>
      </c>
      <c r="G219" s="52" t="s">
        <v>82</v>
      </c>
      <c r="H219" s="4">
        <v>1</v>
      </c>
      <c r="I219" s="2">
        <v>14.65</v>
      </c>
      <c r="J219" s="52" t="s">
        <v>2503</v>
      </c>
      <c r="K219" s="71" t="s">
        <v>2504</v>
      </c>
      <c r="L219" s="52" t="s">
        <v>2063</v>
      </c>
      <c r="M219" s="72">
        <v>7335</v>
      </c>
      <c r="N219" s="52" t="s">
        <v>2066</v>
      </c>
      <c r="O219" s="52" t="s">
        <v>2067</v>
      </c>
      <c r="P219" s="52"/>
      <c r="Q219" s="52"/>
      <c r="R219" s="52"/>
      <c r="S219" s="52"/>
      <c r="T219" s="52"/>
      <c r="U219" s="52"/>
      <c r="V219" s="52"/>
      <c r="W219" s="52"/>
    </row>
    <row r="220" spans="1:23" hidden="1" x14ac:dyDescent="0.35">
      <c r="A220" s="52" t="s">
        <v>78</v>
      </c>
      <c r="B220" s="52" t="s">
        <v>79</v>
      </c>
      <c r="C220" s="3">
        <v>20</v>
      </c>
      <c r="D220" s="52" t="s">
        <v>80</v>
      </c>
      <c r="E220" s="52" t="s">
        <v>26</v>
      </c>
      <c r="F220" s="52" t="s">
        <v>81</v>
      </c>
      <c r="G220" s="52" t="s">
        <v>82</v>
      </c>
      <c r="H220" s="4">
        <v>1</v>
      </c>
      <c r="I220" s="2">
        <v>14.65</v>
      </c>
      <c r="J220" s="52" t="s">
        <v>2300</v>
      </c>
      <c r="K220" s="71" t="s">
        <v>2505</v>
      </c>
      <c r="L220" s="52" t="s">
        <v>2063</v>
      </c>
      <c r="M220" s="72">
        <v>1620</v>
      </c>
      <c r="N220" s="52"/>
      <c r="O220" s="52"/>
      <c r="P220" s="52"/>
      <c r="Q220" s="52"/>
      <c r="R220" s="52"/>
      <c r="S220" s="52"/>
      <c r="T220" s="52"/>
      <c r="U220" s="52"/>
      <c r="V220" s="52"/>
      <c r="W220" s="52"/>
    </row>
    <row r="221" spans="1:23" hidden="1" x14ac:dyDescent="0.35">
      <c r="A221" s="52" t="s">
        <v>78</v>
      </c>
      <c r="B221" s="52" t="s">
        <v>79</v>
      </c>
      <c r="C221" s="3">
        <v>10</v>
      </c>
      <c r="D221" s="52" t="s">
        <v>84</v>
      </c>
      <c r="E221" s="52" t="s">
        <v>26</v>
      </c>
      <c r="F221" s="52" t="s">
        <v>81</v>
      </c>
      <c r="G221" s="52" t="s">
        <v>82</v>
      </c>
      <c r="H221" s="4">
        <v>1</v>
      </c>
      <c r="I221" s="2">
        <v>14.65</v>
      </c>
      <c r="J221" s="52" t="s">
        <v>2093</v>
      </c>
      <c r="K221" s="71" t="s">
        <v>2506</v>
      </c>
      <c r="L221" s="52" t="s">
        <v>2063</v>
      </c>
      <c r="M221" s="72">
        <v>3931</v>
      </c>
      <c r="N221" s="52" t="s">
        <v>2072</v>
      </c>
      <c r="O221" s="52" t="s">
        <v>2073</v>
      </c>
      <c r="P221" s="52"/>
      <c r="Q221" s="52"/>
      <c r="R221" s="52"/>
      <c r="S221" s="52"/>
      <c r="T221" s="52"/>
      <c r="U221" s="52"/>
      <c r="V221" s="52"/>
      <c r="W221" s="52"/>
    </row>
    <row r="222" spans="1:23" hidden="1" x14ac:dyDescent="0.35">
      <c r="A222" s="52" t="s">
        <v>78</v>
      </c>
      <c r="B222" s="52" t="s">
        <v>79</v>
      </c>
      <c r="C222" s="3">
        <v>20</v>
      </c>
      <c r="D222" s="52" t="s">
        <v>80</v>
      </c>
      <c r="E222" s="52" t="s">
        <v>26</v>
      </c>
      <c r="F222" s="52" t="s">
        <v>81</v>
      </c>
      <c r="G222" s="52" t="s">
        <v>82</v>
      </c>
      <c r="H222" s="4">
        <v>1</v>
      </c>
      <c r="I222" s="2">
        <v>14.65</v>
      </c>
      <c r="J222" s="52" t="s">
        <v>2507</v>
      </c>
      <c r="K222" s="71" t="s">
        <v>2508</v>
      </c>
      <c r="L222" s="52" t="s">
        <v>2063</v>
      </c>
      <c r="M222" s="72">
        <v>7603</v>
      </c>
      <c r="N222" s="52"/>
      <c r="O222" s="52"/>
      <c r="P222" s="52"/>
      <c r="Q222" s="52"/>
      <c r="R222" s="52"/>
      <c r="S222" s="52"/>
      <c r="T222" s="52"/>
      <c r="U222" s="52"/>
      <c r="V222" s="52"/>
      <c r="W222" s="52"/>
    </row>
    <row r="223" spans="1:23" hidden="1" x14ac:dyDescent="0.35">
      <c r="A223" s="52" t="s">
        <v>78</v>
      </c>
      <c r="B223" s="52" t="s">
        <v>79</v>
      </c>
      <c r="C223" s="3">
        <v>212</v>
      </c>
      <c r="D223" s="52" t="s">
        <v>85</v>
      </c>
      <c r="E223" s="52" t="s">
        <v>26</v>
      </c>
      <c r="F223" s="52" t="s">
        <v>81</v>
      </c>
      <c r="G223" s="52" t="s">
        <v>82</v>
      </c>
      <c r="H223" s="4">
        <v>1</v>
      </c>
      <c r="I223" s="2">
        <v>14.65</v>
      </c>
      <c r="J223" s="52" t="s">
        <v>2509</v>
      </c>
      <c r="K223" s="71" t="s">
        <v>2510</v>
      </c>
      <c r="L223" s="52" t="s">
        <v>2063</v>
      </c>
      <c r="M223" s="72">
        <v>1088</v>
      </c>
      <c r="N223" s="52" t="s">
        <v>2066</v>
      </c>
      <c r="O223" s="52" t="s">
        <v>2067</v>
      </c>
      <c r="P223" s="52"/>
      <c r="Q223" s="52"/>
      <c r="R223" s="52"/>
      <c r="S223" s="52"/>
      <c r="T223" s="52"/>
      <c r="U223" s="52"/>
      <c r="V223" s="52"/>
      <c r="W223" s="52"/>
    </row>
    <row r="224" spans="1:23" hidden="1" x14ac:dyDescent="0.35">
      <c r="A224" s="52" t="s">
        <v>78</v>
      </c>
      <c r="B224" s="52" t="s">
        <v>79</v>
      </c>
      <c r="C224" s="3">
        <v>10</v>
      </c>
      <c r="D224" s="52" t="s">
        <v>83</v>
      </c>
      <c r="E224" s="52" t="s">
        <v>26</v>
      </c>
      <c r="F224" s="52" t="s">
        <v>81</v>
      </c>
      <c r="G224" s="52" t="s">
        <v>82</v>
      </c>
      <c r="H224" s="4">
        <v>1</v>
      </c>
      <c r="I224" s="2">
        <v>14.65</v>
      </c>
      <c r="J224" s="52" t="s">
        <v>2511</v>
      </c>
      <c r="K224" s="71" t="s">
        <v>2512</v>
      </c>
      <c r="L224" s="52" t="s">
        <v>2063</v>
      </c>
      <c r="M224" s="72">
        <v>6958</v>
      </c>
      <c r="N224" s="52" t="s">
        <v>2072</v>
      </c>
      <c r="O224" s="52" t="s">
        <v>2073</v>
      </c>
      <c r="P224" s="52"/>
      <c r="Q224" s="52"/>
      <c r="R224" s="52"/>
      <c r="S224" s="52"/>
      <c r="T224" s="52"/>
      <c r="U224" s="52"/>
      <c r="V224" s="52"/>
      <c r="W224" s="52"/>
    </row>
    <row r="225" spans="1:23" hidden="1" x14ac:dyDescent="0.35">
      <c r="A225" s="52" t="s">
        <v>78</v>
      </c>
      <c r="B225" s="52" t="s">
        <v>79</v>
      </c>
      <c r="C225" s="3">
        <v>10</v>
      </c>
      <c r="D225" s="52" t="s">
        <v>2022</v>
      </c>
      <c r="E225" s="52" t="s">
        <v>26</v>
      </c>
      <c r="F225" s="52" t="s">
        <v>81</v>
      </c>
      <c r="G225" s="52" t="s">
        <v>82</v>
      </c>
      <c r="H225" s="4">
        <v>1</v>
      </c>
      <c r="I225" s="2">
        <v>14.65</v>
      </c>
      <c r="J225" s="52" t="s">
        <v>2513</v>
      </c>
      <c r="K225" s="71" t="s">
        <v>2514</v>
      </c>
      <c r="L225" s="52" t="s">
        <v>2063</v>
      </c>
      <c r="M225" s="72">
        <v>1739</v>
      </c>
      <c r="N225" s="52" t="s">
        <v>2066</v>
      </c>
      <c r="O225" s="52" t="s">
        <v>2067</v>
      </c>
      <c r="P225" s="52"/>
      <c r="Q225" s="52"/>
      <c r="R225" s="52"/>
      <c r="S225" s="52"/>
      <c r="T225" s="52"/>
      <c r="U225" s="52"/>
      <c r="V225" s="52"/>
      <c r="W225" s="52"/>
    </row>
    <row r="226" spans="1:23" hidden="1" x14ac:dyDescent="0.35">
      <c r="A226" s="52" t="s">
        <v>78</v>
      </c>
      <c r="B226" s="52" t="s">
        <v>79</v>
      </c>
      <c r="C226" s="3">
        <v>10</v>
      </c>
      <c r="D226" s="52" t="s">
        <v>2019</v>
      </c>
      <c r="E226" s="52" t="s">
        <v>26</v>
      </c>
      <c r="F226" s="52" t="s">
        <v>81</v>
      </c>
      <c r="G226" s="52" t="s">
        <v>82</v>
      </c>
      <c r="H226" s="4">
        <v>1</v>
      </c>
      <c r="I226" s="2">
        <v>14.65</v>
      </c>
      <c r="J226" s="52" t="s">
        <v>2106</v>
      </c>
      <c r="K226" s="71" t="s">
        <v>2515</v>
      </c>
      <c r="L226" s="52" t="s">
        <v>2095</v>
      </c>
      <c r="M226" s="72">
        <v>2427</v>
      </c>
      <c r="N226" s="52"/>
      <c r="O226" s="52"/>
      <c r="P226" s="52"/>
      <c r="Q226" s="52"/>
      <c r="R226" s="52"/>
      <c r="S226" s="52"/>
      <c r="T226" s="52"/>
      <c r="U226" s="52"/>
      <c r="V226" s="52"/>
      <c r="W226" s="52"/>
    </row>
    <row r="227" spans="1:23" hidden="1" x14ac:dyDescent="0.35">
      <c r="A227" s="52" t="s">
        <v>78</v>
      </c>
      <c r="B227" s="52" t="s">
        <v>79</v>
      </c>
      <c r="C227" s="3">
        <v>20</v>
      </c>
      <c r="D227" s="52" t="s">
        <v>85</v>
      </c>
      <c r="E227" s="52" t="s">
        <v>26</v>
      </c>
      <c r="F227" s="52" t="s">
        <v>81</v>
      </c>
      <c r="G227" s="52" t="s">
        <v>82</v>
      </c>
      <c r="H227" s="4">
        <v>1</v>
      </c>
      <c r="I227" s="2">
        <v>14.65</v>
      </c>
      <c r="J227" s="52" t="s">
        <v>2516</v>
      </c>
      <c r="K227" s="71" t="s">
        <v>2517</v>
      </c>
      <c r="L227" s="52" t="s">
        <v>2095</v>
      </c>
      <c r="M227" s="72">
        <v>6902</v>
      </c>
      <c r="N227" s="52"/>
      <c r="O227" s="52"/>
      <c r="P227" s="52"/>
      <c r="Q227" s="52"/>
      <c r="R227" s="52"/>
      <c r="S227" s="52"/>
      <c r="T227" s="52"/>
      <c r="U227" s="52"/>
      <c r="V227" s="52"/>
      <c r="W227" s="52"/>
    </row>
    <row r="228" spans="1:23" hidden="1" x14ac:dyDescent="0.35">
      <c r="A228" s="52" t="s">
        <v>78</v>
      </c>
      <c r="B228" s="52" t="s">
        <v>79</v>
      </c>
      <c r="C228" s="3">
        <v>10</v>
      </c>
      <c r="D228" s="52" t="s">
        <v>2022</v>
      </c>
      <c r="E228" s="52" t="s">
        <v>26</v>
      </c>
      <c r="F228" s="52" t="s">
        <v>81</v>
      </c>
      <c r="G228" s="52" t="s">
        <v>82</v>
      </c>
      <c r="H228" s="4">
        <v>1</v>
      </c>
      <c r="I228" s="2">
        <v>14.65</v>
      </c>
      <c r="J228" s="52" t="s">
        <v>2518</v>
      </c>
      <c r="K228" s="71" t="s">
        <v>2519</v>
      </c>
      <c r="L228" s="52" t="s">
        <v>2063</v>
      </c>
      <c r="M228" s="72">
        <v>9158</v>
      </c>
      <c r="N228" s="52" t="s">
        <v>2072</v>
      </c>
      <c r="O228" s="52" t="s">
        <v>2073</v>
      </c>
      <c r="P228" s="52"/>
      <c r="Q228" s="52"/>
      <c r="R228" s="52"/>
      <c r="S228" s="52"/>
      <c r="T228" s="52"/>
      <c r="U228" s="52"/>
      <c r="V228" s="52"/>
      <c r="W228" s="52"/>
    </row>
    <row r="229" spans="1:23" hidden="1" x14ac:dyDescent="0.35">
      <c r="A229" s="52" t="s">
        <v>78</v>
      </c>
      <c r="B229" s="52" t="s">
        <v>79</v>
      </c>
      <c r="C229" s="3">
        <v>211</v>
      </c>
      <c r="D229" s="52" t="s">
        <v>83</v>
      </c>
      <c r="E229" s="52" t="s">
        <v>26</v>
      </c>
      <c r="F229" s="52" t="s">
        <v>81</v>
      </c>
      <c r="G229" s="52" t="s">
        <v>82</v>
      </c>
      <c r="H229" s="4">
        <v>1</v>
      </c>
      <c r="I229" s="2">
        <v>14.65</v>
      </c>
      <c r="J229" s="52" t="s">
        <v>2520</v>
      </c>
      <c r="K229" s="71" t="s">
        <v>2521</v>
      </c>
      <c r="L229" s="52" t="s">
        <v>2063</v>
      </c>
      <c r="M229" s="72">
        <v>3553</v>
      </c>
      <c r="N229" s="52" t="s">
        <v>2066</v>
      </c>
      <c r="O229" s="52" t="s">
        <v>2067</v>
      </c>
      <c r="P229" s="52"/>
      <c r="Q229" s="52"/>
      <c r="R229" s="52"/>
      <c r="S229" s="52"/>
      <c r="T229" s="52"/>
      <c r="U229" s="52"/>
      <c r="V229" s="52"/>
      <c r="W229" s="52"/>
    </row>
    <row r="230" spans="1:23" hidden="1" x14ac:dyDescent="0.35">
      <c r="A230" s="52" t="s">
        <v>78</v>
      </c>
      <c r="B230" s="52" t="s">
        <v>79</v>
      </c>
      <c r="C230" s="3">
        <v>211</v>
      </c>
      <c r="D230" s="52" t="s">
        <v>2022</v>
      </c>
      <c r="E230" s="52" t="s">
        <v>26</v>
      </c>
      <c r="F230" s="52" t="s">
        <v>81</v>
      </c>
      <c r="G230" s="52" t="s">
        <v>82</v>
      </c>
      <c r="H230" s="4">
        <v>1</v>
      </c>
      <c r="I230" s="2">
        <v>14.65</v>
      </c>
      <c r="J230" s="52" t="s">
        <v>2522</v>
      </c>
      <c r="K230" s="71" t="s">
        <v>2523</v>
      </c>
      <c r="L230" s="52" t="s">
        <v>2095</v>
      </c>
      <c r="M230" s="72">
        <v>6008</v>
      </c>
      <c r="N230" s="52"/>
      <c r="O230" s="52"/>
      <c r="P230" s="52"/>
      <c r="Q230" s="52"/>
      <c r="R230" s="52"/>
      <c r="S230" s="52"/>
      <c r="T230" s="52"/>
      <c r="U230" s="52"/>
      <c r="V230" s="52"/>
      <c r="W230" s="52"/>
    </row>
    <row r="231" spans="1:23" hidden="1" x14ac:dyDescent="0.35">
      <c r="A231" s="52" t="s">
        <v>78</v>
      </c>
      <c r="B231" s="52" t="s">
        <v>79</v>
      </c>
      <c r="C231" s="3">
        <v>20</v>
      </c>
      <c r="D231" s="52" t="s">
        <v>86</v>
      </c>
      <c r="E231" s="52" t="s">
        <v>26</v>
      </c>
      <c r="F231" s="52" t="s">
        <v>81</v>
      </c>
      <c r="G231" s="52" t="s">
        <v>82</v>
      </c>
      <c r="H231" s="4">
        <v>1</v>
      </c>
      <c r="I231" s="2">
        <v>14.65</v>
      </c>
      <c r="J231" s="52" t="s">
        <v>2524</v>
      </c>
      <c r="K231" s="71" t="s">
        <v>2525</v>
      </c>
      <c r="L231" s="52" t="s">
        <v>2063</v>
      </c>
      <c r="M231" s="72">
        <v>386</v>
      </c>
      <c r="N231" s="52"/>
      <c r="O231" s="52"/>
      <c r="P231" s="52"/>
      <c r="Q231" s="52"/>
      <c r="R231" s="52"/>
      <c r="S231" s="52"/>
      <c r="T231" s="52"/>
      <c r="U231" s="52"/>
      <c r="V231" s="52"/>
      <c r="W231" s="52"/>
    </row>
    <row r="232" spans="1:23" hidden="1" x14ac:dyDescent="0.35">
      <c r="A232" s="52" t="s">
        <v>78</v>
      </c>
      <c r="B232" s="52" t="s">
        <v>79</v>
      </c>
      <c r="C232" s="3">
        <v>20</v>
      </c>
      <c r="D232" s="52" t="s">
        <v>80</v>
      </c>
      <c r="E232" s="52" t="s">
        <v>26</v>
      </c>
      <c r="F232" s="52" t="s">
        <v>81</v>
      </c>
      <c r="G232" s="52" t="s">
        <v>82</v>
      </c>
      <c r="H232" s="4">
        <v>1</v>
      </c>
      <c r="I232" s="2">
        <v>14.65</v>
      </c>
      <c r="J232" s="52" t="s">
        <v>2061</v>
      </c>
      <c r="K232" s="71" t="s">
        <v>2526</v>
      </c>
      <c r="L232" s="52" t="s">
        <v>2063</v>
      </c>
      <c r="M232" s="72">
        <v>6947</v>
      </c>
      <c r="N232" s="52"/>
      <c r="O232" s="52"/>
      <c r="P232" s="52"/>
      <c r="Q232" s="52"/>
      <c r="R232" s="52"/>
      <c r="S232" s="52"/>
      <c r="T232" s="52"/>
      <c r="U232" s="52"/>
      <c r="V232" s="52"/>
      <c r="W232" s="52"/>
    </row>
    <row r="233" spans="1:23" hidden="1" x14ac:dyDescent="0.35">
      <c r="A233" s="52" t="s">
        <v>78</v>
      </c>
      <c r="B233" s="52" t="s">
        <v>79</v>
      </c>
      <c r="C233" s="3">
        <v>20</v>
      </c>
      <c r="D233" s="52" t="s">
        <v>2022</v>
      </c>
      <c r="E233" s="52" t="s">
        <v>26</v>
      </c>
      <c r="F233" s="52" t="s">
        <v>81</v>
      </c>
      <c r="G233" s="52" t="s">
        <v>82</v>
      </c>
      <c r="H233" s="4">
        <v>1</v>
      </c>
      <c r="I233" s="2">
        <v>14.65</v>
      </c>
      <c r="J233" s="52" t="s">
        <v>2527</v>
      </c>
      <c r="K233" s="71" t="s">
        <v>2528</v>
      </c>
      <c r="L233" s="52" t="s">
        <v>2063</v>
      </c>
      <c r="M233" s="72">
        <v>779</v>
      </c>
      <c r="N233" s="52" t="s">
        <v>2072</v>
      </c>
      <c r="O233" s="52" t="s">
        <v>2073</v>
      </c>
      <c r="P233" s="52"/>
      <c r="Q233" s="52"/>
      <c r="R233" s="52"/>
      <c r="S233" s="52"/>
      <c r="T233" s="52"/>
      <c r="U233" s="52"/>
      <c r="V233" s="52"/>
      <c r="W233" s="52"/>
    </row>
    <row r="234" spans="1:23" hidden="1" x14ac:dyDescent="0.35">
      <c r="A234" s="52" t="s">
        <v>78</v>
      </c>
      <c r="B234" s="52" t="s">
        <v>79</v>
      </c>
      <c r="C234" s="3">
        <v>20</v>
      </c>
      <c r="D234" s="52" t="s">
        <v>80</v>
      </c>
      <c r="E234" s="52" t="s">
        <v>26</v>
      </c>
      <c r="F234" s="52" t="s">
        <v>81</v>
      </c>
      <c r="G234" s="52" t="s">
        <v>82</v>
      </c>
      <c r="H234" s="4">
        <v>1</v>
      </c>
      <c r="I234" s="2">
        <v>14.65</v>
      </c>
      <c r="J234" s="52" t="s">
        <v>2529</v>
      </c>
      <c r="K234" s="71" t="s">
        <v>2530</v>
      </c>
      <c r="L234" s="52" t="s">
        <v>2063</v>
      </c>
      <c r="M234" s="72">
        <v>1136</v>
      </c>
      <c r="N234" s="52" t="s">
        <v>2066</v>
      </c>
      <c r="O234" s="52" t="s">
        <v>2067</v>
      </c>
      <c r="P234" s="52"/>
      <c r="Q234" s="52"/>
      <c r="R234" s="52"/>
      <c r="S234" s="52"/>
      <c r="T234" s="52"/>
      <c r="U234" s="52"/>
      <c r="V234" s="52"/>
      <c r="W234" s="52"/>
    </row>
    <row r="235" spans="1:23" hidden="1" x14ac:dyDescent="0.35">
      <c r="A235" s="52" t="s">
        <v>78</v>
      </c>
      <c r="B235" s="52" t="s">
        <v>79</v>
      </c>
      <c r="C235" s="3">
        <v>211</v>
      </c>
      <c r="D235" s="52" t="s">
        <v>2019</v>
      </c>
      <c r="E235" s="52" t="s">
        <v>26</v>
      </c>
      <c r="F235" s="52" t="s">
        <v>81</v>
      </c>
      <c r="G235" s="52" t="s">
        <v>82</v>
      </c>
      <c r="H235" s="4">
        <v>1</v>
      </c>
      <c r="I235" s="2">
        <v>14.65</v>
      </c>
      <c r="J235" s="52" t="s">
        <v>2531</v>
      </c>
      <c r="K235" s="71" t="s">
        <v>2532</v>
      </c>
      <c r="L235" s="52" t="s">
        <v>2063</v>
      </c>
      <c r="M235" s="72">
        <v>478</v>
      </c>
      <c r="N235" s="52" t="s">
        <v>2066</v>
      </c>
      <c r="O235" s="52" t="s">
        <v>2067</v>
      </c>
      <c r="P235" s="52"/>
      <c r="Q235" s="52"/>
      <c r="R235" s="52"/>
      <c r="S235" s="52"/>
      <c r="T235" s="52"/>
      <c r="U235" s="52"/>
      <c r="V235" s="52"/>
      <c r="W235" s="52"/>
    </row>
    <row r="236" spans="1:23" hidden="1" x14ac:dyDescent="0.35">
      <c r="A236" s="52" t="s">
        <v>78</v>
      </c>
      <c r="B236" s="52" t="s">
        <v>79</v>
      </c>
      <c r="C236" s="3">
        <v>20</v>
      </c>
      <c r="D236" s="52" t="s">
        <v>84</v>
      </c>
      <c r="E236" s="52" t="s">
        <v>26</v>
      </c>
      <c r="F236" s="52" t="s">
        <v>81</v>
      </c>
      <c r="G236" s="52" t="s">
        <v>82</v>
      </c>
      <c r="H236" s="4">
        <v>1</v>
      </c>
      <c r="I236" s="2">
        <v>14.65</v>
      </c>
      <c r="J236" s="52" t="s">
        <v>2533</v>
      </c>
      <c r="K236" s="71" t="s">
        <v>2534</v>
      </c>
      <c r="L236" s="52" t="s">
        <v>2063</v>
      </c>
      <c r="M236" s="72">
        <v>2738</v>
      </c>
      <c r="N236" s="52" t="s">
        <v>2158</v>
      </c>
      <c r="O236" s="52" t="s">
        <v>2159</v>
      </c>
      <c r="P236" s="52"/>
      <c r="Q236" s="52"/>
      <c r="R236" s="52"/>
      <c r="S236" s="52"/>
      <c r="T236" s="52"/>
      <c r="U236" s="52"/>
      <c r="V236" s="52"/>
      <c r="W236" s="52"/>
    </row>
    <row r="237" spans="1:23" hidden="1" x14ac:dyDescent="0.35">
      <c r="A237" s="52" t="s">
        <v>78</v>
      </c>
      <c r="B237" s="52" t="s">
        <v>79</v>
      </c>
      <c r="C237" s="3">
        <v>10</v>
      </c>
      <c r="D237" s="52" t="s">
        <v>83</v>
      </c>
      <c r="E237" s="52" t="s">
        <v>26</v>
      </c>
      <c r="F237" s="52" t="s">
        <v>81</v>
      </c>
      <c r="G237" s="52" t="s">
        <v>82</v>
      </c>
      <c r="H237" s="4">
        <v>1</v>
      </c>
      <c r="I237" s="2">
        <v>14.65</v>
      </c>
      <c r="J237" s="52" t="s">
        <v>2535</v>
      </c>
      <c r="K237" s="71" t="s">
        <v>2536</v>
      </c>
      <c r="L237" s="52" t="s">
        <v>2063</v>
      </c>
      <c r="M237" s="72">
        <v>6155</v>
      </c>
      <c r="N237" s="52" t="s">
        <v>2072</v>
      </c>
      <c r="O237" s="52" t="s">
        <v>2073</v>
      </c>
      <c r="P237" s="52"/>
      <c r="Q237" s="52"/>
      <c r="R237" s="52"/>
      <c r="S237" s="52"/>
      <c r="T237" s="52"/>
      <c r="U237" s="52"/>
      <c r="V237" s="52"/>
      <c r="W237" s="52"/>
    </row>
    <row r="238" spans="1:23" hidden="1" x14ac:dyDescent="0.35">
      <c r="A238" s="52" t="s">
        <v>78</v>
      </c>
      <c r="B238" s="52" t="s">
        <v>79</v>
      </c>
      <c r="C238" s="3">
        <v>20</v>
      </c>
      <c r="D238" s="52" t="s">
        <v>2022</v>
      </c>
      <c r="E238" s="52" t="s">
        <v>26</v>
      </c>
      <c r="F238" s="52" t="s">
        <v>81</v>
      </c>
      <c r="G238" s="52" t="s">
        <v>82</v>
      </c>
      <c r="H238" s="4">
        <v>1</v>
      </c>
      <c r="I238" s="2">
        <v>14.65</v>
      </c>
      <c r="J238" s="52" t="s">
        <v>2537</v>
      </c>
      <c r="K238" s="71" t="s">
        <v>2538</v>
      </c>
      <c r="L238" s="52" t="s">
        <v>2063</v>
      </c>
      <c r="M238" s="72">
        <v>11</v>
      </c>
      <c r="N238" s="52" t="s">
        <v>2072</v>
      </c>
      <c r="O238" s="52" t="s">
        <v>2073</v>
      </c>
      <c r="P238" s="52"/>
      <c r="Q238" s="52"/>
      <c r="R238" s="52"/>
      <c r="S238" s="52"/>
      <c r="T238" s="52"/>
      <c r="U238" s="52"/>
      <c r="V238" s="52"/>
      <c r="W238" s="52"/>
    </row>
    <row r="239" spans="1:23" hidden="1" x14ac:dyDescent="0.35">
      <c r="A239" s="52" t="s">
        <v>78</v>
      </c>
      <c r="B239" s="52" t="s">
        <v>79</v>
      </c>
      <c r="C239" s="3">
        <v>20</v>
      </c>
      <c r="D239" s="52" t="s">
        <v>2022</v>
      </c>
      <c r="E239" s="52" t="s">
        <v>26</v>
      </c>
      <c r="F239" s="52" t="s">
        <v>81</v>
      </c>
      <c r="G239" s="52" t="s">
        <v>82</v>
      </c>
      <c r="H239" s="4">
        <v>1</v>
      </c>
      <c r="I239" s="2">
        <v>14.65</v>
      </c>
      <c r="J239" s="52" t="s">
        <v>2539</v>
      </c>
      <c r="K239" s="71" t="s">
        <v>2540</v>
      </c>
      <c r="L239" s="52" t="s">
        <v>2063</v>
      </c>
      <c r="M239" s="72">
        <v>6596</v>
      </c>
      <c r="N239" s="52" t="s">
        <v>2066</v>
      </c>
      <c r="O239" s="52" t="s">
        <v>2067</v>
      </c>
      <c r="P239" s="52"/>
      <c r="Q239" s="52"/>
      <c r="R239" s="52"/>
      <c r="S239" s="52"/>
      <c r="T239" s="52"/>
      <c r="U239" s="52"/>
      <c r="V239" s="52"/>
      <c r="W239" s="52"/>
    </row>
    <row r="240" spans="1:23" hidden="1" x14ac:dyDescent="0.35">
      <c r="A240" s="52" t="s">
        <v>78</v>
      </c>
      <c r="B240" s="52" t="s">
        <v>79</v>
      </c>
      <c r="C240" s="3">
        <v>20</v>
      </c>
      <c r="D240" s="52" t="s">
        <v>2021</v>
      </c>
      <c r="E240" s="52" t="s">
        <v>26</v>
      </c>
      <c r="F240" s="52" t="s">
        <v>81</v>
      </c>
      <c r="G240" s="52" t="s">
        <v>82</v>
      </c>
      <c r="H240" s="4">
        <v>1</v>
      </c>
      <c r="I240" s="2">
        <v>14.65</v>
      </c>
      <c r="J240" s="52" t="s">
        <v>2541</v>
      </c>
      <c r="K240" s="71" t="s">
        <v>2542</v>
      </c>
      <c r="L240" s="52" t="s">
        <v>2063</v>
      </c>
      <c r="M240" s="72">
        <v>5592</v>
      </c>
      <c r="N240" s="52" t="s">
        <v>2066</v>
      </c>
      <c r="O240" s="52" t="s">
        <v>2067</v>
      </c>
      <c r="P240" s="52"/>
      <c r="Q240" s="52"/>
      <c r="R240" s="52"/>
      <c r="S240" s="52"/>
      <c r="T240" s="52"/>
      <c r="U240" s="52"/>
      <c r="V240" s="52"/>
      <c r="W240" s="52"/>
    </row>
    <row r="241" spans="1:23" hidden="1" x14ac:dyDescent="0.35">
      <c r="A241" s="52" t="s">
        <v>78</v>
      </c>
      <c r="B241" s="52" t="s">
        <v>79</v>
      </c>
      <c r="C241" s="3">
        <v>10</v>
      </c>
      <c r="D241" s="52" t="s">
        <v>2020</v>
      </c>
      <c r="E241" s="52" t="s">
        <v>26</v>
      </c>
      <c r="F241" s="52" t="s">
        <v>81</v>
      </c>
      <c r="G241" s="52" t="s">
        <v>82</v>
      </c>
      <c r="H241" s="4">
        <v>1</v>
      </c>
      <c r="I241" s="2">
        <v>14.65</v>
      </c>
      <c r="J241" s="52" t="s">
        <v>2543</v>
      </c>
      <c r="K241" s="71" t="s">
        <v>2544</v>
      </c>
      <c r="L241" s="52" t="s">
        <v>2063</v>
      </c>
      <c r="M241" s="72">
        <v>4073</v>
      </c>
      <c r="N241" s="52"/>
      <c r="O241" s="52"/>
      <c r="P241" s="52"/>
      <c r="Q241" s="52"/>
      <c r="R241" s="52"/>
      <c r="S241" s="52"/>
      <c r="T241" s="52"/>
      <c r="U241" s="52"/>
      <c r="V241" s="52"/>
      <c r="W241" s="52"/>
    </row>
    <row r="242" spans="1:23" hidden="1" x14ac:dyDescent="0.35">
      <c r="A242" s="52" t="s">
        <v>78</v>
      </c>
      <c r="B242" s="52" t="s">
        <v>79</v>
      </c>
      <c r="C242" s="3">
        <v>20</v>
      </c>
      <c r="D242" s="52" t="s">
        <v>2022</v>
      </c>
      <c r="E242" s="52" t="s">
        <v>26</v>
      </c>
      <c r="F242" s="52" t="s">
        <v>81</v>
      </c>
      <c r="G242" s="52" t="s">
        <v>82</v>
      </c>
      <c r="H242" s="4">
        <v>1</v>
      </c>
      <c r="I242" s="2">
        <v>14.65</v>
      </c>
      <c r="J242" s="52" t="s">
        <v>2545</v>
      </c>
      <c r="K242" s="71" t="s">
        <v>2546</v>
      </c>
      <c r="L242" s="52" t="s">
        <v>2063</v>
      </c>
      <c r="M242" s="72">
        <v>673</v>
      </c>
      <c r="N242" s="52" t="s">
        <v>2066</v>
      </c>
      <c r="O242" s="52" t="s">
        <v>2067</v>
      </c>
      <c r="P242" s="52"/>
      <c r="Q242" s="52"/>
      <c r="R242" s="52"/>
      <c r="S242" s="52"/>
      <c r="T242" s="52"/>
      <c r="U242" s="52"/>
      <c r="V242" s="52"/>
      <c r="W242" s="52"/>
    </row>
    <row r="243" spans="1:23" hidden="1" x14ac:dyDescent="0.35">
      <c r="A243" s="52" t="s">
        <v>78</v>
      </c>
      <c r="B243" s="52" t="s">
        <v>79</v>
      </c>
      <c r="C243" s="3">
        <v>10</v>
      </c>
      <c r="D243" s="52" t="s">
        <v>2020</v>
      </c>
      <c r="E243" s="52" t="s">
        <v>26</v>
      </c>
      <c r="F243" s="52" t="s">
        <v>81</v>
      </c>
      <c r="G243" s="52" t="s">
        <v>82</v>
      </c>
      <c r="H243" s="4">
        <v>1</v>
      </c>
      <c r="I243" s="2">
        <v>14.65</v>
      </c>
      <c r="J243" s="52" t="s">
        <v>2130</v>
      </c>
      <c r="K243" s="71" t="s">
        <v>2547</v>
      </c>
      <c r="L243" s="52" t="s">
        <v>2063</v>
      </c>
      <c r="M243" s="72">
        <v>429</v>
      </c>
      <c r="N243" s="52"/>
      <c r="O243" s="52"/>
      <c r="P243" s="52"/>
      <c r="Q243" s="52"/>
      <c r="R243" s="52"/>
      <c r="S243" s="52"/>
      <c r="T243" s="52"/>
      <c r="U243" s="52"/>
      <c r="V243" s="52"/>
      <c r="W243" s="52"/>
    </row>
    <row r="244" spans="1:23" hidden="1" x14ac:dyDescent="0.35">
      <c r="A244" s="52" t="s">
        <v>78</v>
      </c>
      <c r="B244" s="52" t="s">
        <v>79</v>
      </c>
      <c r="C244" s="3">
        <v>10</v>
      </c>
      <c r="D244" s="52" t="s">
        <v>85</v>
      </c>
      <c r="E244" s="52" t="s">
        <v>26</v>
      </c>
      <c r="F244" s="52" t="s">
        <v>81</v>
      </c>
      <c r="G244" s="52" t="s">
        <v>82</v>
      </c>
      <c r="H244" s="4">
        <v>1</v>
      </c>
      <c r="I244" s="2">
        <v>14.65</v>
      </c>
      <c r="J244" s="52" t="s">
        <v>2548</v>
      </c>
      <c r="K244" s="71" t="s">
        <v>2549</v>
      </c>
      <c r="L244" s="52" t="s">
        <v>2063</v>
      </c>
      <c r="M244" s="72">
        <v>4809</v>
      </c>
      <c r="N244" s="52" t="s">
        <v>2066</v>
      </c>
      <c r="O244" s="52" t="s">
        <v>2067</v>
      </c>
      <c r="P244" s="52"/>
      <c r="Q244" s="52"/>
      <c r="R244" s="52"/>
      <c r="S244" s="52"/>
      <c r="T244" s="52"/>
      <c r="U244" s="52"/>
      <c r="V244" s="52"/>
      <c r="W244" s="52"/>
    </row>
    <row r="245" spans="1:23" hidden="1" x14ac:dyDescent="0.35">
      <c r="A245" s="52" t="s">
        <v>78</v>
      </c>
      <c r="B245" s="52" t="s">
        <v>79</v>
      </c>
      <c r="C245" s="3">
        <v>20</v>
      </c>
      <c r="D245" s="52" t="s">
        <v>85</v>
      </c>
      <c r="E245" s="52" t="s">
        <v>26</v>
      </c>
      <c r="F245" s="52" t="s">
        <v>81</v>
      </c>
      <c r="G245" s="52" t="s">
        <v>82</v>
      </c>
      <c r="H245" s="4">
        <v>1</v>
      </c>
      <c r="I245" s="2">
        <v>14.65</v>
      </c>
      <c r="J245" s="52" t="s">
        <v>2550</v>
      </c>
      <c r="K245" s="71" t="s">
        <v>2551</v>
      </c>
      <c r="L245" s="52" t="s">
        <v>2063</v>
      </c>
      <c r="M245" s="72">
        <v>9734</v>
      </c>
      <c r="N245" s="52" t="s">
        <v>2072</v>
      </c>
      <c r="O245" s="52" t="s">
        <v>2073</v>
      </c>
      <c r="P245" s="52" t="s">
        <v>2072</v>
      </c>
      <c r="Q245" s="52" t="s">
        <v>2073</v>
      </c>
      <c r="R245" s="52"/>
      <c r="S245" s="52"/>
      <c r="T245" s="52"/>
      <c r="U245" s="52"/>
      <c r="V245" s="52"/>
      <c r="W245" s="52"/>
    </row>
    <row r="246" spans="1:23" hidden="1" x14ac:dyDescent="0.35">
      <c r="A246" s="52" t="s">
        <v>78</v>
      </c>
      <c r="B246" s="52" t="s">
        <v>79</v>
      </c>
      <c r="C246" s="3">
        <v>212</v>
      </c>
      <c r="D246" s="52" t="s">
        <v>83</v>
      </c>
      <c r="E246" s="52" t="s">
        <v>26</v>
      </c>
      <c r="F246" s="52" t="s">
        <v>81</v>
      </c>
      <c r="G246" s="52" t="s">
        <v>82</v>
      </c>
      <c r="H246" s="4">
        <v>1</v>
      </c>
      <c r="I246" s="2">
        <v>14.65</v>
      </c>
      <c r="J246" s="52" t="s">
        <v>2552</v>
      </c>
      <c r="K246" s="71" t="s">
        <v>2553</v>
      </c>
      <c r="L246" s="52" t="s">
        <v>2063</v>
      </c>
      <c r="M246" s="72">
        <v>6838</v>
      </c>
      <c r="N246" s="52" t="s">
        <v>2158</v>
      </c>
      <c r="O246" s="52" t="s">
        <v>2159</v>
      </c>
      <c r="P246" s="52"/>
      <c r="Q246" s="52"/>
      <c r="R246" s="52"/>
      <c r="S246" s="52"/>
      <c r="T246" s="52"/>
      <c r="U246" s="52"/>
      <c r="V246" s="52"/>
      <c r="W246" s="52"/>
    </row>
    <row r="247" spans="1:23" hidden="1" x14ac:dyDescent="0.35">
      <c r="A247" s="52" t="s">
        <v>78</v>
      </c>
      <c r="B247" s="52" t="s">
        <v>79</v>
      </c>
      <c r="C247" s="3">
        <v>20</v>
      </c>
      <c r="D247" s="52" t="s">
        <v>80</v>
      </c>
      <c r="E247" s="52" t="s">
        <v>26</v>
      </c>
      <c r="F247" s="52" t="s">
        <v>81</v>
      </c>
      <c r="G247" s="52" t="s">
        <v>82</v>
      </c>
      <c r="H247" s="4">
        <v>1</v>
      </c>
      <c r="I247" s="2">
        <v>14.65</v>
      </c>
      <c r="J247" s="52" t="s">
        <v>2554</v>
      </c>
      <c r="K247" s="71" t="s">
        <v>2555</v>
      </c>
      <c r="L247" s="52" t="s">
        <v>2063</v>
      </c>
      <c r="M247" s="72">
        <v>7857</v>
      </c>
      <c r="N247" s="52" t="s">
        <v>2304</v>
      </c>
      <c r="O247" s="52" t="s">
        <v>2305</v>
      </c>
      <c r="P247" s="52"/>
      <c r="Q247" s="52"/>
      <c r="R247" s="52"/>
      <c r="S247" s="52"/>
      <c r="T247" s="52"/>
      <c r="U247" s="52"/>
      <c r="V247" s="52"/>
      <c r="W247" s="52"/>
    </row>
    <row r="248" spans="1:23" hidden="1" x14ac:dyDescent="0.35">
      <c r="A248" s="52" t="s">
        <v>78</v>
      </c>
      <c r="B248" s="52" t="s">
        <v>79</v>
      </c>
      <c r="C248" s="3">
        <v>20</v>
      </c>
      <c r="D248" s="52" t="s">
        <v>86</v>
      </c>
      <c r="E248" s="52" t="s">
        <v>26</v>
      </c>
      <c r="F248" s="52" t="s">
        <v>81</v>
      </c>
      <c r="G248" s="52" t="s">
        <v>82</v>
      </c>
      <c r="H248" s="4">
        <v>1</v>
      </c>
      <c r="I248" s="2">
        <v>14.65</v>
      </c>
      <c r="J248" s="52" t="s">
        <v>2556</v>
      </c>
      <c r="K248" s="71" t="s">
        <v>2557</v>
      </c>
      <c r="L248" s="52" t="s">
        <v>2063</v>
      </c>
      <c r="M248" s="72">
        <v>2453</v>
      </c>
      <c r="N248" s="52"/>
      <c r="O248" s="52"/>
      <c r="P248" s="52"/>
      <c r="Q248" s="52"/>
      <c r="R248" s="52"/>
      <c r="S248" s="52"/>
      <c r="T248" s="52"/>
      <c r="U248" s="52"/>
      <c r="V248" s="52"/>
      <c r="W248" s="52"/>
    </row>
    <row r="249" spans="1:23" x14ac:dyDescent="0.35">
      <c r="A249" s="52" t="s">
        <v>78</v>
      </c>
      <c r="B249" s="52" t="s">
        <v>79</v>
      </c>
      <c r="C249" s="3">
        <v>10</v>
      </c>
      <c r="D249" s="52" t="s">
        <v>2020</v>
      </c>
      <c r="E249" s="52" t="s">
        <v>26</v>
      </c>
      <c r="F249" s="52" t="s">
        <v>81</v>
      </c>
      <c r="G249" s="52" t="s">
        <v>82</v>
      </c>
      <c r="H249" s="4">
        <v>1</v>
      </c>
      <c r="I249" s="2">
        <v>14.65</v>
      </c>
      <c r="J249" s="52" t="s">
        <v>2558</v>
      </c>
      <c r="K249" s="71" t="s">
        <v>2559</v>
      </c>
      <c r="L249" s="52" t="s">
        <v>2063</v>
      </c>
      <c r="M249" s="72">
        <v>8044</v>
      </c>
      <c r="N249" s="52" t="s">
        <v>2259</v>
      </c>
      <c r="O249" s="52" t="s">
        <v>2260</v>
      </c>
      <c r="P249" s="52"/>
      <c r="Q249" s="52"/>
      <c r="R249" s="52"/>
      <c r="S249" s="52"/>
      <c r="T249" s="52"/>
      <c r="U249" s="52"/>
      <c r="V249" s="52"/>
      <c r="W249" s="52"/>
    </row>
    <row r="250" spans="1:23" hidden="1" x14ac:dyDescent="0.35">
      <c r="A250" s="52" t="s">
        <v>78</v>
      </c>
      <c r="B250" s="52" t="s">
        <v>79</v>
      </c>
      <c r="C250" s="3">
        <v>10</v>
      </c>
      <c r="D250" s="52" t="s">
        <v>87</v>
      </c>
      <c r="E250" s="52" t="s">
        <v>26</v>
      </c>
      <c r="F250" s="52" t="s">
        <v>81</v>
      </c>
      <c r="G250" s="52" t="s">
        <v>82</v>
      </c>
      <c r="H250" s="4">
        <v>1</v>
      </c>
      <c r="I250" s="2">
        <v>14.65</v>
      </c>
      <c r="J250" s="52" t="s">
        <v>2560</v>
      </c>
      <c r="K250" s="71" t="s">
        <v>2561</v>
      </c>
      <c r="L250" s="52" t="s">
        <v>2063</v>
      </c>
      <c r="M250" s="72">
        <v>6585</v>
      </c>
      <c r="N250" s="52" t="s">
        <v>2066</v>
      </c>
      <c r="O250" s="52" t="s">
        <v>2067</v>
      </c>
      <c r="P250" s="52" t="s">
        <v>2066</v>
      </c>
      <c r="Q250" s="52" t="s">
        <v>2067</v>
      </c>
      <c r="R250" s="52"/>
      <c r="S250" s="52"/>
      <c r="T250" s="52"/>
      <c r="U250" s="52"/>
      <c r="V250" s="52"/>
      <c r="W250" s="52"/>
    </row>
    <row r="251" spans="1:23" hidden="1" x14ac:dyDescent="0.35">
      <c r="A251" s="52" t="s">
        <v>78</v>
      </c>
      <c r="B251" s="52" t="s">
        <v>79</v>
      </c>
      <c r="C251" s="3">
        <v>20</v>
      </c>
      <c r="D251" s="52" t="s">
        <v>2022</v>
      </c>
      <c r="E251" s="52" t="s">
        <v>26</v>
      </c>
      <c r="F251" s="52" t="s">
        <v>81</v>
      </c>
      <c r="G251" s="52" t="s">
        <v>82</v>
      </c>
      <c r="H251" s="4">
        <v>1</v>
      </c>
      <c r="I251" s="2">
        <v>14.65</v>
      </c>
      <c r="J251" s="52" t="s">
        <v>2562</v>
      </c>
      <c r="K251" s="71" t="s">
        <v>2563</v>
      </c>
      <c r="L251" s="52" t="s">
        <v>2063</v>
      </c>
      <c r="M251" s="72">
        <v>4651</v>
      </c>
      <c r="N251" s="52" t="s">
        <v>2066</v>
      </c>
      <c r="O251" s="52" t="s">
        <v>2067</v>
      </c>
      <c r="P251" s="52"/>
      <c r="Q251" s="52"/>
      <c r="R251" s="52"/>
      <c r="S251" s="52"/>
      <c r="T251" s="52"/>
      <c r="U251" s="52"/>
      <c r="V251" s="52"/>
      <c r="W251" s="52"/>
    </row>
    <row r="252" spans="1:23" hidden="1" x14ac:dyDescent="0.35">
      <c r="A252" s="52" t="s">
        <v>78</v>
      </c>
      <c r="B252" s="52" t="s">
        <v>79</v>
      </c>
      <c r="C252" s="3">
        <v>10</v>
      </c>
      <c r="D252" s="52" t="s">
        <v>86</v>
      </c>
      <c r="E252" s="52" t="s">
        <v>26</v>
      </c>
      <c r="F252" s="52" t="s">
        <v>81</v>
      </c>
      <c r="G252" s="52" t="s">
        <v>82</v>
      </c>
      <c r="H252" s="4">
        <v>1</v>
      </c>
      <c r="I252" s="2">
        <v>14.65</v>
      </c>
      <c r="J252" s="52" t="s">
        <v>2564</v>
      </c>
      <c r="K252" s="71" t="s">
        <v>2565</v>
      </c>
      <c r="L252" s="52" t="s">
        <v>2063</v>
      </c>
      <c r="M252" s="72">
        <v>6024</v>
      </c>
      <c r="N252" s="52" t="s">
        <v>2066</v>
      </c>
      <c r="O252" s="52" t="s">
        <v>2067</v>
      </c>
      <c r="P252" s="52"/>
      <c r="Q252" s="52"/>
      <c r="R252" s="52"/>
      <c r="S252" s="52"/>
      <c r="T252" s="52"/>
      <c r="U252" s="52"/>
      <c r="V252" s="52"/>
      <c r="W252" s="52"/>
    </row>
    <row r="253" spans="1:23" hidden="1" x14ac:dyDescent="0.35">
      <c r="A253" s="52" t="s">
        <v>78</v>
      </c>
      <c r="B253" s="52" t="s">
        <v>79</v>
      </c>
      <c r="C253" s="3">
        <v>20</v>
      </c>
      <c r="D253" s="52" t="s">
        <v>83</v>
      </c>
      <c r="E253" s="52" t="s">
        <v>26</v>
      </c>
      <c r="F253" s="52" t="s">
        <v>81</v>
      </c>
      <c r="G253" s="52" t="s">
        <v>82</v>
      </c>
      <c r="H253" s="4">
        <v>1</v>
      </c>
      <c r="I253" s="2">
        <v>14.65</v>
      </c>
      <c r="J253" s="52" t="s">
        <v>2566</v>
      </c>
      <c r="K253" s="71" t="s">
        <v>2567</v>
      </c>
      <c r="L253" s="52" t="s">
        <v>2063</v>
      </c>
      <c r="M253" s="72">
        <v>476</v>
      </c>
      <c r="N253" s="52" t="s">
        <v>2066</v>
      </c>
      <c r="O253" s="52" t="s">
        <v>2067</v>
      </c>
      <c r="P253" s="52"/>
      <c r="Q253" s="52"/>
      <c r="R253" s="52"/>
      <c r="S253" s="52"/>
      <c r="T253" s="52"/>
      <c r="U253" s="52"/>
      <c r="V253" s="52"/>
      <c r="W253" s="52"/>
    </row>
    <row r="254" spans="1:23" hidden="1" x14ac:dyDescent="0.35">
      <c r="A254" s="52" t="s">
        <v>78</v>
      </c>
      <c r="B254" s="52" t="s">
        <v>79</v>
      </c>
      <c r="C254" s="3">
        <v>20</v>
      </c>
      <c r="D254" s="52" t="s">
        <v>85</v>
      </c>
      <c r="E254" s="52" t="s">
        <v>26</v>
      </c>
      <c r="F254" s="52" t="s">
        <v>81</v>
      </c>
      <c r="G254" s="52" t="s">
        <v>82</v>
      </c>
      <c r="H254" s="4">
        <v>1</v>
      </c>
      <c r="I254" s="2">
        <v>14.65</v>
      </c>
      <c r="J254" s="52" t="s">
        <v>2568</v>
      </c>
      <c r="K254" s="71" t="s">
        <v>2569</v>
      </c>
      <c r="L254" s="52" t="s">
        <v>2063</v>
      </c>
      <c r="M254" s="72">
        <v>8885</v>
      </c>
      <c r="N254" s="52" t="s">
        <v>2072</v>
      </c>
      <c r="O254" s="52" t="s">
        <v>2073</v>
      </c>
      <c r="P254" s="52"/>
      <c r="Q254" s="52"/>
      <c r="R254" s="52"/>
      <c r="S254" s="52"/>
      <c r="T254" s="52"/>
      <c r="U254" s="52"/>
      <c r="V254" s="52"/>
      <c r="W254" s="52"/>
    </row>
    <row r="255" spans="1:23" hidden="1" x14ac:dyDescent="0.35">
      <c r="A255" s="52" t="s">
        <v>78</v>
      </c>
      <c r="B255" s="52" t="s">
        <v>79</v>
      </c>
      <c r="C255" s="3">
        <v>20</v>
      </c>
      <c r="D255" s="52" t="s">
        <v>2022</v>
      </c>
      <c r="E255" s="52" t="s">
        <v>26</v>
      </c>
      <c r="F255" s="52" t="s">
        <v>81</v>
      </c>
      <c r="G255" s="52" t="s">
        <v>82</v>
      </c>
      <c r="H255" s="4">
        <v>1</v>
      </c>
      <c r="I255" s="2">
        <v>14.65</v>
      </c>
      <c r="J255" s="52" t="s">
        <v>2570</v>
      </c>
      <c r="K255" s="71" t="s">
        <v>2571</v>
      </c>
      <c r="L255" s="52" t="s">
        <v>2063</v>
      </c>
      <c r="M255" s="72">
        <v>6848</v>
      </c>
      <c r="N255" s="52" t="s">
        <v>2066</v>
      </c>
      <c r="O255" s="52" t="s">
        <v>2067</v>
      </c>
      <c r="P255" s="52"/>
      <c r="Q255" s="52"/>
      <c r="R255" s="52"/>
      <c r="S255" s="52"/>
      <c r="T255" s="52"/>
      <c r="U255" s="52"/>
      <c r="V255" s="52"/>
      <c r="W255" s="52"/>
    </row>
    <row r="256" spans="1:23" hidden="1" x14ac:dyDescent="0.35">
      <c r="A256" s="52" t="s">
        <v>78</v>
      </c>
      <c r="B256" s="52" t="s">
        <v>79</v>
      </c>
      <c r="C256" s="3">
        <v>10</v>
      </c>
      <c r="D256" s="52" t="s">
        <v>83</v>
      </c>
      <c r="E256" s="52" t="s">
        <v>26</v>
      </c>
      <c r="F256" s="52" t="s">
        <v>81</v>
      </c>
      <c r="G256" s="52" t="s">
        <v>82</v>
      </c>
      <c r="H256" s="4">
        <v>1</v>
      </c>
      <c r="I256" s="2">
        <v>14.65</v>
      </c>
      <c r="J256" s="52" t="s">
        <v>2572</v>
      </c>
      <c r="K256" s="71" t="s">
        <v>2573</v>
      </c>
      <c r="L256" s="52" t="s">
        <v>2063</v>
      </c>
      <c r="M256" s="72">
        <v>8532</v>
      </c>
      <c r="N256" s="52" t="s">
        <v>2072</v>
      </c>
      <c r="O256" s="52" t="s">
        <v>2073</v>
      </c>
      <c r="P256" s="52"/>
      <c r="Q256" s="52"/>
      <c r="R256" s="52"/>
      <c r="S256" s="52"/>
      <c r="T256" s="52"/>
      <c r="U256" s="52"/>
      <c r="V256" s="52"/>
      <c r="W256" s="52"/>
    </row>
    <row r="257" spans="1:23" x14ac:dyDescent="0.35">
      <c r="A257" s="52" t="s">
        <v>78</v>
      </c>
      <c r="B257" s="52" t="s">
        <v>79</v>
      </c>
      <c r="C257" s="3">
        <v>10</v>
      </c>
      <c r="D257" s="52" t="s">
        <v>85</v>
      </c>
      <c r="E257" s="52" t="s">
        <v>26</v>
      </c>
      <c r="F257" s="52" t="s">
        <v>81</v>
      </c>
      <c r="G257" s="52" t="s">
        <v>82</v>
      </c>
      <c r="H257" s="4">
        <v>1</v>
      </c>
      <c r="I257" s="2">
        <v>14.65</v>
      </c>
      <c r="J257" s="52" t="s">
        <v>2574</v>
      </c>
      <c r="K257" s="71" t="s">
        <v>2575</v>
      </c>
      <c r="L257" s="52" t="s">
        <v>2063</v>
      </c>
      <c r="M257" s="72">
        <v>8927</v>
      </c>
      <c r="N257" s="52" t="s">
        <v>2238</v>
      </c>
      <c r="O257" s="52" t="s">
        <v>2239</v>
      </c>
      <c r="P257" s="52"/>
      <c r="Q257" s="52"/>
      <c r="R257" s="52"/>
      <c r="S257" s="52"/>
      <c r="T257" s="52"/>
      <c r="U257" s="52"/>
      <c r="V257" s="52"/>
      <c r="W257" s="52"/>
    </row>
    <row r="258" spans="1:23" x14ac:dyDescent="0.35">
      <c r="A258" s="52" t="s">
        <v>78</v>
      </c>
      <c r="B258" s="52" t="s">
        <v>79</v>
      </c>
      <c r="C258" s="3">
        <v>10</v>
      </c>
      <c r="D258" s="52" t="s">
        <v>2019</v>
      </c>
      <c r="E258" s="52" t="s">
        <v>26</v>
      </c>
      <c r="F258" s="52" t="s">
        <v>81</v>
      </c>
      <c r="G258" s="52" t="s">
        <v>82</v>
      </c>
      <c r="H258" s="4">
        <v>1</v>
      </c>
      <c r="I258" s="2">
        <v>14.65</v>
      </c>
      <c r="J258" s="52" t="s">
        <v>2576</v>
      </c>
      <c r="K258" s="71" t="s">
        <v>2577</v>
      </c>
      <c r="L258" s="52" t="s">
        <v>2063</v>
      </c>
      <c r="M258" s="72">
        <v>7642</v>
      </c>
      <c r="N258" s="52" t="s">
        <v>2259</v>
      </c>
      <c r="O258" s="52" t="s">
        <v>2260</v>
      </c>
      <c r="P258" s="52"/>
      <c r="Q258" s="52"/>
      <c r="R258" s="52"/>
      <c r="S258" s="52"/>
      <c r="T258" s="52"/>
      <c r="U258" s="52"/>
      <c r="V258" s="52"/>
      <c r="W258" s="52"/>
    </row>
    <row r="259" spans="1:23" hidden="1" x14ac:dyDescent="0.35">
      <c r="A259" s="52" t="s">
        <v>78</v>
      </c>
      <c r="B259" s="52" t="s">
        <v>79</v>
      </c>
      <c r="C259" s="3">
        <v>20</v>
      </c>
      <c r="D259" s="52" t="s">
        <v>85</v>
      </c>
      <c r="E259" s="52" t="s">
        <v>26</v>
      </c>
      <c r="F259" s="52" t="s">
        <v>81</v>
      </c>
      <c r="G259" s="52" t="s">
        <v>82</v>
      </c>
      <c r="H259" s="4">
        <v>1</v>
      </c>
      <c r="I259" s="2">
        <v>14.65</v>
      </c>
      <c r="J259" s="52" t="s">
        <v>2578</v>
      </c>
      <c r="K259" s="71" t="s">
        <v>2579</v>
      </c>
      <c r="L259" s="52" t="s">
        <v>2063</v>
      </c>
      <c r="M259" s="72">
        <v>2849</v>
      </c>
      <c r="N259" s="52"/>
      <c r="O259" s="52"/>
      <c r="P259" s="52"/>
      <c r="Q259" s="52"/>
      <c r="R259" s="52"/>
      <c r="S259" s="52"/>
      <c r="T259" s="52"/>
      <c r="U259" s="52"/>
      <c r="V259" s="52"/>
      <c r="W259" s="52"/>
    </row>
    <row r="260" spans="1:23" hidden="1" x14ac:dyDescent="0.35">
      <c r="A260" s="52" t="s">
        <v>78</v>
      </c>
      <c r="B260" s="52" t="s">
        <v>79</v>
      </c>
      <c r="C260" s="3">
        <v>10</v>
      </c>
      <c r="D260" s="52" t="s">
        <v>2023</v>
      </c>
      <c r="E260" s="52" t="s">
        <v>26</v>
      </c>
      <c r="F260" s="52" t="s">
        <v>81</v>
      </c>
      <c r="G260" s="52" t="s">
        <v>82</v>
      </c>
      <c r="H260" s="4">
        <v>1</v>
      </c>
      <c r="I260" s="2">
        <v>14.65</v>
      </c>
      <c r="J260" s="52" t="s">
        <v>2580</v>
      </c>
      <c r="K260" s="71" t="s">
        <v>2581</v>
      </c>
      <c r="L260" s="52" t="s">
        <v>2063</v>
      </c>
      <c r="M260" s="72">
        <v>1836</v>
      </c>
      <c r="N260" s="52"/>
      <c r="O260" s="52"/>
      <c r="P260" s="52"/>
      <c r="Q260" s="52"/>
      <c r="R260" s="52"/>
      <c r="S260" s="52"/>
      <c r="T260" s="52"/>
      <c r="U260" s="52"/>
      <c r="V260" s="52"/>
      <c r="W260" s="52"/>
    </row>
    <row r="261" spans="1:23" x14ac:dyDescent="0.35">
      <c r="A261" s="52" t="s">
        <v>78</v>
      </c>
      <c r="B261" s="52" t="s">
        <v>79</v>
      </c>
      <c r="C261" s="3">
        <v>10</v>
      </c>
      <c r="D261" s="52" t="s">
        <v>83</v>
      </c>
      <c r="E261" s="52" t="s">
        <v>26</v>
      </c>
      <c r="F261" s="52" t="s">
        <v>81</v>
      </c>
      <c r="G261" s="52" t="s">
        <v>82</v>
      </c>
      <c r="H261" s="4">
        <v>1</v>
      </c>
      <c r="I261" s="2">
        <v>14.65</v>
      </c>
      <c r="J261" s="52" t="s">
        <v>2582</v>
      </c>
      <c r="K261" s="71" t="s">
        <v>2583</v>
      </c>
      <c r="L261" s="52" t="s">
        <v>2063</v>
      </c>
      <c r="M261" s="72">
        <v>1428</v>
      </c>
      <c r="N261" s="52" t="s">
        <v>2259</v>
      </c>
      <c r="O261" s="52" t="s">
        <v>2260</v>
      </c>
      <c r="P261" s="52"/>
      <c r="Q261" s="52"/>
      <c r="R261" s="52"/>
      <c r="S261" s="52"/>
      <c r="T261" s="52"/>
      <c r="U261" s="52"/>
      <c r="V261" s="52"/>
      <c r="W261" s="52"/>
    </row>
    <row r="262" spans="1:23" hidden="1" x14ac:dyDescent="0.35">
      <c r="A262" s="52" t="s">
        <v>78</v>
      </c>
      <c r="B262" s="52" t="s">
        <v>79</v>
      </c>
      <c r="C262" s="3">
        <v>20</v>
      </c>
      <c r="D262" s="52" t="s">
        <v>2023</v>
      </c>
      <c r="E262" s="52" t="s">
        <v>26</v>
      </c>
      <c r="F262" s="52" t="s">
        <v>81</v>
      </c>
      <c r="G262" s="52" t="s">
        <v>82</v>
      </c>
      <c r="H262" s="4">
        <v>1</v>
      </c>
      <c r="I262" s="2">
        <v>14.65</v>
      </c>
      <c r="J262" s="52" t="s">
        <v>2584</v>
      </c>
      <c r="K262" s="71" t="s">
        <v>2585</v>
      </c>
      <c r="L262" s="52" t="s">
        <v>2063</v>
      </c>
      <c r="M262" s="72">
        <v>4788</v>
      </c>
      <c r="N262" s="52" t="s">
        <v>2072</v>
      </c>
      <c r="O262" s="52" t="s">
        <v>2073</v>
      </c>
      <c r="P262" s="52"/>
      <c r="Q262" s="52"/>
      <c r="R262" s="52"/>
      <c r="S262" s="52"/>
      <c r="T262" s="52"/>
      <c r="U262" s="52"/>
      <c r="V262" s="52"/>
      <c r="W262" s="52"/>
    </row>
    <row r="263" spans="1:23" hidden="1" x14ac:dyDescent="0.35">
      <c r="A263" s="52" t="s">
        <v>78</v>
      </c>
      <c r="B263" s="52" t="s">
        <v>79</v>
      </c>
      <c r="C263" s="3">
        <v>20</v>
      </c>
      <c r="D263" s="52" t="s">
        <v>80</v>
      </c>
      <c r="E263" s="52" t="s">
        <v>26</v>
      </c>
      <c r="F263" s="52" t="s">
        <v>81</v>
      </c>
      <c r="G263" s="52" t="s">
        <v>82</v>
      </c>
      <c r="H263" s="4">
        <v>1</v>
      </c>
      <c r="I263" s="2">
        <v>14.65</v>
      </c>
      <c r="J263" s="52" t="s">
        <v>2070</v>
      </c>
      <c r="K263" s="71" t="s">
        <v>2586</v>
      </c>
      <c r="L263" s="52" t="s">
        <v>2063</v>
      </c>
      <c r="M263" s="72">
        <v>8475</v>
      </c>
      <c r="N263" s="52" t="s">
        <v>2154</v>
      </c>
      <c r="O263" s="52" t="s">
        <v>2155</v>
      </c>
      <c r="P263" s="52"/>
      <c r="Q263" s="52"/>
      <c r="R263" s="52"/>
      <c r="S263" s="52"/>
      <c r="T263" s="52"/>
      <c r="U263" s="52"/>
      <c r="V263" s="52"/>
      <c r="W263" s="52"/>
    </row>
    <row r="264" spans="1:23" hidden="1" x14ac:dyDescent="0.35">
      <c r="A264" s="52" t="s">
        <v>78</v>
      </c>
      <c r="B264" s="52" t="s">
        <v>79</v>
      </c>
      <c r="C264" s="3">
        <v>10</v>
      </c>
      <c r="D264" s="52" t="s">
        <v>2020</v>
      </c>
      <c r="E264" s="52" t="s">
        <v>26</v>
      </c>
      <c r="F264" s="52" t="s">
        <v>81</v>
      </c>
      <c r="G264" s="52" t="s">
        <v>82</v>
      </c>
      <c r="H264" s="4">
        <v>1</v>
      </c>
      <c r="I264" s="2">
        <v>14.65</v>
      </c>
      <c r="J264" s="52" t="s">
        <v>2587</v>
      </c>
      <c r="K264" s="71" t="s">
        <v>2588</v>
      </c>
      <c r="L264" s="52" t="s">
        <v>2063</v>
      </c>
      <c r="M264" s="72">
        <v>5981</v>
      </c>
      <c r="N264" s="52" t="s">
        <v>2072</v>
      </c>
      <c r="O264" s="52" t="s">
        <v>2073</v>
      </c>
      <c r="P264" s="52"/>
      <c r="Q264" s="52"/>
      <c r="R264" s="52"/>
      <c r="S264" s="52"/>
      <c r="T264" s="52"/>
      <c r="U264" s="52"/>
      <c r="V264" s="52"/>
      <c r="W264" s="52"/>
    </row>
    <row r="265" spans="1:23" hidden="1" x14ac:dyDescent="0.35">
      <c r="A265" s="52" t="s">
        <v>78</v>
      </c>
      <c r="B265" s="52" t="s">
        <v>79</v>
      </c>
      <c r="C265" s="3">
        <v>20</v>
      </c>
      <c r="D265" s="52" t="s">
        <v>86</v>
      </c>
      <c r="E265" s="52" t="s">
        <v>26</v>
      </c>
      <c r="F265" s="52" t="s">
        <v>81</v>
      </c>
      <c r="G265" s="52" t="s">
        <v>82</v>
      </c>
      <c r="H265" s="4">
        <v>1</v>
      </c>
      <c r="I265" s="2">
        <v>14.65</v>
      </c>
      <c r="J265" s="52" t="s">
        <v>2589</v>
      </c>
      <c r="K265" s="71" t="s">
        <v>2590</v>
      </c>
      <c r="L265" s="52" t="s">
        <v>2063</v>
      </c>
      <c r="M265" s="72">
        <v>8401</v>
      </c>
      <c r="N265" s="52" t="s">
        <v>2072</v>
      </c>
      <c r="O265" s="52" t="s">
        <v>2073</v>
      </c>
      <c r="P265" s="52"/>
      <c r="Q265" s="52"/>
      <c r="R265" s="52"/>
      <c r="S265" s="52"/>
      <c r="T265" s="52"/>
      <c r="U265" s="52"/>
      <c r="V265" s="52"/>
      <c r="W265" s="52"/>
    </row>
    <row r="266" spans="1:23" hidden="1" x14ac:dyDescent="0.35">
      <c r="A266" s="52" t="s">
        <v>78</v>
      </c>
      <c r="B266" s="52" t="s">
        <v>79</v>
      </c>
      <c r="C266" s="3">
        <v>20</v>
      </c>
      <c r="D266" s="52" t="s">
        <v>85</v>
      </c>
      <c r="E266" s="52" t="s">
        <v>26</v>
      </c>
      <c r="F266" s="52" t="s">
        <v>81</v>
      </c>
      <c r="G266" s="52" t="s">
        <v>82</v>
      </c>
      <c r="H266" s="4">
        <v>1</v>
      </c>
      <c r="I266" s="2">
        <v>14.65</v>
      </c>
      <c r="J266" s="52" t="s">
        <v>2591</v>
      </c>
      <c r="K266" s="71" t="s">
        <v>2592</v>
      </c>
      <c r="L266" s="52" t="s">
        <v>2063</v>
      </c>
      <c r="M266" s="72">
        <v>8131</v>
      </c>
      <c r="N266" s="52" t="s">
        <v>2072</v>
      </c>
      <c r="O266" s="52" t="s">
        <v>2073</v>
      </c>
      <c r="P266" s="52"/>
      <c r="Q266" s="52"/>
      <c r="R266" s="52"/>
      <c r="S266" s="52"/>
      <c r="T266" s="52"/>
      <c r="U266" s="52"/>
      <c r="V266" s="52"/>
      <c r="W266" s="52"/>
    </row>
    <row r="267" spans="1:23" hidden="1" x14ac:dyDescent="0.35">
      <c r="A267" s="52" t="s">
        <v>78</v>
      </c>
      <c r="B267" s="52" t="s">
        <v>79</v>
      </c>
      <c r="C267" s="3">
        <v>20</v>
      </c>
      <c r="D267" s="52" t="s">
        <v>80</v>
      </c>
      <c r="E267" s="52" t="s">
        <v>26</v>
      </c>
      <c r="F267" s="52" t="s">
        <v>81</v>
      </c>
      <c r="G267" s="52" t="s">
        <v>82</v>
      </c>
      <c r="H267" s="4">
        <v>1</v>
      </c>
      <c r="I267" s="2">
        <v>14.65</v>
      </c>
      <c r="J267" s="52" t="s">
        <v>2593</v>
      </c>
      <c r="K267" s="71" t="s">
        <v>2594</v>
      </c>
      <c r="L267" s="52" t="s">
        <v>2063</v>
      </c>
      <c r="M267" s="72">
        <v>8554</v>
      </c>
      <c r="N267" s="52" t="s">
        <v>2066</v>
      </c>
      <c r="O267" s="52" t="s">
        <v>2067</v>
      </c>
      <c r="P267" s="52"/>
      <c r="Q267" s="52"/>
      <c r="R267" s="52"/>
      <c r="S267" s="52"/>
      <c r="T267" s="52"/>
      <c r="U267" s="52"/>
      <c r="V267" s="52"/>
      <c r="W267" s="52"/>
    </row>
    <row r="268" spans="1:23" hidden="1" x14ac:dyDescent="0.35">
      <c r="A268" s="52" t="s">
        <v>78</v>
      </c>
      <c r="B268" s="52" t="s">
        <v>79</v>
      </c>
      <c r="C268" s="3">
        <v>10</v>
      </c>
      <c r="D268" s="52" t="s">
        <v>87</v>
      </c>
      <c r="E268" s="52" t="s">
        <v>26</v>
      </c>
      <c r="F268" s="52" t="s">
        <v>81</v>
      </c>
      <c r="G268" s="52" t="s">
        <v>82</v>
      </c>
      <c r="H268" s="4">
        <v>1</v>
      </c>
      <c r="I268" s="2">
        <v>14.65</v>
      </c>
      <c r="J268" s="52" t="s">
        <v>2595</v>
      </c>
      <c r="K268" s="71" t="s">
        <v>2596</v>
      </c>
      <c r="L268" s="52" t="s">
        <v>2063</v>
      </c>
      <c r="M268" s="72">
        <v>6165</v>
      </c>
      <c r="N268" s="52" t="s">
        <v>2066</v>
      </c>
      <c r="O268" s="52" t="s">
        <v>2067</v>
      </c>
      <c r="P268" s="52"/>
      <c r="Q268" s="52"/>
      <c r="R268" s="52"/>
      <c r="S268" s="52"/>
      <c r="T268" s="52"/>
      <c r="U268" s="52"/>
      <c r="V268" s="52"/>
      <c r="W268" s="52"/>
    </row>
    <row r="269" spans="1:23" hidden="1" x14ac:dyDescent="0.35">
      <c r="A269" s="52" t="s">
        <v>78</v>
      </c>
      <c r="B269" s="52" t="s">
        <v>79</v>
      </c>
      <c r="C269" s="3">
        <v>20</v>
      </c>
      <c r="D269" s="52" t="s">
        <v>84</v>
      </c>
      <c r="E269" s="52" t="s">
        <v>26</v>
      </c>
      <c r="F269" s="52" t="s">
        <v>81</v>
      </c>
      <c r="G269" s="52" t="s">
        <v>82</v>
      </c>
      <c r="H269" s="4">
        <v>1</v>
      </c>
      <c r="I269" s="2">
        <v>14.65</v>
      </c>
      <c r="J269" s="52" t="s">
        <v>2597</v>
      </c>
      <c r="K269" s="71" t="s">
        <v>2598</v>
      </c>
      <c r="L269" s="52" t="s">
        <v>2063</v>
      </c>
      <c r="M269" s="72">
        <v>8671</v>
      </c>
      <c r="N269" s="52" t="s">
        <v>2072</v>
      </c>
      <c r="O269" s="52" t="s">
        <v>2073</v>
      </c>
      <c r="P269" s="52"/>
      <c r="Q269" s="52"/>
      <c r="R269" s="52"/>
      <c r="S269" s="52"/>
      <c r="T269" s="52"/>
      <c r="U269" s="52"/>
      <c r="V269" s="52"/>
      <c r="W269" s="52"/>
    </row>
    <row r="270" spans="1:23" hidden="1" x14ac:dyDescent="0.35">
      <c r="A270" s="52" t="s">
        <v>78</v>
      </c>
      <c r="B270" s="52" t="s">
        <v>79</v>
      </c>
      <c r="C270" s="3">
        <v>20</v>
      </c>
      <c r="D270" s="52" t="s">
        <v>2022</v>
      </c>
      <c r="E270" s="52" t="s">
        <v>26</v>
      </c>
      <c r="F270" s="52" t="s">
        <v>81</v>
      </c>
      <c r="G270" s="52" t="s">
        <v>82</v>
      </c>
      <c r="H270" s="4">
        <v>1</v>
      </c>
      <c r="I270" s="2">
        <v>14.65</v>
      </c>
      <c r="J270" s="52" t="s">
        <v>2599</v>
      </c>
      <c r="K270" s="71" t="s">
        <v>2600</v>
      </c>
      <c r="L270" s="52" t="s">
        <v>2063</v>
      </c>
      <c r="M270" s="72">
        <v>1912</v>
      </c>
      <c r="N270" s="52" t="s">
        <v>2072</v>
      </c>
      <c r="O270" s="52" t="s">
        <v>2073</v>
      </c>
      <c r="P270" s="52"/>
      <c r="Q270" s="52"/>
      <c r="R270" s="52"/>
      <c r="S270" s="52"/>
      <c r="T270" s="52"/>
      <c r="U270" s="52"/>
      <c r="V270" s="52"/>
      <c r="W270" s="52"/>
    </row>
    <row r="271" spans="1:23" hidden="1" x14ac:dyDescent="0.35">
      <c r="A271" s="52" t="s">
        <v>78</v>
      </c>
      <c r="B271" s="52" t="s">
        <v>79</v>
      </c>
      <c r="C271" s="3">
        <v>20</v>
      </c>
      <c r="D271" s="52" t="s">
        <v>2022</v>
      </c>
      <c r="E271" s="52" t="s">
        <v>26</v>
      </c>
      <c r="F271" s="52" t="s">
        <v>81</v>
      </c>
      <c r="G271" s="52" t="s">
        <v>82</v>
      </c>
      <c r="H271" s="4">
        <v>1</v>
      </c>
      <c r="I271" s="2">
        <v>14.65</v>
      </c>
      <c r="J271" s="52" t="s">
        <v>2601</v>
      </c>
      <c r="K271" s="71" t="s">
        <v>2602</v>
      </c>
      <c r="L271" s="52" t="s">
        <v>2063</v>
      </c>
      <c r="M271" s="72">
        <v>8656</v>
      </c>
      <c r="N271" s="52" t="s">
        <v>2072</v>
      </c>
      <c r="O271" s="52" t="s">
        <v>2073</v>
      </c>
      <c r="P271" s="52"/>
      <c r="Q271" s="52"/>
      <c r="R271" s="52"/>
      <c r="S271" s="52"/>
      <c r="T271" s="52"/>
      <c r="U271" s="52"/>
      <c r="V271" s="52"/>
      <c r="W271" s="52"/>
    </row>
    <row r="272" spans="1:23" hidden="1" x14ac:dyDescent="0.35">
      <c r="A272" s="52" t="s">
        <v>78</v>
      </c>
      <c r="B272" s="52" t="s">
        <v>79</v>
      </c>
      <c r="C272" s="3">
        <v>20</v>
      </c>
      <c r="D272" s="52" t="s">
        <v>2020</v>
      </c>
      <c r="E272" s="52" t="s">
        <v>26</v>
      </c>
      <c r="F272" s="52" t="s">
        <v>81</v>
      </c>
      <c r="G272" s="52" t="s">
        <v>82</v>
      </c>
      <c r="H272" s="4">
        <v>1</v>
      </c>
      <c r="I272" s="2">
        <v>14.65</v>
      </c>
      <c r="J272" s="52" t="s">
        <v>2603</v>
      </c>
      <c r="K272" s="71" t="s">
        <v>2604</v>
      </c>
      <c r="L272" s="52" t="s">
        <v>2063</v>
      </c>
      <c r="M272" s="72">
        <v>5044</v>
      </c>
      <c r="N272" s="52" t="s">
        <v>2072</v>
      </c>
      <c r="O272" s="52" t="s">
        <v>2073</v>
      </c>
      <c r="P272" s="52"/>
      <c r="Q272" s="52"/>
      <c r="R272" s="52"/>
      <c r="S272" s="52"/>
      <c r="T272" s="52"/>
      <c r="U272" s="52"/>
      <c r="V272" s="52"/>
      <c r="W272" s="52"/>
    </row>
    <row r="273" spans="1:23" hidden="1" x14ac:dyDescent="0.35">
      <c r="A273" s="52" t="s">
        <v>78</v>
      </c>
      <c r="B273" s="52" t="s">
        <v>79</v>
      </c>
      <c r="C273" s="3">
        <v>20</v>
      </c>
      <c r="D273" s="52" t="s">
        <v>2019</v>
      </c>
      <c r="E273" s="52" t="s">
        <v>26</v>
      </c>
      <c r="F273" s="52" t="s">
        <v>81</v>
      </c>
      <c r="G273" s="52" t="s">
        <v>82</v>
      </c>
      <c r="H273" s="4">
        <v>1</v>
      </c>
      <c r="I273" s="2">
        <v>14.65</v>
      </c>
      <c r="J273" s="52" t="s">
        <v>2605</v>
      </c>
      <c r="K273" s="71" t="s">
        <v>2606</v>
      </c>
      <c r="L273" s="52" t="s">
        <v>2063</v>
      </c>
      <c r="M273" s="72">
        <v>2757</v>
      </c>
      <c r="N273" s="52"/>
      <c r="O273" s="52"/>
      <c r="P273" s="52"/>
      <c r="Q273" s="52"/>
      <c r="R273" s="52"/>
      <c r="S273" s="52"/>
      <c r="T273" s="52"/>
      <c r="U273" s="52"/>
      <c r="V273" s="52"/>
      <c r="W273" s="52"/>
    </row>
    <row r="274" spans="1:23" hidden="1" x14ac:dyDescent="0.35">
      <c r="A274" s="52" t="s">
        <v>78</v>
      </c>
      <c r="B274" s="52" t="s">
        <v>79</v>
      </c>
      <c r="C274" s="3">
        <v>20</v>
      </c>
      <c r="D274" s="52" t="s">
        <v>87</v>
      </c>
      <c r="E274" s="52" t="s">
        <v>26</v>
      </c>
      <c r="F274" s="52" t="s">
        <v>81</v>
      </c>
      <c r="G274" s="52" t="s">
        <v>82</v>
      </c>
      <c r="H274" s="4">
        <v>1</v>
      </c>
      <c r="I274" s="2">
        <v>14.65</v>
      </c>
      <c r="J274" s="52" t="s">
        <v>2607</v>
      </c>
      <c r="K274" s="71" t="s">
        <v>2608</v>
      </c>
      <c r="L274" s="52" t="s">
        <v>2063</v>
      </c>
      <c r="M274" s="72">
        <v>5035</v>
      </c>
      <c r="N274" s="52" t="s">
        <v>2304</v>
      </c>
      <c r="O274" s="52" t="s">
        <v>2305</v>
      </c>
      <c r="P274" s="52"/>
      <c r="Q274" s="52"/>
      <c r="R274" s="52"/>
      <c r="S274" s="52"/>
      <c r="T274" s="52"/>
      <c r="U274" s="52"/>
      <c r="V274" s="52"/>
      <c r="W274" s="52"/>
    </row>
    <row r="275" spans="1:23" hidden="1" x14ac:dyDescent="0.35">
      <c r="A275" s="52" t="s">
        <v>78</v>
      </c>
      <c r="B275" s="52" t="s">
        <v>79</v>
      </c>
      <c r="C275" s="3">
        <v>10</v>
      </c>
      <c r="D275" s="52" t="s">
        <v>2024</v>
      </c>
      <c r="E275" s="52" t="s">
        <v>26</v>
      </c>
      <c r="F275" s="52" t="s">
        <v>81</v>
      </c>
      <c r="G275" s="52" t="s">
        <v>82</v>
      </c>
      <c r="H275" s="4">
        <v>1</v>
      </c>
      <c r="I275" s="2">
        <v>14.65</v>
      </c>
      <c r="J275" s="52" t="s">
        <v>2609</v>
      </c>
      <c r="K275" s="71" t="s">
        <v>2610</v>
      </c>
      <c r="L275" s="52" t="s">
        <v>2063</v>
      </c>
      <c r="M275" s="72">
        <v>9918</v>
      </c>
      <c r="N275" s="52" t="s">
        <v>2072</v>
      </c>
      <c r="O275" s="52" t="s">
        <v>2073</v>
      </c>
      <c r="P275" s="52" t="s">
        <v>2072</v>
      </c>
      <c r="Q275" s="52" t="s">
        <v>2073</v>
      </c>
      <c r="R275" s="52"/>
      <c r="S275" s="52"/>
      <c r="T275" s="52"/>
      <c r="U275" s="52"/>
      <c r="V275" s="52"/>
      <c r="W275" s="52"/>
    </row>
    <row r="276" spans="1:23" hidden="1" x14ac:dyDescent="0.35">
      <c r="A276" s="52" t="s">
        <v>78</v>
      </c>
      <c r="B276" s="52" t="s">
        <v>79</v>
      </c>
      <c r="C276" s="3">
        <v>10</v>
      </c>
      <c r="D276" s="52" t="s">
        <v>2021</v>
      </c>
      <c r="E276" s="52" t="s">
        <v>26</v>
      </c>
      <c r="F276" s="52" t="s">
        <v>81</v>
      </c>
      <c r="G276" s="52" t="s">
        <v>82</v>
      </c>
      <c r="H276" s="4">
        <v>1</v>
      </c>
      <c r="I276" s="2">
        <v>14.65</v>
      </c>
      <c r="J276" s="52" t="s">
        <v>2611</v>
      </c>
      <c r="K276" s="71" t="s">
        <v>2612</v>
      </c>
      <c r="L276" s="52" t="s">
        <v>2063</v>
      </c>
      <c r="M276" s="72">
        <v>9371</v>
      </c>
      <c r="N276" s="52" t="s">
        <v>2072</v>
      </c>
      <c r="O276" s="52" t="s">
        <v>2073</v>
      </c>
      <c r="P276" s="52"/>
      <c r="Q276" s="52"/>
      <c r="R276" s="52"/>
      <c r="S276" s="52"/>
      <c r="T276" s="52"/>
      <c r="U276" s="52"/>
      <c r="V276" s="52"/>
      <c r="W276" s="52"/>
    </row>
    <row r="277" spans="1:23" hidden="1" x14ac:dyDescent="0.35">
      <c r="A277" s="52" t="s">
        <v>78</v>
      </c>
      <c r="B277" s="52" t="s">
        <v>79</v>
      </c>
      <c r="C277" s="3">
        <v>10</v>
      </c>
      <c r="D277" s="52" t="s">
        <v>86</v>
      </c>
      <c r="E277" s="52" t="s">
        <v>26</v>
      </c>
      <c r="F277" s="52" t="s">
        <v>81</v>
      </c>
      <c r="G277" s="52" t="s">
        <v>82</v>
      </c>
      <c r="H277" s="4">
        <v>1</v>
      </c>
      <c r="I277" s="2">
        <v>14.65</v>
      </c>
      <c r="J277" s="52" t="s">
        <v>2613</v>
      </c>
      <c r="K277" s="71" t="s">
        <v>2614</v>
      </c>
      <c r="L277" s="52" t="s">
        <v>2063</v>
      </c>
      <c r="M277" s="72">
        <v>2785</v>
      </c>
      <c r="N277" s="52" t="s">
        <v>2615</v>
      </c>
      <c r="O277" s="52" t="s">
        <v>2616</v>
      </c>
      <c r="P277" s="52"/>
      <c r="Q277" s="52"/>
      <c r="R277" s="52"/>
      <c r="S277" s="52"/>
      <c r="T277" s="52"/>
      <c r="U277" s="52"/>
      <c r="V277" s="52"/>
      <c r="W277" s="52"/>
    </row>
    <row r="278" spans="1:23" hidden="1" x14ac:dyDescent="0.35">
      <c r="A278" s="52" t="s">
        <v>78</v>
      </c>
      <c r="B278" s="52" t="s">
        <v>79</v>
      </c>
      <c r="C278" s="3">
        <v>20</v>
      </c>
      <c r="D278" s="52" t="s">
        <v>2020</v>
      </c>
      <c r="E278" s="52" t="s">
        <v>26</v>
      </c>
      <c r="F278" s="52" t="s">
        <v>81</v>
      </c>
      <c r="G278" s="52" t="s">
        <v>82</v>
      </c>
      <c r="H278" s="4">
        <v>1</v>
      </c>
      <c r="I278" s="2">
        <v>14.65</v>
      </c>
      <c r="J278" s="52" t="s">
        <v>2617</v>
      </c>
      <c r="K278" s="71" t="s">
        <v>2618</v>
      </c>
      <c r="L278" s="52" t="s">
        <v>2063</v>
      </c>
      <c r="M278" s="72">
        <v>1637</v>
      </c>
      <c r="N278" s="52" t="s">
        <v>2072</v>
      </c>
      <c r="O278" s="52" t="s">
        <v>2073</v>
      </c>
      <c r="P278" s="52"/>
      <c r="Q278" s="52"/>
      <c r="R278" s="52"/>
      <c r="S278" s="52"/>
      <c r="T278" s="52"/>
      <c r="U278" s="52"/>
      <c r="V278" s="52"/>
      <c r="W278" s="52"/>
    </row>
    <row r="279" spans="1:23" x14ac:dyDescent="0.35">
      <c r="A279" s="52" t="s">
        <v>78</v>
      </c>
      <c r="B279" s="52" t="s">
        <v>79</v>
      </c>
      <c r="C279" s="3">
        <v>10</v>
      </c>
      <c r="D279" s="52" t="s">
        <v>83</v>
      </c>
      <c r="E279" s="52" t="s">
        <v>26</v>
      </c>
      <c r="F279" s="52" t="s">
        <v>81</v>
      </c>
      <c r="G279" s="52" t="s">
        <v>82</v>
      </c>
      <c r="H279" s="4">
        <v>1</v>
      </c>
      <c r="I279" s="2">
        <v>14.65</v>
      </c>
      <c r="J279" s="52" t="s">
        <v>2619</v>
      </c>
      <c r="K279" s="71" t="s">
        <v>2620</v>
      </c>
      <c r="L279" s="52" t="s">
        <v>2063</v>
      </c>
      <c r="M279" s="72">
        <v>1430</v>
      </c>
      <c r="N279" s="52" t="s">
        <v>2259</v>
      </c>
      <c r="O279" s="52" t="s">
        <v>2260</v>
      </c>
      <c r="P279" s="52" t="s">
        <v>2066</v>
      </c>
      <c r="Q279" s="52" t="s">
        <v>2067</v>
      </c>
      <c r="R279" s="52"/>
      <c r="S279" s="52"/>
      <c r="T279" s="52"/>
      <c r="U279" s="52"/>
      <c r="V279" s="52"/>
      <c r="W279" s="52"/>
    </row>
    <row r="280" spans="1:23" hidden="1" x14ac:dyDescent="0.35">
      <c r="A280" s="52" t="s">
        <v>78</v>
      </c>
      <c r="B280" s="52" t="s">
        <v>79</v>
      </c>
      <c r="C280" s="3">
        <v>20</v>
      </c>
      <c r="D280" s="52" t="s">
        <v>86</v>
      </c>
      <c r="E280" s="52" t="s">
        <v>26</v>
      </c>
      <c r="F280" s="52" t="s">
        <v>81</v>
      </c>
      <c r="G280" s="52" t="s">
        <v>82</v>
      </c>
      <c r="H280" s="4">
        <v>1</v>
      </c>
      <c r="I280" s="2">
        <v>14.65</v>
      </c>
      <c r="J280" s="52" t="s">
        <v>2621</v>
      </c>
      <c r="K280" s="71" t="s">
        <v>2622</v>
      </c>
      <c r="L280" s="52" t="s">
        <v>2063</v>
      </c>
      <c r="M280" s="72">
        <v>6052</v>
      </c>
      <c r="N280" s="52" t="s">
        <v>2072</v>
      </c>
      <c r="O280" s="52" t="s">
        <v>2073</v>
      </c>
      <c r="P280" s="52"/>
      <c r="Q280" s="52"/>
      <c r="R280" s="52"/>
      <c r="S280" s="52"/>
      <c r="T280" s="52"/>
      <c r="U280" s="52"/>
      <c r="V280" s="52"/>
      <c r="W280" s="52"/>
    </row>
    <row r="281" spans="1:23" hidden="1" x14ac:dyDescent="0.35">
      <c r="A281" s="52" t="s">
        <v>78</v>
      </c>
      <c r="B281" s="52" t="s">
        <v>79</v>
      </c>
      <c r="C281" s="3">
        <v>20</v>
      </c>
      <c r="D281" s="52" t="s">
        <v>80</v>
      </c>
      <c r="E281" s="52" t="s">
        <v>26</v>
      </c>
      <c r="F281" s="52" t="s">
        <v>81</v>
      </c>
      <c r="G281" s="52" t="s">
        <v>82</v>
      </c>
      <c r="H281" s="4">
        <v>1</v>
      </c>
      <c r="I281" s="2">
        <v>14.65</v>
      </c>
      <c r="J281" s="52" t="s">
        <v>2623</v>
      </c>
      <c r="K281" s="71" t="s">
        <v>2624</v>
      </c>
      <c r="L281" s="52" t="s">
        <v>2063</v>
      </c>
      <c r="M281" s="72">
        <v>8214</v>
      </c>
      <c r="N281" s="52"/>
      <c r="O281" s="52"/>
      <c r="P281" s="52"/>
      <c r="Q281" s="52"/>
      <c r="R281" s="52"/>
      <c r="S281" s="52"/>
      <c r="T281" s="52"/>
      <c r="U281" s="52"/>
      <c r="V281" s="52"/>
      <c r="W281" s="52"/>
    </row>
    <row r="282" spans="1:23" hidden="1" x14ac:dyDescent="0.35">
      <c r="A282" s="52" t="s">
        <v>78</v>
      </c>
      <c r="B282" s="52" t="s">
        <v>79</v>
      </c>
      <c r="C282" s="3">
        <v>20</v>
      </c>
      <c r="D282" s="52" t="s">
        <v>80</v>
      </c>
      <c r="E282" s="52" t="s">
        <v>26</v>
      </c>
      <c r="F282" s="52" t="s">
        <v>81</v>
      </c>
      <c r="G282" s="52" t="s">
        <v>82</v>
      </c>
      <c r="H282" s="4">
        <v>1</v>
      </c>
      <c r="I282" s="2">
        <v>14.65</v>
      </c>
      <c r="J282" s="52" t="s">
        <v>2625</v>
      </c>
      <c r="K282" s="71" t="s">
        <v>2626</v>
      </c>
      <c r="L282" s="52" t="s">
        <v>2063</v>
      </c>
      <c r="M282" s="72">
        <v>6751</v>
      </c>
      <c r="N282" s="52" t="s">
        <v>2072</v>
      </c>
      <c r="O282" s="52" t="s">
        <v>2073</v>
      </c>
      <c r="P282" s="52"/>
      <c r="Q282" s="52"/>
      <c r="R282" s="52"/>
      <c r="S282" s="52"/>
      <c r="T282" s="52"/>
      <c r="U282" s="52"/>
      <c r="V282" s="52"/>
      <c r="W282" s="52"/>
    </row>
    <row r="283" spans="1:23" hidden="1" x14ac:dyDescent="0.35">
      <c r="A283" s="52" t="s">
        <v>78</v>
      </c>
      <c r="B283" s="52" t="s">
        <v>79</v>
      </c>
      <c r="C283" s="3">
        <v>20</v>
      </c>
      <c r="D283" s="52" t="s">
        <v>2023</v>
      </c>
      <c r="E283" s="52" t="s">
        <v>26</v>
      </c>
      <c r="F283" s="52" t="s">
        <v>81</v>
      </c>
      <c r="G283" s="52" t="s">
        <v>82</v>
      </c>
      <c r="H283" s="4">
        <v>1</v>
      </c>
      <c r="I283" s="2">
        <v>14.65</v>
      </c>
      <c r="J283" s="52" t="s">
        <v>2627</v>
      </c>
      <c r="K283" s="71" t="s">
        <v>2628</v>
      </c>
      <c r="L283" s="52" t="s">
        <v>2063</v>
      </c>
      <c r="M283" s="72">
        <v>1563</v>
      </c>
      <c r="N283" s="52" t="s">
        <v>2072</v>
      </c>
      <c r="O283" s="52" t="s">
        <v>2073</v>
      </c>
      <c r="P283" s="52"/>
      <c r="Q283" s="52"/>
      <c r="R283" s="52"/>
      <c r="S283" s="52"/>
      <c r="T283" s="52"/>
      <c r="U283" s="52"/>
      <c r="V283" s="52"/>
      <c r="W283" s="52"/>
    </row>
    <row r="284" spans="1:23" hidden="1" x14ac:dyDescent="0.35">
      <c r="A284" s="52" t="s">
        <v>78</v>
      </c>
      <c r="B284" s="52" t="s">
        <v>79</v>
      </c>
      <c r="C284" s="3">
        <v>211</v>
      </c>
      <c r="D284" s="52" t="s">
        <v>85</v>
      </c>
      <c r="E284" s="52" t="s">
        <v>26</v>
      </c>
      <c r="F284" s="52" t="s">
        <v>81</v>
      </c>
      <c r="G284" s="52" t="s">
        <v>82</v>
      </c>
      <c r="H284" s="4">
        <v>1</v>
      </c>
      <c r="I284" s="2">
        <v>14.65</v>
      </c>
      <c r="J284" s="52" t="s">
        <v>2629</v>
      </c>
      <c r="K284" s="71" t="s">
        <v>2630</v>
      </c>
      <c r="L284" s="52" t="s">
        <v>2063</v>
      </c>
      <c r="M284" s="72">
        <v>8587</v>
      </c>
      <c r="N284" s="52" t="s">
        <v>2072</v>
      </c>
      <c r="O284" s="52" t="s">
        <v>2073</v>
      </c>
      <c r="P284" s="52"/>
      <c r="Q284" s="52"/>
      <c r="R284" s="52"/>
      <c r="S284" s="52"/>
      <c r="T284" s="52"/>
      <c r="U284" s="52"/>
      <c r="V284" s="52"/>
      <c r="W284" s="52"/>
    </row>
    <row r="285" spans="1:23" hidden="1" x14ac:dyDescent="0.35">
      <c r="A285" s="52" t="s">
        <v>78</v>
      </c>
      <c r="B285" s="52" t="s">
        <v>79</v>
      </c>
      <c r="C285" s="3">
        <v>20</v>
      </c>
      <c r="D285" s="52" t="s">
        <v>2023</v>
      </c>
      <c r="E285" s="52" t="s">
        <v>26</v>
      </c>
      <c r="F285" s="52" t="s">
        <v>81</v>
      </c>
      <c r="G285" s="52" t="s">
        <v>82</v>
      </c>
      <c r="H285" s="4">
        <v>1</v>
      </c>
      <c r="I285" s="2">
        <v>14.65</v>
      </c>
      <c r="J285" s="52" t="s">
        <v>2091</v>
      </c>
      <c r="K285" s="71" t="s">
        <v>2631</v>
      </c>
      <c r="L285" s="52" t="s">
        <v>2063</v>
      </c>
      <c r="M285" s="72">
        <v>9937</v>
      </c>
      <c r="N285" s="52" t="s">
        <v>2072</v>
      </c>
      <c r="O285" s="52" t="s">
        <v>2073</v>
      </c>
      <c r="P285" s="52"/>
      <c r="Q285" s="52"/>
      <c r="R285" s="52"/>
      <c r="S285" s="52"/>
      <c r="T285" s="52"/>
      <c r="U285" s="52"/>
      <c r="V285" s="52"/>
      <c r="W285" s="52"/>
    </row>
    <row r="286" spans="1:23" hidden="1" x14ac:dyDescent="0.35">
      <c r="A286" s="52" t="s">
        <v>78</v>
      </c>
      <c r="B286" s="52" t="s">
        <v>79</v>
      </c>
      <c r="C286" s="3">
        <v>20</v>
      </c>
      <c r="D286" s="52" t="s">
        <v>2021</v>
      </c>
      <c r="E286" s="52" t="s">
        <v>26</v>
      </c>
      <c r="F286" s="52" t="s">
        <v>81</v>
      </c>
      <c r="G286" s="52" t="s">
        <v>82</v>
      </c>
      <c r="H286" s="4">
        <v>1</v>
      </c>
      <c r="I286" s="2">
        <v>14.65</v>
      </c>
      <c r="J286" s="52" t="s">
        <v>2632</v>
      </c>
      <c r="K286" s="71" t="s">
        <v>2633</v>
      </c>
      <c r="L286" s="52" t="s">
        <v>2063</v>
      </c>
      <c r="M286" s="72">
        <v>3119</v>
      </c>
      <c r="N286" s="52" t="s">
        <v>2072</v>
      </c>
      <c r="O286" s="52" t="s">
        <v>2073</v>
      </c>
      <c r="P286" s="52"/>
      <c r="Q286" s="52"/>
      <c r="R286" s="52"/>
      <c r="S286" s="52"/>
      <c r="T286" s="52"/>
      <c r="U286" s="52"/>
      <c r="V286" s="52"/>
      <c r="W286" s="52"/>
    </row>
    <row r="287" spans="1:23" hidden="1" x14ac:dyDescent="0.35">
      <c r="A287" s="52" t="s">
        <v>78</v>
      </c>
      <c r="B287" s="52" t="s">
        <v>79</v>
      </c>
      <c r="C287" s="3">
        <v>20</v>
      </c>
      <c r="D287" s="52" t="s">
        <v>83</v>
      </c>
      <c r="E287" s="52" t="s">
        <v>26</v>
      </c>
      <c r="F287" s="52" t="s">
        <v>81</v>
      </c>
      <c r="G287" s="52" t="s">
        <v>82</v>
      </c>
      <c r="H287" s="4">
        <v>1</v>
      </c>
      <c r="I287" s="2">
        <v>14.65</v>
      </c>
      <c r="J287" s="52" t="s">
        <v>2634</v>
      </c>
      <c r="K287" s="71" t="s">
        <v>2635</v>
      </c>
      <c r="L287" s="52" t="s">
        <v>2063</v>
      </c>
      <c r="M287" s="72">
        <v>4383</v>
      </c>
      <c r="N287" s="52" t="s">
        <v>2072</v>
      </c>
      <c r="O287" s="52" t="s">
        <v>2073</v>
      </c>
      <c r="P287" s="52"/>
      <c r="Q287" s="52"/>
      <c r="R287" s="52"/>
      <c r="S287" s="52"/>
      <c r="T287" s="52"/>
      <c r="U287" s="52"/>
      <c r="V287" s="52"/>
      <c r="W287" s="52"/>
    </row>
    <row r="288" spans="1:23" hidden="1" x14ac:dyDescent="0.35">
      <c r="A288" s="52" t="s">
        <v>78</v>
      </c>
      <c r="B288" s="52" t="s">
        <v>79</v>
      </c>
      <c r="C288" s="3">
        <v>10</v>
      </c>
      <c r="D288" s="52" t="s">
        <v>2019</v>
      </c>
      <c r="E288" s="52" t="s">
        <v>26</v>
      </c>
      <c r="F288" s="52" t="s">
        <v>81</v>
      </c>
      <c r="G288" s="52" t="s">
        <v>82</v>
      </c>
      <c r="H288" s="4">
        <v>1</v>
      </c>
      <c r="I288" s="2">
        <v>14.65</v>
      </c>
      <c r="J288" s="52" t="s">
        <v>2216</v>
      </c>
      <c r="K288" s="71" t="s">
        <v>2636</v>
      </c>
      <c r="L288" s="52" t="s">
        <v>2063</v>
      </c>
      <c r="M288" s="72">
        <v>3657</v>
      </c>
      <c r="N288" s="52"/>
      <c r="O288" s="52"/>
      <c r="P288" s="52"/>
      <c r="Q288" s="52"/>
      <c r="R288" s="52"/>
      <c r="S288" s="52"/>
      <c r="T288" s="52"/>
      <c r="U288" s="52"/>
      <c r="V288" s="52"/>
      <c r="W288" s="52"/>
    </row>
    <row r="289" spans="1:23" hidden="1" x14ac:dyDescent="0.35">
      <c r="A289" s="52" t="s">
        <v>78</v>
      </c>
      <c r="B289" s="52" t="s">
        <v>79</v>
      </c>
      <c r="C289" s="3">
        <v>10</v>
      </c>
      <c r="D289" s="52" t="s">
        <v>2023</v>
      </c>
      <c r="E289" s="52" t="s">
        <v>26</v>
      </c>
      <c r="F289" s="52" t="s">
        <v>81</v>
      </c>
      <c r="G289" s="52" t="s">
        <v>82</v>
      </c>
      <c r="H289" s="4">
        <v>1</v>
      </c>
      <c r="I289" s="2">
        <v>14.65</v>
      </c>
      <c r="J289" s="52" t="s">
        <v>2093</v>
      </c>
      <c r="K289" s="71" t="s">
        <v>2637</v>
      </c>
      <c r="L289" s="52" t="s">
        <v>2095</v>
      </c>
      <c r="M289" s="72">
        <v>606</v>
      </c>
      <c r="N289" s="52" t="s">
        <v>2072</v>
      </c>
      <c r="O289" s="52" t="s">
        <v>2073</v>
      </c>
      <c r="P289" s="52"/>
      <c r="Q289" s="52"/>
      <c r="R289" s="52"/>
      <c r="S289" s="52"/>
      <c r="T289" s="52"/>
      <c r="U289" s="52"/>
      <c r="V289" s="52"/>
      <c r="W289" s="52"/>
    </row>
    <row r="290" spans="1:23" hidden="1" x14ac:dyDescent="0.35">
      <c r="A290" s="52" t="s">
        <v>78</v>
      </c>
      <c r="B290" s="52" t="s">
        <v>79</v>
      </c>
      <c r="C290" s="3">
        <v>10</v>
      </c>
      <c r="D290" s="52" t="s">
        <v>84</v>
      </c>
      <c r="E290" s="52" t="s">
        <v>26</v>
      </c>
      <c r="F290" s="52" t="s">
        <v>81</v>
      </c>
      <c r="G290" s="52" t="s">
        <v>82</v>
      </c>
      <c r="H290" s="4">
        <v>1</v>
      </c>
      <c r="I290" s="2">
        <v>14.65</v>
      </c>
      <c r="J290" s="52" t="s">
        <v>2638</v>
      </c>
      <c r="K290" s="71" t="s">
        <v>2639</v>
      </c>
      <c r="L290" s="52" t="s">
        <v>2063</v>
      </c>
      <c r="M290" s="72">
        <v>4532</v>
      </c>
      <c r="N290" s="52" t="s">
        <v>2072</v>
      </c>
      <c r="O290" s="52" t="s">
        <v>2073</v>
      </c>
      <c r="P290" s="52"/>
      <c r="Q290" s="52"/>
      <c r="R290" s="52"/>
      <c r="S290" s="52"/>
      <c r="T290" s="52"/>
      <c r="U290" s="52"/>
      <c r="V290" s="52"/>
      <c r="W290" s="52"/>
    </row>
    <row r="291" spans="1:23" hidden="1" x14ac:dyDescent="0.35">
      <c r="A291" s="52" t="s">
        <v>78</v>
      </c>
      <c r="B291" s="52" t="s">
        <v>79</v>
      </c>
      <c r="C291" s="3">
        <v>20</v>
      </c>
      <c r="D291" s="52" t="s">
        <v>83</v>
      </c>
      <c r="E291" s="52" t="s">
        <v>26</v>
      </c>
      <c r="F291" s="52" t="s">
        <v>81</v>
      </c>
      <c r="G291" s="52" t="s">
        <v>82</v>
      </c>
      <c r="H291" s="4">
        <v>1</v>
      </c>
      <c r="I291" s="2">
        <v>14.65</v>
      </c>
      <c r="J291" s="52" t="s">
        <v>2640</v>
      </c>
      <c r="K291" s="71" t="s">
        <v>2641</v>
      </c>
      <c r="L291" s="52" t="s">
        <v>2063</v>
      </c>
      <c r="M291" s="72">
        <v>9492</v>
      </c>
      <c r="N291" s="52" t="s">
        <v>2072</v>
      </c>
      <c r="O291" s="52" t="s">
        <v>2073</v>
      </c>
      <c r="P291" s="52"/>
      <c r="Q291" s="52"/>
      <c r="R291" s="52"/>
      <c r="S291" s="52"/>
      <c r="T291" s="52"/>
      <c r="U291" s="52"/>
      <c r="V291" s="52"/>
      <c r="W291" s="52"/>
    </row>
    <row r="292" spans="1:23" hidden="1" x14ac:dyDescent="0.35">
      <c r="A292" s="52" t="s">
        <v>78</v>
      </c>
      <c r="B292" s="52" t="s">
        <v>79</v>
      </c>
      <c r="C292" s="3">
        <v>20</v>
      </c>
      <c r="D292" s="52" t="s">
        <v>2024</v>
      </c>
      <c r="E292" s="52" t="s">
        <v>26</v>
      </c>
      <c r="F292" s="52" t="s">
        <v>81</v>
      </c>
      <c r="G292" s="52" t="s">
        <v>82</v>
      </c>
      <c r="H292" s="4">
        <v>1</v>
      </c>
      <c r="I292" s="2">
        <v>14.65</v>
      </c>
      <c r="J292" s="52" t="s">
        <v>2642</v>
      </c>
      <c r="K292" s="71" t="s">
        <v>2643</v>
      </c>
      <c r="L292" s="52" t="s">
        <v>2063</v>
      </c>
      <c r="M292" s="72">
        <v>9626</v>
      </c>
      <c r="N292" s="52" t="s">
        <v>2066</v>
      </c>
      <c r="O292" s="52" t="s">
        <v>2067</v>
      </c>
      <c r="P292" s="52"/>
      <c r="Q292" s="52"/>
      <c r="R292" s="52"/>
      <c r="S292" s="52"/>
      <c r="T292" s="52"/>
      <c r="U292" s="52"/>
      <c r="V292" s="52"/>
      <c r="W292" s="52"/>
    </row>
    <row r="293" spans="1:23" x14ac:dyDescent="0.35">
      <c r="A293" s="52" t="s">
        <v>78</v>
      </c>
      <c r="B293" s="52" t="s">
        <v>79</v>
      </c>
      <c r="C293" s="3">
        <v>20</v>
      </c>
      <c r="D293" s="52" t="s">
        <v>2024</v>
      </c>
      <c r="E293" s="52" t="s">
        <v>26</v>
      </c>
      <c r="F293" s="52" t="s">
        <v>81</v>
      </c>
      <c r="G293" s="52" t="s">
        <v>82</v>
      </c>
      <c r="H293" s="4">
        <v>1</v>
      </c>
      <c r="I293" s="2">
        <v>14.65</v>
      </c>
      <c r="J293" s="52" t="s">
        <v>2644</v>
      </c>
      <c r="K293" s="71" t="s">
        <v>2645</v>
      </c>
      <c r="L293" s="52" t="s">
        <v>2063</v>
      </c>
      <c r="M293" s="72">
        <v>93</v>
      </c>
      <c r="N293" s="52" t="s">
        <v>2259</v>
      </c>
      <c r="O293" s="52" t="s">
        <v>2260</v>
      </c>
      <c r="P293" s="52"/>
      <c r="Q293" s="52"/>
      <c r="R293" s="52"/>
      <c r="S293" s="52"/>
      <c r="T293" s="52"/>
      <c r="U293" s="52"/>
      <c r="V293" s="52"/>
      <c r="W293" s="52"/>
    </row>
    <row r="294" spans="1:23" hidden="1" x14ac:dyDescent="0.35">
      <c r="A294" s="52" t="s">
        <v>78</v>
      </c>
      <c r="B294" s="52" t="s">
        <v>79</v>
      </c>
      <c r="C294" s="3">
        <v>20</v>
      </c>
      <c r="D294" s="52" t="s">
        <v>85</v>
      </c>
      <c r="E294" s="52" t="s">
        <v>26</v>
      </c>
      <c r="F294" s="52" t="s">
        <v>81</v>
      </c>
      <c r="G294" s="52" t="s">
        <v>82</v>
      </c>
      <c r="H294" s="4">
        <v>1</v>
      </c>
      <c r="I294" s="2">
        <v>14.65</v>
      </c>
      <c r="J294" s="52" t="s">
        <v>2646</v>
      </c>
      <c r="K294" s="71" t="s">
        <v>2647</v>
      </c>
      <c r="L294" s="52" t="s">
        <v>2063</v>
      </c>
      <c r="M294" s="72">
        <v>4956</v>
      </c>
      <c r="N294" s="52" t="s">
        <v>2072</v>
      </c>
      <c r="O294" s="52" t="s">
        <v>2073</v>
      </c>
      <c r="P294" s="52"/>
      <c r="Q294" s="52"/>
      <c r="R294" s="52"/>
      <c r="S294" s="52"/>
      <c r="T294" s="52"/>
      <c r="U294" s="52"/>
      <c r="V294" s="52"/>
      <c r="W294" s="52"/>
    </row>
    <row r="295" spans="1:23" hidden="1" x14ac:dyDescent="0.35">
      <c r="A295" s="52" t="s">
        <v>78</v>
      </c>
      <c r="B295" s="52" t="s">
        <v>79</v>
      </c>
      <c r="C295" s="3">
        <v>20</v>
      </c>
      <c r="D295" s="52" t="s">
        <v>80</v>
      </c>
      <c r="E295" s="52" t="s">
        <v>26</v>
      </c>
      <c r="F295" s="52" t="s">
        <v>81</v>
      </c>
      <c r="G295" s="52" t="s">
        <v>82</v>
      </c>
      <c r="H295" s="4">
        <v>1</v>
      </c>
      <c r="I295" s="2">
        <v>14.65</v>
      </c>
      <c r="J295" s="52" t="s">
        <v>2648</v>
      </c>
      <c r="K295" s="71" t="s">
        <v>2649</v>
      </c>
      <c r="L295" s="52" t="s">
        <v>2063</v>
      </c>
      <c r="M295" s="72">
        <v>2960</v>
      </c>
      <c r="N295" s="52" t="s">
        <v>2066</v>
      </c>
      <c r="O295" s="52" t="s">
        <v>2067</v>
      </c>
      <c r="P295" s="52"/>
      <c r="Q295" s="52"/>
      <c r="R295" s="52"/>
      <c r="S295" s="52"/>
      <c r="T295" s="52"/>
      <c r="U295" s="52"/>
      <c r="V295" s="52"/>
      <c r="W295" s="52"/>
    </row>
    <row r="296" spans="1:23" hidden="1" x14ac:dyDescent="0.35">
      <c r="A296" s="52" t="s">
        <v>78</v>
      </c>
      <c r="B296" s="52" t="s">
        <v>79</v>
      </c>
      <c r="C296" s="3">
        <v>20</v>
      </c>
      <c r="D296" s="52" t="s">
        <v>2019</v>
      </c>
      <c r="E296" s="52" t="s">
        <v>26</v>
      </c>
      <c r="F296" s="52" t="s">
        <v>81</v>
      </c>
      <c r="G296" s="52" t="s">
        <v>82</v>
      </c>
      <c r="H296" s="4">
        <v>1</v>
      </c>
      <c r="I296" s="2">
        <v>14.65</v>
      </c>
      <c r="J296" s="52" t="s">
        <v>2319</v>
      </c>
      <c r="K296" s="71" t="s">
        <v>2650</v>
      </c>
      <c r="L296" s="52" t="s">
        <v>2063</v>
      </c>
      <c r="M296" s="72">
        <v>2649</v>
      </c>
      <c r="N296" s="52" t="s">
        <v>2615</v>
      </c>
      <c r="O296" s="52" t="s">
        <v>2616</v>
      </c>
      <c r="P296" s="52"/>
      <c r="Q296" s="52"/>
      <c r="R296" s="52"/>
      <c r="S296" s="52"/>
      <c r="T296" s="52"/>
      <c r="U296" s="52"/>
      <c r="V296" s="52"/>
      <c r="W296" s="52"/>
    </row>
    <row r="297" spans="1:23" hidden="1" x14ac:dyDescent="0.35">
      <c r="A297" s="52" t="s">
        <v>78</v>
      </c>
      <c r="B297" s="52" t="s">
        <v>79</v>
      </c>
      <c r="C297" s="3">
        <v>20</v>
      </c>
      <c r="D297" s="52" t="s">
        <v>2020</v>
      </c>
      <c r="E297" s="52" t="s">
        <v>26</v>
      </c>
      <c r="F297" s="52" t="s">
        <v>81</v>
      </c>
      <c r="G297" s="52" t="s">
        <v>82</v>
      </c>
      <c r="H297" s="4">
        <v>1</v>
      </c>
      <c r="I297" s="2">
        <v>14.65</v>
      </c>
      <c r="J297" s="52" t="s">
        <v>2651</v>
      </c>
      <c r="K297" s="71" t="s">
        <v>2652</v>
      </c>
      <c r="L297" s="52" t="s">
        <v>2063</v>
      </c>
      <c r="M297" s="72">
        <v>3898</v>
      </c>
      <c r="N297" s="52"/>
      <c r="O297" s="52"/>
      <c r="P297" s="52"/>
      <c r="Q297" s="52"/>
      <c r="R297" s="52"/>
      <c r="S297" s="52"/>
      <c r="T297" s="52"/>
      <c r="U297" s="52"/>
      <c r="V297" s="52"/>
      <c r="W297" s="52"/>
    </row>
    <row r="298" spans="1:23" x14ac:dyDescent="0.35">
      <c r="A298" s="52" t="s">
        <v>78</v>
      </c>
      <c r="B298" s="52" t="s">
        <v>79</v>
      </c>
      <c r="C298" s="3">
        <v>10</v>
      </c>
      <c r="D298" s="52" t="s">
        <v>2019</v>
      </c>
      <c r="E298" s="52" t="s">
        <v>26</v>
      </c>
      <c r="F298" s="52" t="s">
        <v>81</v>
      </c>
      <c r="G298" s="52" t="s">
        <v>82</v>
      </c>
      <c r="H298" s="4">
        <v>1</v>
      </c>
      <c r="I298" s="2">
        <v>14.65</v>
      </c>
      <c r="J298" s="52" t="s">
        <v>2491</v>
      </c>
      <c r="K298" s="71" t="s">
        <v>2653</v>
      </c>
      <c r="L298" s="52" t="s">
        <v>2063</v>
      </c>
      <c r="M298" s="72">
        <v>6716</v>
      </c>
      <c r="N298" s="52" t="s">
        <v>2076</v>
      </c>
      <c r="O298" s="52" t="s">
        <v>2077</v>
      </c>
      <c r="P298" s="52"/>
      <c r="Q298" s="52"/>
      <c r="R298" s="52"/>
      <c r="S298" s="52"/>
      <c r="T298" s="52"/>
      <c r="U298" s="52"/>
      <c r="V298" s="52"/>
      <c r="W298" s="52"/>
    </row>
    <row r="299" spans="1:23" hidden="1" x14ac:dyDescent="0.35">
      <c r="A299" s="52" t="s">
        <v>78</v>
      </c>
      <c r="B299" s="52" t="s">
        <v>79</v>
      </c>
      <c r="C299" s="3">
        <v>10</v>
      </c>
      <c r="D299" s="52" t="s">
        <v>2019</v>
      </c>
      <c r="E299" s="52" t="s">
        <v>26</v>
      </c>
      <c r="F299" s="52" t="s">
        <v>81</v>
      </c>
      <c r="G299" s="52" t="s">
        <v>82</v>
      </c>
      <c r="H299" s="4">
        <v>1</v>
      </c>
      <c r="I299" s="2">
        <v>14.65</v>
      </c>
      <c r="J299" s="52" t="s">
        <v>2654</v>
      </c>
      <c r="K299" s="71" t="s">
        <v>2655</v>
      </c>
      <c r="L299" s="52" t="s">
        <v>2063</v>
      </c>
      <c r="M299" s="72">
        <v>5049</v>
      </c>
      <c r="N299" s="52"/>
      <c r="O299" s="52"/>
      <c r="P299" s="52"/>
      <c r="Q299" s="52"/>
      <c r="R299" s="52"/>
      <c r="S299" s="52"/>
      <c r="T299" s="52"/>
      <c r="U299" s="52"/>
      <c r="V299" s="52"/>
      <c r="W299" s="52"/>
    </row>
    <row r="300" spans="1:23" x14ac:dyDescent="0.35">
      <c r="A300" s="52" t="s">
        <v>78</v>
      </c>
      <c r="B300" s="52" t="s">
        <v>79</v>
      </c>
      <c r="C300" s="3">
        <v>20</v>
      </c>
      <c r="D300" s="52" t="s">
        <v>2021</v>
      </c>
      <c r="E300" s="52" t="s">
        <v>26</v>
      </c>
      <c r="F300" s="52" t="s">
        <v>81</v>
      </c>
      <c r="G300" s="52" t="s">
        <v>82</v>
      </c>
      <c r="H300" s="4">
        <v>1</v>
      </c>
      <c r="I300" s="2">
        <v>14.65</v>
      </c>
      <c r="J300" s="52" t="s">
        <v>2656</v>
      </c>
      <c r="K300" s="71" t="s">
        <v>2657</v>
      </c>
      <c r="L300" s="52" t="s">
        <v>2063</v>
      </c>
      <c r="M300" s="72">
        <v>2370</v>
      </c>
      <c r="N300" s="52" t="s">
        <v>2076</v>
      </c>
      <c r="O300" s="52" t="s">
        <v>2077</v>
      </c>
      <c r="P300" s="52"/>
      <c r="Q300" s="52"/>
      <c r="R300" s="52"/>
      <c r="S300" s="52"/>
      <c r="T300" s="52"/>
      <c r="U300" s="52"/>
      <c r="V300" s="52"/>
      <c r="W300" s="52"/>
    </row>
    <row r="301" spans="1:23" hidden="1" x14ac:dyDescent="0.35">
      <c r="A301" s="52" t="s">
        <v>78</v>
      </c>
      <c r="B301" s="52" t="s">
        <v>79</v>
      </c>
      <c r="C301" s="3">
        <v>10</v>
      </c>
      <c r="D301" s="52" t="s">
        <v>2019</v>
      </c>
      <c r="E301" s="52" t="s">
        <v>26</v>
      </c>
      <c r="F301" s="52" t="s">
        <v>81</v>
      </c>
      <c r="G301" s="52" t="s">
        <v>82</v>
      </c>
      <c r="H301" s="4">
        <v>1</v>
      </c>
      <c r="I301" s="2">
        <v>14.65</v>
      </c>
      <c r="J301" s="52" t="s">
        <v>2216</v>
      </c>
      <c r="K301" s="71" t="s">
        <v>2658</v>
      </c>
      <c r="L301" s="52" t="s">
        <v>2095</v>
      </c>
      <c r="M301" s="72">
        <v>2275</v>
      </c>
      <c r="N301" s="52"/>
      <c r="O301" s="52"/>
      <c r="P301" s="52"/>
      <c r="Q301" s="52"/>
      <c r="R301" s="52"/>
      <c r="S301" s="52"/>
      <c r="T301" s="52"/>
      <c r="U301" s="52"/>
      <c r="V301" s="52"/>
      <c r="W301" s="52"/>
    </row>
    <row r="302" spans="1:23" hidden="1" x14ac:dyDescent="0.35">
      <c r="A302" s="52" t="s">
        <v>78</v>
      </c>
      <c r="B302" s="52" t="s">
        <v>79</v>
      </c>
      <c r="C302" s="3">
        <v>20</v>
      </c>
      <c r="D302" s="52" t="s">
        <v>83</v>
      </c>
      <c r="E302" s="52" t="s">
        <v>26</v>
      </c>
      <c r="F302" s="52" t="s">
        <v>81</v>
      </c>
      <c r="G302" s="52" t="s">
        <v>82</v>
      </c>
      <c r="H302" s="4">
        <v>1</v>
      </c>
      <c r="I302" s="2">
        <v>14.65</v>
      </c>
      <c r="J302" s="52" t="s">
        <v>2659</v>
      </c>
      <c r="K302" s="71" t="s">
        <v>2660</v>
      </c>
      <c r="L302" s="52" t="s">
        <v>2063</v>
      </c>
      <c r="M302" s="72">
        <v>8240</v>
      </c>
      <c r="N302" s="52" t="s">
        <v>2072</v>
      </c>
      <c r="O302" s="52" t="s">
        <v>2073</v>
      </c>
      <c r="P302" s="52"/>
      <c r="Q302" s="52"/>
      <c r="R302" s="52"/>
      <c r="S302" s="52"/>
      <c r="T302" s="52"/>
      <c r="U302" s="52"/>
      <c r="V302" s="52"/>
      <c r="W302" s="52"/>
    </row>
    <row r="303" spans="1:23" x14ac:dyDescent="0.35">
      <c r="A303" s="52" t="s">
        <v>78</v>
      </c>
      <c r="B303" s="52" t="s">
        <v>79</v>
      </c>
      <c r="C303" s="3">
        <v>10</v>
      </c>
      <c r="D303" s="52" t="s">
        <v>2019</v>
      </c>
      <c r="E303" s="52" t="s">
        <v>26</v>
      </c>
      <c r="F303" s="52" t="s">
        <v>81</v>
      </c>
      <c r="G303" s="52" t="s">
        <v>82</v>
      </c>
      <c r="H303" s="4">
        <v>1</v>
      </c>
      <c r="I303" s="2">
        <v>14.65</v>
      </c>
      <c r="J303" s="52" t="s">
        <v>2661</v>
      </c>
      <c r="K303" s="71" t="s">
        <v>2662</v>
      </c>
      <c r="L303" s="52" t="s">
        <v>2063</v>
      </c>
      <c r="M303" s="72">
        <v>3454</v>
      </c>
      <c r="N303" s="52" t="s">
        <v>2259</v>
      </c>
      <c r="O303" s="52" t="s">
        <v>2260</v>
      </c>
      <c r="P303" s="52"/>
      <c r="Q303" s="52"/>
      <c r="R303" s="52"/>
      <c r="S303" s="52"/>
      <c r="T303" s="52"/>
      <c r="U303" s="52"/>
      <c r="V303" s="52"/>
      <c r="W303" s="52"/>
    </row>
    <row r="304" spans="1:23" hidden="1" x14ac:dyDescent="0.35">
      <c r="A304" s="52" t="s">
        <v>78</v>
      </c>
      <c r="B304" s="52" t="s">
        <v>79</v>
      </c>
      <c r="C304" s="3">
        <v>20</v>
      </c>
      <c r="D304" s="52" t="s">
        <v>84</v>
      </c>
      <c r="E304" s="52" t="s">
        <v>26</v>
      </c>
      <c r="F304" s="52" t="s">
        <v>81</v>
      </c>
      <c r="G304" s="52" t="s">
        <v>82</v>
      </c>
      <c r="H304" s="4">
        <v>1</v>
      </c>
      <c r="I304" s="2">
        <v>14.65</v>
      </c>
      <c r="J304" s="52" t="s">
        <v>2663</v>
      </c>
      <c r="K304" s="71" t="s">
        <v>2664</v>
      </c>
      <c r="L304" s="52" t="s">
        <v>2063</v>
      </c>
      <c r="M304" s="72">
        <v>4920</v>
      </c>
      <c r="N304" s="52" t="s">
        <v>2072</v>
      </c>
      <c r="O304" s="52" t="s">
        <v>2073</v>
      </c>
      <c r="P304" s="52"/>
      <c r="Q304" s="52"/>
      <c r="R304" s="52"/>
      <c r="S304" s="52"/>
      <c r="T304" s="52"/>
      <c r="U304" s="52"/>
      <c r="V304" s="52"/>
      <c r="W304" s="52"/>
    </row>
    <row r="305" spans="1:23" hidden="1" x14ac:dyDescent="0.35">
      <c r="A305" s="52" t="s">
        <v>78</v>
      </c>
      <c r="B305" s="52" t="s">
        <v>79</v>
      </c>
      <c r="C305" s="3">
        <v>20</v>
      </c>
      <c r="D305" s="52" t="s">
        <v>86</v>
      </c>
      <c r="E305" s="52" t="s">
        <v>26</v>
      </c>
      <c r="F305" s="52" t="s">
        <v>81</v>
      </c>
      <c r="G305" s="52" t="s">
        <v>82</v>
      </c>
      <c r="H305" s="4">
        <v>1</v>
      </c>
      <c r="I305" s="2">
        <v>14.65</v>
      </c>
      <c r="J305" s="52" t="s">
        <v>2665</v>
      </c>
      <c r="K305" s="71" t="s">
        <v>2666</v>
      </c>
      <c r="L305" s="52" t="s">
        <v>2063</v>
      </c>
      <c r="M305" s="72">
        <v>6180</v>
      </c>
      <c r="N305" s="52" t="s">
        <v>2066</v>
      </c>
      <c r="O305" s="52" t="s">
        <v>2067</v>
      </c>
      <c r="P305" s="52"/>
      <c r="Q305" s="52"/>
      <c r="R305" s="52"/>
      <c r="S305" s="52"/>
      <c r="T305" s="52"/>
      <c r="U305" s="52"/>
      <c r="V305" s="52"/>
      <c r="W305" s="52"/>
    </row>
    <row r="306" spans="1:23" x14ac:dyDescent="0.35">
      <c r="A306" s="52" t="s">
        <v>78</v>
      </c>
      <c r="B306" s="52" t="s">
        <v>79</v>
      </c>
      <c r="C306" s="3">
        <v>20</v>
      </c>
      <c r="D306" s="52" t="s">
        <v>2020</v>
      </c>
      <c r="E306" s="52" t="s">
        <v>26</v>
      </c>
      <c r="F306" s="52" t="s">
        <v>81</v>
      </c>
      <c r="G306" s="52" t="s">
        <v>82</v>
      </c>
      <c r="H306" s="4">
        <v>1</v>
      </c>
      <c r="I306" s="2">
        <v>14.65</v>
      </c>
      <c r="J306" s="52" t="s">
        <v>2667</v>
      </c>
      <c r="K306" s="71" t="s">
        <v>2668</v>
      </c>
      <c r="L306" s="52" t="s">
        <v>2063</v>
      </c>
      <c r="M306" s="72">
        <v>1581</v>
      </c>
      <c r="N306" s="52" t="s">
        <v>2076</v>
      </c>
      <c r="O306" s="52" t="s">
        <v>2077</v>
      </c>
      <c r="P306" s="52"/>
      <c r="Q306" s="52"/>
      <c r="R306" s="52"/>
      <c r="S306" s="52"/>
      <c r="T306" s="52"/>
      <c r="U306" s="52"/>
      <c r="V306" s="52"/>
      <c r="W306" s="52"/>
    </row>
    <row r="307" spans="1:23" hidden="1" x14ac:dyDescent="0.35">
      <c r="A307" s="52" t="s">
        <v>78</v>
      </c>
      <c r="B307" s="52" t="s">
        <v>79</v>
      </c>
      <c r="C307" s="3">
        <v>211</v>
      </c>
      <c r="D307" s="52" t="s">
        <v>86</v>
      </c>
      <c r="E307" s="52" t="s">
        <v>26</v>
      </c>
      <c r="F307" s="52" t="s">
        <v>81</v>
      </c>
      <c r="G307" s="52" t="s">
        <v>82</v>
      </c>
      <c r="H307" s="4">
        <v>1</v>
      </c>
      <c r="I307" s="2">
        <v>14.65</v>
      </c>
      <c r="J307" s="52" t="s">
        <v>2669</v>
      </c>
      <c r="K307" s="71" t="s">
        <v>2670</v>
      </c>
      <c r="L307" s="52" t="s">
        <v>2063</v>
      </c>
      <c r="M307" s="72">
        <v>9773</v>
      </c>
      <c r="N307" s="52" t="s">
        <v>2072</v>
      </c>
      <c r="O307" s="52" t="s">
        <v>2073</v>
      </c>
      <c r="P307" s="52"/>
      <c r="Q307" s="52"/>
      <c r="R307" s="52"/>
      <c r="S307" s="52"/>
      <c r="T307" s="52"/>
      <c r="U307" s="52"/>
      <c r="V307" s="52"/>
      <c r="W307" s="52"/>
    </row>
    <row r="308" spans="1:23" hidden="1" x14ac:dyDescent="0.35">
      <c r="A308" s="52" t="s">
        <v>78</v>
      </c>
      <c r="B308" s="52" t="s">
        <v>79</v>
      </c>
      <c r="C308" s="3">
        <v>20</v>
      </c>
      <c r="D308" s="52" t="s">
        <v>80</v>
      </c>
      <c r="E308" s="52" t="s">
        <v>26</v>
      </c>
      <c r="F308" s="52" t="s">
        <v>81</v>
      </c>
      <c r="G308" s="52" t="s">
        <v>82</v>
      </c>
      <c r="H308" s="4">
        <v>1</v>
      </c>
      <c r="I308" s="2">
        <v>14.65</v>
      </c>
      <c r="J308" s="52" t="s">
        <v>2671</v>
      </c>
      <c r="K308" s="71" t="s">
        <v>2672</v>
      </c>
      <c r="L308" s="52" t="s">
        <v>2063</v>
      </c>
      <c r="M308" s="72">
        <v>7940</v>
      </c>
      <c r="N308" s="52" t="s">
        <v>2072</v>
      </c>
      <c r="O308" s="52" t="s">
        <v>2073</v>
      </c>
      <c r="P308" s="52"/>
      <c r="Q308" s="52"/>
      <c r="R308" s="52"/>
      <c r="S308" s="52"/>
      <c r="T308" s="52"/>
      <c r="U308" s="52"/>
      <c r="V308" s="52"/>
      <c r="W308" s="52"/>
    </row>
    <row r="309" spans="1:23" hidden="1" x14ac:dyDescent="0.35">
      <c r="A309" s="52" t="s">
        <v>78</v>
      </c>
      <c r="B309" s="52" t="s">
        <v>79</v>
      </c>
      <c r="C309" s="3">
        <v>20</v>
      </c>
      <c r="D309" s="52" t="s">
        <v>2024</v>
      </c>
      <c r="E309" s="52" t="s">
        <v>26</v>
      </c>
      <c r="F309" s="52" t="s">
        <v>81</v>
      </c>
      <c r="G309" s="52" t="s">
        <v>82</v>
      </c>
      <c r="H309" s="4">
        <v>1</v>
      </c>
      <c r="I309" s="2">
        <v>14.65</v>
      </c>
      <c r="J309" s="52" t="s">
        <v>2673</v>
      </c>
      <c r="K309" s="71" t="s">
        <v>2674</v>
      </c>
      <c r="L309" s="52" t="s">
        <v>2063</v>
      </c>
      <c r="M309" s="72">
        <v>765</v>
      </c>
      <c r="N309" s="52"/>
      <c r="O309" s="52"/>
      <c r="P309" s="52"/>
      <c r="Q309" s="52"/>
      <c r="R309" s="52"/>
      <c r="S309" s="52"/>
      <c r="T309" s="52"/>
      <c r="U309" s="52"/>
      <c r="V309" s="52"/>
      <c r="W309" s="52"/>
    </row>
    <row r="310" spans="1:23" hidden="1" x14ac:dyDescent="0.35">
      <c r="A310" s="52" t="s">
        <v>78</v>
      </c>
      <c r="B310" s="52" t="s">
        <v>79</v>
      </c>
      <c r="C310" s="3">
        <v>20</v>
      </c>
      <c r="D310" s="52" t="s">
        <v>87</v>
      </c>
      <c r="E310" s="52" t="s">
        <v>26</v>
      </c>
      <c r="F310" s="52" t="s">
        <v>81</v>
      </c>
      <c r="G310" s="52" t="s">
        <v>82</v>
      </c>
      <c r="H310" s="4">
        <v>1</v>
      </c>
      <c r="I310" s="2">
        <v>14.65</v>
      </c>
      <c r="J310" s="52" t="s">
        <v>2189</v>
      </c>
      <c r="K310" s="71" t="s">
        <v>2675</v>
      </c>
      <c r="L310" s="52" t="s">
        <v>2063</v>
      </c>
      <c r="M310" s="72">
        <v>3322</v>
      </c>
      <c r="N310" s="52" t="s">
        <v>2066</v>
      </c>
      <c r="O310" s="52" t="s">
        <v>2067</v>
      </c>
      <c r="P310" s="52"/>
      <c r="Q310" s="52"/>
      <c r="R310" s="52"/>
      <c r="S310" s="52"/>
      <c r="T310" s="52"/>
      <c r="U310" s="52"/>
      <c r="V310" s="52"/>
      <c r="W310" s="52"/>
    </row>
    <row r="311" spans="1:23" hidden="1" x14ac:dyDescent="0.35">
      <c r="A311" s="52" t="s">
        <v>78</v>
      </c>
      <c r="B311" s="52" t="s">
        <v>79</v>
      </c>
      <c r="C311" s="3">
        <v>10</v>
      </c>
      <c r="D311" s="52" t="s">
        <v>84</v>
      </c>
      <c r="E311" s="52" t="s">
        <v>26</v>
      </c>
      <c r="F311" s="52" t="s">
        <v>81</v>
      </c>
      <c r="G311" s="52" t="s">
        <v>82</v>
      </c>
      <c r="H311" s="4">
        <v>1</v>
      </c>
      <c r="I311" s="2">
        <v>14.65</v>
      </c>
      <c r="J311" s="52" t="s">
        <v>2093</v>
      </c>
      <c r="K311" s="71" t="s">
        <v>2676</v>
      </c>
      <c r="L311" s="52" t="s">
        <v>2063</v>
      </c>
      <c r="M311" s="72">
        <v>8217</v>
      </c>
      <c r="N311" s="52" t="s">
        <v>2072</v>
      </c>
      <c r="O311" s="52" t="s">
        <v>2073</v>
      </c>
      <c r="P311" s="52"/>
      <c r="Q311" s="52"/>
      <c r="R311" s="52"/>
      <c r="S311" s="52"/>
      <c r="T311" s="52"/>
      <c r="U311" s="52"/>
      <c r="V311" s="52"/>
      <c r="W311" s="52"/>
    </row>
    <row r="312" spans="1:23" hidden="1" x14ac:dyDescent="0.35">
      <c r="A312" s="52" t="s">
        <v>78</v>
      </c>
      <c r="B312" s="52" t="s">
        <v>79</v>
      </c>
      <c r="C312" s="3">
        <v>10</v>
      </c>
      <c r="D312" s="52" t="s">
        <v>80</v>
      </c>
      <c r="E312" s="52" t="s">
        <v>26</v>
      </c>
      <c r="F312" s="52" t="s">
        <v>81</v>
      </c>
      <c r="G312" s="52" t="s">
        <v>82</v>
      </c>
      <c r="H312" s="4">
        <v>1</v>
      </c>
      <c r="I312" s="2">
        <v>14.65</v>
      </c>
      <c r="J312" s="52" t="s">
        <v>2677</v>
      </c>
      <c r="K312" s="71" t="s">
        <v>2678</v>
      </c>
      <c r="L312" s="52" t="s">
        <v>2063</v>
      </c>
      <c r="M312" s="72">
        <v>431</v>
      </c>
      <c r="N312" s="52"/>
      <c r="O312" s="52"/>
      <c r="P312" s="52"/>
      <c r="Q312" s="52"/>
      <c r="R312" s="52"/>
      <c r="S312" s="52"/>
      <c r="T312" s="52"/>
      <c r="U312" s="52"/>
      <c r="V312" s="52"/>
      <c r="W312" s="52"/>
    </row>
    <row r="313" spans="1:23" hidden="1" x14ac:dyDescent="0.35">
      <c r="A313" s="52" t="s">
        <v>78</v>
      </c>
      <c r="B313" s="52" t="s">
        <v>79</v>
      </c>
      <c r="C313" s="3">
        <v>10</v>
      </c>
      <c r="D313" s="52" t="s">
        <v>2020</v>
      </c>
      <c r="E313" s="52" t="s">
        <v>26</v>
      </c>
      <c r="F313" s="52" t="s">
        <v>81</v>
      </c>
      <c r="G313" s="52" t="s">
        <v>82</v>
      </c>
      <c r="H313" s="4">
        <v>1</v>
      </c>
      <c r="I313" s="2">
        <v>14.65</v>
      </c>
      <c r="J313" s="52" t="s">
        <v>2679</v>
      </c>
      <c r="K313" s="71" t="s">
        <v>2680</v>
      </c>
      <c r="L313" s="52" t="s">
        <v>2063</v>
      </c>
      <c r="M313" s="72">
        <v>7393</v>
      </c>
      <c r="N313" s="52" t="s">
        <v>2066</v>
      </c>
      <c r="O313" s="52" t="s">
        <v>2067</v>
      </c>
      <c r="P313" s="52"/>
      <c r="Q313" s="52"/>
      <c r="R313" s="52"/>
      <c r="S313" s="52"/>
      <c r="T313" s="52"/>
      <c r="U313" s="52"/>
      <c r="V313" s="52"/>
      <c r="W313" s="52"/>
    </row>
    <row r="314" spans="1:23" hidden="1" x14ac:dyDescent="0.35">
      <c r="A314" s="52" t="s">
        <v>78</v>
      </c>
      <c r="B314" s="52" t="s">
        <v>79</v>
      </c>
      <c r="C314" s="3">
        <v>211</v>
      </c>
      <c r="D314" s="52" t="s">
        <v>2021</v>
      </c>
      <c r="E314" s="52" t="s">
        <v>26</v>
      </c>
      <c r="F314" s="52" t="s">
        <v>81</v>
      </c>
      <c r="G314" s="52" t="s">
        <v>82</v>
      </c>
      <c r="H314" s="4">
        <v>1</v>
      </c>
      <c r="I314" s="2">
        <v>14.65</v>
      </c>
      <c r="J314" s="52" t="s">
        <v>2681</v>
      </c>
      <c r="K314" s="71" t="s">
        <v>2682</v>
      </c>
      <c r="L314" s="52" t="s">
        <v>2063</v>
      </c>
      <c r="M314" s="72">
        <v>2645</v>
      </c>
      <c r="N314" s="52" t="s">
        <v>2066</v>
      </c>
      <c r="O314" s="52" t="s">
        <v>2067</v>
      </c>
      <c r="P314" s="52"/>
      <c r="Q314" s="52"/>
      <c r="R314" s="52"/>
      <c r="S314" s="52"/>
      <c r="T314" s="52"/>
      <c r="U314" s="52"/>
      <c r="V314" s="52"/>
      <c r="W314" s="52"/>
    </row>
    <row r="315" spans="1:23" hidden="1" x14ac:dyDescent="0.35">
      <c r="A315" s="52" t="s">
        <v>78</v>
      </c>
      <c r="B315" s="52" t="s">
        <v>79</v>
      </c>
      <c r="C315" s="3">
        <v>20</v>
      </c>
      <c r="D315" s="52" t="s">
        <v>2021</v>
      </c>
      <c r="E315" s="52" t="s">
        <v>26</v>
      </c>
      <c r="F315" s="52" t="s">
        <v>81</v>
      </c>
      <c r="G315" s="52" t="s">
        <v>82</v>
      </c>
      <c r="H315" s="4">
        <v>1</v>
      </c>
      <c r="I315" s="2">
        <v>14.65</v>
      </c>
      <c r="J315" s="52" t="s">
        <v>2683</v>
      </c>
      <c r="K315" s="71" t="s">
        <v>2684</v>
      </c>
      <c r="L315" s="52" t="s">
        <v>2063</v>
      </c>
      <c r="M315" s="72">
        <v>9314</v>
      </c>
      <c r="N315" s="52" t="s">
        <v>2072</v>
      </c>
      <c r="O315" s="52" t="s">
        <v>2073</v>
      </c>
      <c r="P315" s="52"/>
      <c r="Q315" s="52"/>
      <c r="R315" s="52"/>
      <c r="S315" s="52"/>
      <c r="T315" s="52"/>
      <c r="U315" s="52"/>
      <c r="V315" s="52"/>
      <c r="W315" s="52"/>
    </row>
    <row r="316" spans="1:23" hidden="1" x14ac:dyDescent="0.35">
      <c r="A316" s="52" t="s">
        <v>78</v>
      </c>
      <c r="B316" s="52" t="s">
        <v>79</v>
      </c>
      <c r="C316" s="3">
        <v>20</v>
      </c>
      <c r="D316" s="52" t="s">
        <v>2022</v>
      </c>
      <c r="E316" s="52" t="s">
        <v>26</v>
      </c>
      <c r="F316" s="52" t="s">
        <v>81</v>
      </c>
      <c r="G316" s="52" t="s">
        <v>82</v>
      </c>
      <c r="H316" s="4">
        <v>1</v>
      </c>
      <c r="I316" s="2">
        <v>14.65</v>
      </c>
      <c r="J316" s="52" t="s">
        <v>2685</v>
      </c>
      <c r="K316" s="71" t="s">
        <v>2686</v>
      </c>
      <c r="L316" s="52" t="s">
        <v>2063</v>
      </c>
      <c r="M316" s="72">
        <v>6041</v>
      </c>
      <c r="N316" s="52"/>
      <c r="O316" s="52"/>
      <c r="P316" s="52"/>
      <c r="Q316" s="52"/>
      <c r="R316" s="52"/>
      <c r="S316" s="52"/>
      <c r="T316" s="52"/>
      <c r="U316" s="52"/>
      <c r="V316" s="52"/>
      <c r="W316" s="52"/>
    </row>
    <row r="317" spans="1:23" hidden="1" x14ac:dyDescent="0.35">
      <c r="A317" s="52" t="s">
        <v>78</v>
      </c>
      <c r="B317" s="52" t="s">
        <v>79</v>
      </c>
      <c r="C317" s="3">
        <v>10</v>
      </c>
      <c r="D317" s="52" t="s">
        <v>2021</v>
      </c>
      <c r="E317" s="52" t="s">
        <v>26</v>
      </c>
      <c r="F317" s="52" t="s">
        <v>81</v>
      </c>
      <c r="G317" s="52" t="s">
        <v>82</v>
      </c>
      <c r="H317" s="4">
        <v>1</v>
      </c>
      <c r="I317" s="2">
        <v>14.65</v>
      </c>
      <c r="J317" s="52" t="s">
        <v>2687</v>
      </c>
      <c r="K317" s="71" t="s">
        <v>2688</v>
      </c>
      <c r="L317" s="52" t="s">
        <v>2063</v>
      </c>
      <c r="M317" s="72">
        <v>4887</v>
      </c>
      <c r="N317" s="52" t="s">
        <v>2066</v>
      </c>
      <c r="O317" s="52" t="s">
        <v>2067</v>
      </c>
      <c r="P317" s="52"/>
      <c r="Q317" s="52"/>
      <c r="R317" s="52"/>
      <c r="S317" s="52"/>
      <c r="T317" s="52"/>
      <c r="U317" s="52"/>
      <c r="V317" s="52"/>
      <c r="W317" s="52"/>
    </row>
    <row r="318" spans="1:23" hidden="1" x14ac:dyDescent="0.35">
      <c r="A318" s="52" t="s">
        <v>78</v>
      </c>
      <c r="B318" s="52" t="s">
        <v>79</v>
      </c>
      <c r="C318" s="3">
        <v>20</v>
      </c>
      <c r="D318" s="52" t="s">
        <v>85</v>
      </c>
      <c r="E318" s="52" t="s">
        <v>26</v>
      </c>
      <c r="F318" s="52" t="s">
        <v>81</v>
      </c>
      <c r="G318" s="52" t="s">
        <v>82</v>
      </c>
      <c r="H318" s="4">
        <v>1</v>
      </c>
      <c r="I318" s="2">
        <v>14.65</v>
      </c>
      <c r="J318" s="52" t="s">
        <v>2252</v>
      </c>
      <c r="K318" s="71" t="s">
        <v>2689</v>
      </c>
      <c r="L318" s="52" t="s">
        <v>2063</v>
      </c>
      <c r="M318" s="72">
        <v>7284</v>
      </c>
      <c r="N318" s="52"/>
      <c r="O318" s="52"/>
      <c r="P318" s="52"/>
      <c r="Q318" s="52"/>
      <c r="R318" s="52"/>
      <c r="S318" s="52"/>
      <c r="T318" s="52"/>
      <c r="U318" s="52"/>
      <c r="V318" s="52"/>
      <c r="W318" s="52"/>
    </row>
    <row r="319" spans="1:23" hidden="1" x14ac:dyDescent="0.35">
      <c r="A319" s="52" t="s">
        <v>78</v>
      </c>
      <c r="B319" s="52" t="s">
        <v>79</v>
      </c>
      <c r="C319" s="3">
        <v>212</v>
      </c>
      <c r="D319" s="52" t="s">
        <v>2024</v>
      </c>
      <c r="E319" s="52" t="s">
        <v>26</v>
      </c>
      <c r="F319" s="52" t="s">
        <v>81</v>
      </c>
      <c r="G319" s="52" t="s">
        <v>82</v>
      </c>
      <c r="H319" s="4">
        <v>1</v>
      </c>
      <c r="I319" s="2">
        <v>14.65</v>
      </c>
      <c r="J319" s="52" t="s">
        <v>2690</v>
      </c>
      <c r="K319" s="71" t="s">
        <v>2691</v>
      </c>
      <c r="L319" s="52" t="s">
        <v>2063</v>
      </c>
      <c r="M319" s="72">
        <v>7853</v>
      </c>
      <c r="N319" s="52" t="s">
        <v>2072</v>
      </c>
      <c r="O319" s="52" t="s">
        <v>2073</v>
      </c>
      <c r="P319" s="52"/>
      <c r="Q319" s="52"/>
      <c r="R319" s="52"/>
      <c r="S319" s="52"/>
      <c r="T319" s="52"/>
      <c r="U319" s="52"/>
      <c r="V319" s="52"/>
      <c r="W319" s="52"/>
    </row>
    <row r="320" spans="1:23" hidden="1" x14ac:dyDescent="0.35">
      <c r="A320" s="52" t="s">
        <v>78</v>
      </c>
      <c r="B320" s="52" t="s">
        <v>79</v>
      </c>
      <c r="C320" s="3">
        <v>211</v>
      </c>
      <c r="D320" s="52" t="s">
        <v>2020</v>
      </c>
      <c r="E320" s="52" t="s">
        <v>26</v>
      </c>
      <c r="F320" s="52" t="s">
        <v>81</v>
      </c>
      <c r="G320" s="52" t="s">
        <v>82</v>
      </c>
      <c r="H320" s="4">
        <v>1</v>
      </c>
      <c r="I320" s="2">
        <v>14.65</v>
      </c>
      <c r="J320" s="52" t="s">
        <v>2692</v>
      </c>
      <c r="K320" s="71" t="s">
        <v>2693</v>
      </c>
      <c r="L320" s="52" t="s">
        <v>2063</v>
      </c>
      <c r="M320" s="72">
        <v>1278</v>
      </c>
      <c r="N320" s="52"/>
      <c r="O320" s="52"/>
      <c r="P320" s="52"/>
      <c r="Q320" s="52"/>
      <c r="R320" s="52"/>
      <c r="S320" s="52"/>
      <c r="T320" s="52"/>
      <c r="U320" s="52"/>
      <c r="V320" s="52"/>
      <c r="W320" s="52"/>
    </row>
    <row r="321" spans="1:23" hidden="1" x14ac:dyDescent="0.35">
      <c r="A321" s="52" t="s">
        <v>78</v>
      </c>
      <c r="B321" s="52" t="s">
        <v>79</v>
      </c>
      <c r="C321" s="3">
        <v>20</v>
      </c>
      <c r="D321" s="52" t="s">
        <v>2019</v>
      </c>
      <c r="E321" s="52" t="s">
        <v>26</v>
      </c>
      <c r="F321" s="52" t="s">
        <v>81</v>
      </c>
      <c r="G321" s="52" t="s">
        <v>82</v>
      </c>
      <c r="H321" s="4">
        <v>1</v>
      </c>
      <c r="I321" s="2">
        <v>14.65</v>
      </c>
      <c r="J321" s="52" t="s">
        <v>2271</v>
      </c>
      <c r="K321" s="71" t="s">
        <v>2694</v>
      </c>
      <c r="L321" s="52" t="s">
        <v>2063</v>
      </c>
      <c r="M321" s="72">
        <v>2043</v>
      </c>
      <c r="N321" s="52"/>
      <c r="O321" s="52"/>
      <c r="P321" s="52"/>
      <c r="Q321" s="52"/>
      <c r="R321" s="52"/>
      <c r="S321" s="52"/>
      <c r="T321" s="52"/>
      <c r="U321" s="52"/>
      <c r="V321" s="52"/>
      <c r="W321" s="52"/>
    </row>
    <row r="322" spans="1:23" hidden="1" x14ac:dyDescent="0.35">
      <c r="A322" s="52" t="s">
        <v>78</v>
      </c>
      <c r="B322" s="52" t="s">
        <v>79</v>
      </c>
      <c r="C322" s="3">
        <v>20</v>
      </c>
      <c r="D322" s="52" t="s">
        <v>2022</v>
      </c>
      <c r="E322" s="52" t="s">
        <v>26</v>
      </c>
      <c r="F322" s="52" t="s">
        <v>81</v>
      </c>
      <c r="G322" s="52" t="s">
        <v>82</v>
      </c>
      <c r="H322" s="4">
        <v>1</v>
      </c>
      <c r="I322" s="2">
        <v>14.65</v>
      </c>
      <c r="J322" s="52" t="s">
        <v>2695</v>
      </c>
      <c r="K322" s="71" t="s">
        <v>2696</v>
      </c>
      <c r="L322" s="52" t="s">
        <v>2063</v>
      </c>
      <c r="M322" s="72">
        <v>2798</v>
      </c>
      <c r="N322" s="52" t="s">
        <v>2072</v>
      </c>
      <c r="O322" s="52" t="s">
        <v>2073</v>
      </c>
      <c r="P322" s="52"/>
      <c r="Q322" s="52"/>
      <c r="R322" s="52"/>
      <c r="S322" s="52"/>
      <c r="T322" s="52"/>
      <c r="U322" s="52"/>
      <c r="V322" s="52"/>
      <c r="W322" s="52"/>
    </row>
    <row r="323" spans="1:23" hidden="1" x14ac:dyDescent="0.35">
      <c r="A323" s="52" t="s">
        <v>78</v>
      </c>
      <c r="B323" s="52" t="s">
        <v>79</v>
      </c>
      <c r="C323" s="3">
        <v>211</v>
      </c>
      <c r="D323" s="52" t="s">
        <v>2021</v>
      </c>
      <c r="E323" s="52" t="s">
        <v>26</v>
      </c>
      <c r="F323" s="52" t="s">
        <v>81</v>
      </c>
      <c r="G323" s="52" t="s">
        <v>82</v>
      </c>
      <c r="H323" s="4">
        <v>1</v>
      </c>
      <c r="I323" s="2">
        <v>14.65</v>
      </c>
      <c r="J323" s="52" t="s">
        <v>2697</v>
      </c>
      <c r="K323" s="71" t="s">
        <v>2698</v>
      </c>
      <c r="L323" s="52" t="s">
        <v>2063</v>
      </c>
      <c r="M323" s="72">
        <v>1795</v>
      </c>
      <c r="N323" s="52"/>
      <c r="O323" s="52"/>
      <c r="P323" s="52"/>
      <c r="Q323" s="52"/>
      <c r="R323" s="52"/>
      <c r="S323" s="52"/>
      <c r="T323" s="52"/>
      <c r="U323" s="52"/>
      <c r="V323" s="52"/>
      <c r="W323" s="52"/>
    </row>
    <row r="324" spans="1:23" hidden="1" x14ac:dyDescent="0.35">
      <c r="A324" s="52" t="s">
        <v>78</v>
      </c>
      <c r="B324" s="52" t="s">
        <v>79</v>
      </c>
      <c r="C324" s="3">
        <v>10</v>
      </c>
      <c r="D324" s="52" t="s">
        <v>85</v>
      </c>
      <c r="E324" s="52" t="s">
        <v>26</v>
      </c>
      <c r="F324" s="52" t="s">
        <v>81</v>
      </c>
      <c r="G324" s="52" t="s">
        <v>82</v>
      </c>
      <c r="H324" s="4">
        <v>1</v>
      </c>
      <c r="I324" s="2">
        <v>14.65</v>
      </c>
      <c r="J324" s="52" t="s">
        <v>2699</v>
      </c>
      <c r="K324" s="71" t="s">
        <v>2700</v>
      </c>
      <c r="L324" s="52" t="s">
        <v>2063</v>
      </c>
      <c r="M324" s="72">
        <v>8667</v>
      </c>
      <c r="N324" s="52" t="s">
        <v>2072</v>
      </c>
      <c r="O324" s="52" t="s">
        <v>2073</v>
      </c>
      <c r="P324" s="52"/>
      <c r="Q324" s="52"/>
      <c r="R324" s="52"/>
      <c r="S324" s="52"/>
      <c r="T324" s="52"/>
      <c r="U324" s="52"/>
      <c r="V324" s="52"/>
      <c r="W324" s="52"/>
    </row>
    <row r="325" spans="1:23" hidden="1" x14ac:dyDescent="0.35">
      <c r="A325" s="52" t="s">
        <v>78</v>
      </c>
      <c r="B325" s="52" t="s">
        <v>79</v>
      </c>
      <c r="C325" s="3">
        <v>20</v>
      </c>
      <c r="D325" s="52" t="s">
        <v>85</v>
      </c>
      <c r="E325" s="52" t="s">
        <v>26</v>
      </c>
      <c r="F325" s="52" t="s">
        <v>81</v>
      </c>
      <c r="G325" s="52" t="s">
        <v>82</v>
      </c>
      <c r="H325" s="4">
        <v>1</v>
      </c>
      <c r="I325" s="2">
        <v>14.65</v>
      </c>
      <c r="J325" s="52" t="s">
        <v>2701</v>
      </c>
      <c r="K325" s="71" t="s">
        <v>2702</v>
      </c>
      <c r="L325" s="52" t="s">
        <v>2063</v>
      </c>
      <c r="M325" s="72">
        <v>8972</v>
      </c>
      <c r="N325" s="52" t="s">
        <v>2072</v>
      </c>
      <c r="O325" s="52" t="s">
        <v>2073</v>
      </c>
      <c r="P325" s="52"/>
      <c r="Q325" s="52"/>
      <c r="R325" s="52"/>
      <c r="S325" s="52"/>
      <c r="T325" s="52"/>
      <c r="U325" s="52"/>
      <c r="V325" s="52"/>
      <c r="W325" s="52"/>
    </row>
    <row r="326" spans="1:23" hidden="1" x14ac:dyDescent="0.35">
      <c r="A326" s="52" t="s">
        <v>78</v>
      </c>
      <c r="B326" s="52" t="s">
        <v>79</v>
      </c>
      <c r="C326" s="3">
        <v>10</v>
      </c>
      <c r="D326" s="52" t="s">
        <v>87</v>
      </c>
      <c r="E326" s="52" t="s">
        <v>26</v>
      </c>
      <c r="F326" s="52" t="s">
        <v>81</v>
      </c>
      <c r="G326" s="52" t="s">
        <v>82</v>
      </c>
      <c r="H326" s="4">
        <v>1</v>
      </c>
      <c r="I326" s="2">
        <v>14.65</v>
      </c>
      <c r="J326" s="52" t="s">
        <v>2703</v>
      </c>
      <c r="K326" s="71" t="s">
        <v>2704</v>
      </c>
      <c r="L326" s="52" t="s">
        <v>2063</v>
      </c>
      <c r="M326" s="72">
        <v>6249</v>
      </c>
      <c r="N326" s="52" t="s">
        <v>2072</v>
      </c>
      <c r="O326" s="52" t="s">
        <v>2073</v>
      </c>
      <c r="P326" s="52"/>
      <c r="Q326" s="52"/>
      <c r="R326" s="52"/>
      <c r="S326" s="52"/>
      <c r="T326" s="52"/>
      <c r="U326" s="52"/>
      <c r="V326" s="52"/>
      <c r="W326" s="52"/>
    </row>
    <row r="327" spans="1:23" hidden="1" x14ac:dyDescent="0.35">
      <c r="A327" s="52" t="s">
        <v>78</v>
      </c>
      <c r="B327" s="52" t="s">
        <v>79</v>
      </c>
      <c r="C327" s="3">
        <v>20</v>
      </c>
      <c r="D327" s="52" t="s">
        <v>80</v>
      </c>
      <c r="E327" s="52" t="s">
        <v>26</v>
      </c>
      <c r="F327" s="52" t="s">
        <v>81</v>
      </c>
      <c r="G327" s="52" t="s">
        <v>82</v>
      </c>
      <c r="H327" s="4">
        <v>1</v>
      </c>
      <c r="I327" s="2">
        <v>14.65</v>
      </c>
      <c r="J327" s="52" t="s">
        <v>2705</v>
      </c>
      <c r="K327" s="71" t="s">
        <v>2706</v>
      </c>
      <c r="L327" s="52" t="s">
        <v>2063</v>
      </c>
      <c r="M327" s="72">
        <v>4493</v>
      </c>
      <c r="N327" s="52" t="s">
        <v>2072</v>
      </c>
      <c r="O327" s="52" t="s">
        <v>2073</v>
      </c>
      <c r="P327" s="52"/>
      <c r="Q327" s="52"/>
      <c r="R327" s="52"/>
      <c r="S327" s="52"/>
      <c r="T327" s="52"/>
      <c r="U327" s="52"/>
      <c r="V327" s="52"/>
      <c r="W327" s="52"/>
    </row>
    <row r="328" spans="1:23" hidden="1" x14ac:dyDescent="0.35">
      <c r="A328" s="52" t="s">
        <v>78</v>
      </c>
      <c r="B328" s="52" t="s">
        <v>79</v>
      </c>
      <c r="C328" s="3">
        <v>10</v>
      </c>
      <c r="D328" s="52" t="s">
        <v>2020</v>
      </c>
      <c r="E328" s="52" t="s">
        <v>26</v>
      </c>
      <c r="F328" s="52" t="s">
        <v>81</v>
      </c>
      <c r="G328" s="52" t="s">
        <v>82</v>
      </c>
      <c r="H328" s="4">
        <v>1</v>
      </c>
      <c r="I328" s="2">
        <v>14.65</v>
      </c>
      <c r="J328" s="52" t="s">
        <v>2707</v>
      </c>
      <c r="K328" s="71" t="s">
        <v>2708</v>
      </c>
      <c r="L328" s="52" t="s">
        <v>2063</v>
      </c>
      <c r="M328" s="72">
        <v>4548</v>
      </c>
      <c r="N328" s="52"/>
      <c r="O328" s="52"/>
      <c r="P328" s="52"/>
      <c r="Q328" s="52"/>
      <c r="R328" s="52"/>
      <c r="S328" s="52"/>
      <c r="T328" s="52"/>
      <c r="U328" s="52"/>
      <c r="V328" s="52"/>
      <c r="W328" s="52"/>
    </row>
    <row r="329" spans="1:23" hidden="1" x14ac:dyDescent="0.35">
      <c r="A329" s="52" t="s">
        <v>78</v>
      </c>
      <c r="B329" s="52" t="s">
        <v>79</v>
      </c>
      <c r="C329" s="3">
        <v>211</v>
      </c>
      <c r="D329" s="52" t="s">
        <v>80</v>
      </c>
      <c r="E329" s="52" t="s">
        <v>26</v>
      </c>
      <c r="F329" s="52" t="s">
        <v>81</v>
      </c>
      <c r="G329" s="52" t="s">
        <v>82</v>
      </c>
      <c r="H329" s="4">
        <v>1</v>
      </c>
      <c r="I329" s="2">
        <v>14.65</v>
      </c>
      <c r="J329" s="52" t="s">
        <v>2709</v>
      </c>
      <c r="K329" s="71" t="s">
        <v>2710</v>
      </c>
      <c r="L329" s="52" t="s">
        <v>2063</v>
      </c>
      <c r="M329" s="72">
        <v>368</v>
      </c>
      <c r="N329" s="52" t="s">
        <v>2072</v>
      </c>
      <c r="O329" s="52" t="s">
        <v>2073</v>
      </c>
      <c r="P329" s="52"/>
      <c r="Q329" s="52"/>
      <c r="R329" s="52"/>
      <c r="S329" s="52"/>
      <c r="T329" s="52"/>
      <c r="U329" s="52"/>
      <c r="V329" s="52"/>
      <c r="W329" s="52"/>
    </row>
    <row r="330" spans="1:23" hidden="1" x14ac:dyDescent="0.35">
      <c r="A330" s="52" t="s">
        <v>78</v>
      </c>
      <c r="B330" s="52" t="s">
        <v>79</v>
      </c>
      <c r="C330" s="3">
        <v>20</v>
      </c>
      <c r="D330" s="52" t="s">
        <v>86</v>
      </c>
      <c r="E330" s="52" t="s">
        <v>26</v>
      </c>
      <c r="F330" s="52" t="s">
        <v>81</v>
      </c>
      <c r="G330" s="52" t="s">
        <v>82</v>
      </c>
      <c r="H330" s="4">
        <v>1</v>
      </c>
      <c r="I330" s="2">
        <v>14.65</v>
      </c>
      <c r="J330" s="52" t="s">
        <v>2126</v>
      </c>
      <c r="K330" s="71" t="s">
        <v>2711</v>
      </c>
      <c r="L330" s="52" t="s">
        <v>2063</v>
      </c>
      <c r="M330" s="72">
        <v>4869</v>
      </c>
      <c r="N330" s="52"/>
      <c r="O330" s="52"/>
      <c r="P330" s="52"/>
      <c r="Q330" s="52"/>
      <c r="R330" s="52"/>
      <c r="S330" s="52"/>
      <c r="T330" s="52"/>
      <c r="U330" s="52"/>
      <c r="V330" s="52"/>
      <c r="W330" s="52"/>
    </row>
    <row r="331" spans="1:23" hidden="1" x14ac:dyDescent="0.35">
      <c r="A331" s="52" t="s">
        <v>78</v>
      </c>
      <c r="B331" s="52" t="s">
        <v>79</v>
      </c>
      <c r="C331" s="3">
        <v>10</v>
      </c>
      <c r="D331" s="52" t="s">
        <v>2023</v>
      </c>
      <c r="E331" s="52" t="s">
        <v>26</v>
      </c>
      <c r="F331" s="52" t="s">
        <v>81</v>
      </c>
      <c r="G331" s="52" t="s">
        <v>82</v>
      </c>
      <c r="H331" s="4">
        <v>1</v>
      </c>
      <c r="I331" s="2">
        <v>14.65</v>
      </c>
      <c r="J331" s="52" t="s">
        <v>2712</v>
      </c>
      <c r="K331" s="71" t="s">
        <v>2713</v>
      </c>
      <c r="L331" s="52" t="s">
        <v>2063</v>
      </c>
      <c r="M331" s="72">
        <v>8148</v>
      </c>
      <c r="N331" s="52" t="s">
        <v>2066</v>
      </c>
      <c r="O331" s="52" t="s">
        <v>2067</v>
      </c>
      <c r="P331" s="52"/>
      <c r="Q331" s="52"/>
      <c r="R331" s="52"/>
      <c r="S331" s="52"/>
      <c r="T331" s="52"/>
      <c r="U331" s="52"/>
      <c r="V331" s="52"/>
      <c r="W331" s="52"/>
    </row>
    <row r="332" spans="1:23" hidden="1" x14ac:dyDescent="0.35">
      <c r="A332" s="52" t="s">
        <v>78</v>
      </c>
      <c r="B332" s="52" t="s">
        <v>79</v>
      </c>
      <c r="C332" s="3">
        <v>20</v>
      </c>
      <c r="D332" s="52" t="s">
        <v>83</v>
      </c>
      <c r="E332" s="52" t="s">
        <v>26</v>
      </c>
      <c r="F332" s="52" t="s">
        <v>81</v>
      </c>
      <c r="G332" s="52" t="s">
        <v>82</v>
      </c>
      <c r="H332" s="4">
        <v>1</v>
      </c>
      <c r="I332" s="2">
        <v>14.65</v>
      </c>
      <c r="J332" s="52" t="s">
        <v>2714</v>
      </c>
      <c r="K332" s="71" t="s">
        <v>2715</v>
      </c>
      <c r="L332" s="52" t="s">
        <v>2063</v>
      </c>
      <c r="M332" s="72">
        <v>2662</v>
      </c>
      <c r="N332" s="52" t="s">
        <v>2066</v>
      </c>
      <c r="O332" s="52" t="s">
        <v>2067</v>
      </c>
      <c r="P332" s="52" t="s">
        <v>2072</v>
      </c>
      <c r="Q332" s="52" t="s">
        <v>2073</v>
      </c>
      <c r="R332" s="52"/>
      <c r="S332" s="52"/>
      <c r="T332" s="52"/>
      <c r="U332" s="52"/>
      <c r="V332" s="52"/>
      <c r="W332" s="52"/>
    </row>
    <row r="333" spans="1:23" hidden="1" x14ac:dyDescent="0.35">
      <c r="A333" s="52" t="s">
        <v>78</v>
      </c>
      <c r="B333" s="52" t="s">
        <v>79</v>
      </c>
      <c r="C333" s="3">
        <v>20</v>
      </c>
      <c r="D333" s="52" t="s">
        <v>85</v>
      </c>
      <c r="E333" s="52" t="s">
        <v>26</v>
      </c>
      <c r="F333" s="52" t="s">
        <v>81</v>
      </c>
      <c r="G333" s="52" t="s">
        <v>82</v>
      </c>
      <c r="H333" s="4">
        <v>1</v>
      </c>
      <c r="I333" s="2">
        <v>14.65</v>
      </c>
      <c r="J333" s="52" t="s">
        <v>2716</v>
      </c>
      <c r="K333" s="71" t="s">
        <v>2717</v>
      </c>
      <c r="L333" s="52" t="s">
        <v>2063</v>
      </c>
      <c r="M333" s="72">
        <v>8343</v>
      </c>
      <c r="N333" s="52" t="s">
        <v>2066</v>
      </c>
      <c r="O333" s="52" t="s">
        <v>2067</v>
      </c>
      <c r="P333" s="52"/>
      <c r="Q333" s="52"/>
      <c r="R333" s="52"/>
      <c r="S333" s="52"/>
      <c r="T333" s="52"/>
      <c r="U333" s="52"/>
      <c r="V333" s="52"/>
      <c r="W333" s="52"/>
    </row>
    <row r="334" spans="1:23" hidden="1" x14ac:dyDescent="0.35">
      <c r="A334" s="52" t="s">
        <v>78</v>
      </c>
      <c r="B334" s="52" t="s">
        <v>79</v>
      </c>
      <c r="C334" s="3">
        <v>10</v>
      </c>
      <c r="D334" s="52" t="s">
        <v>2023</v>
      </c>
      <c r="E334" s="52" t="s">
        <v>26</v>
      </c>
      <c r="F334" s="52" t="s">
        <v>81</v>
      </c>
      <c r="G334" s="52" t="s">
        <v>82</v>
      </c>
      <c r="H334" s="4">
        <v>1</v>
      </c>
      <c r="I334" s="2">
        <v>14.65</v>
      </c>
      <c r="J334" s="52" t="s">
        <v>2093</v>
      </c>
      <c r="K334" s="71" t="s">
        <v>2718</v>
      </c>
      <c r="L334" s="52" t="s">
        <v>2095</v>
      </c>
      <c r="M334" s="72">
        <v>9135</v>
      </c>
      <c r="N334" s="52" t="s">
        <v>2072</v>
      </c>
      <c r="O334" s="52" t="s">
        <v>2073</v>
      </c>
      <c r="P334" s="52"/>
      <c r="Q334" s="52"/>
      <c r="R334" s="52"/>
      <c r="S334" s="52"/>
      <c r="T334" s="52"/>
      <c r="U334" s="52"/>
      <c r="V334" s="52"/>
      <c r="W334" s="52"/>
    </row>
    <row r="335" spans="1:23" x14ac:dyDescent="0.35">
      <c r="A335" s="52" t="s">
        <v>78</v>
      </c>
      <c r="B335" s="52" t="s">
        <v>79</v>
      </c>
      <c r="C335" s="3">
        <v>10</v>
      </c>
      <c r="D335" s="52" t="s">
        <v>2024</v>
      </c>
      <c r="E335" s="52" t="s">
        <v>26</v>
      </c>
      <c r="F335" s="52" t="s">
        <v>81</v>
      </c>
      <c r="G335" s="52" t="s">
        <v>82</v>
      </c>
      <c r="H335" s="4">
        <v>1</v>
      </c>
      <c r="I335" s="2">
        <v>14.65</v>
      </c>
      <c r="J335" s="52" t="s">
        <v>2719</v>
      </c>
      <c r="K335" s="71" t="s">
        <v>2720</v>
      </c>
      <c r="L335" s="52" t="s">
        <v>2063</v>
      </c>
      <c r="M335" s="72">
        <v>3229</v>
      </c>
      <c r="N335" s="52" t="s">
        <v>2259</v>
      </c>
      <c r="O335" s="52" t="s">
        <v>2260</v>
      </c>
      <c r="P335" s="52"/>
      <c r="Q335" s="52"/>
      <c r="R335" s="52"/>
      <c r="S335" s="52"/>
      <c r="T335" s="52"/>
      <c r="U335" s="52"/>
      <c r="V335" s="52"/>
      <c r="W335" s="52"/>
    </row>
    <row r="336" spans="1:23" hidden="1" x14ac:dyDescent="0.35">
      <c r="A336" s="52" t="s">
        <v>78</v>
      </c>
      <c r="B336" s="52" t="s">
        <v>79</v>
      </c>
      <c r="C336" s="3">
        <v>20</v>
      </c>
      <c r="D336" s="52" t="s">
        <v>84</v>
      </c>
      <c r="E336" s="52" t="s">
        <v>26</v>
      </c>
      <c r="F336" s="52" t="s">
        <v>81</v>
      </c>
      <c r="G336" s="52" t="s">
        <v>82</v>
      </c>
      <c r="H336" s="4">
        <v>1</v>
      </c>
      <c r="I336" s="2">
        <v>14.65</v>
      </c>
      <c r="J336" s="52" t="s">
        <v>2721</v>
      </c>
      <c r="K336" s="71" t="s">
        <v>2722</v>
      </c>
      <c r="L336" s="52" t="s">
        <v>2063</v>
      </c>
      <c r="M336" s="72">
        <v>6170</v>
      </c>
      <c r="N336" s="52" t="s">
        <v>2072</v>
      </c>
      <c r="O336" s="52" t="s">
        <v>2073</v>
      </c>
      <c r="P336" s="52"/>
      <c r="Q336" s="52"/>
      <c r="R336" s="52"/>
      <c r="S336" s="52"/>
      <c r="T336" s="52"/>
      <c r="U336" s="52"/>
      <c r="V336" s="52"/>
      <c r="W336" s="52"/>
    </row>
    <row r="337" spans="1:23" hidden="1" x14ac:dyDescent="0.35">
      <c r="A337" s="52" t="s">
        <v>78</v>
      </c>
      <c r="B337" s="52" t="s">
        <v>79</v>
      </c>
      <c r="C337" s="3">
        <v>20</v>
      </c>
      <c r="D337" s="52" t="s">
        <v>2023</v>
      </c>
      <c r="E337" s="52" t="s">
        <v>26</v>
      </c>
      <c r="F337" s="52" t="s">
        <v>81</v>
      </c>
      <c r="G337" s="52" t="s">
        <v>82</v>
      </c>
      <c r="H337" s="4">
        <v>1</v>
      </c>
      <c r="I337" s="2">
        <v>14.65</v>
      </c>
      <c r="J337" s="52" t="s">
        <v>2723</v>
      </c>
      <c r="K337" s="71" t="s">
        <v>2724</v>
      </c>
      <c r="L337" s="52" t="s">
        <v>2063</v>
      </c>
      <c r="M337" s="72">
        <v>3197</v>
      </c>
      <c r="N337" s="52" t="s">
        <v>2072</v>
      </c>
      <c r="O337" s="52" t="s">
        <v>2073</v>
      </c>
      <c r="P337" s="52"/>
      <c r="Q337" s="52"/>
      <c r="R337" s="52"/>
      <c r="S337" s="52"/>
      <c r="T337" s="52"/>
      <c r="U337" s="52"/>
      <c r="V337" s="52"/>
      <c r="W337" s="52"/>
    </row>
    <row r="338" spans="1:23" hidden="1" x14ac:dyDescent="0.35">
      <c r="A338" s="52" t="s">
        <v>78</v>
      </c>
      <c r="B338" s="52" t="s">
        <v>79</v>
      </c>
      <c r="C338" s="3">
        <v>10</v>
      </c>
      <c r="D338" s="52" t="s">
        <v>86</v>
      </c>
      <c r="E338" s="52" t="s">
        <v>26</v>
      </c>
      <c r="F338" s="52" t="s">
        <v>81</v>
      </c>
      <c r="G338" s="52" t="s">
        <v>82</v>
      </c>
      <c r="H338" s="4">
        <v>1</v>
      </c>
      <c r="I338" s="2">
        <v>14.65</v>
      </c>
      <c r="J338" s="52" t="s">
        <v>2725</v>
      </c>
      <c r="K338" s="71" t="s">
        <v>2726</v>
      </c>
      <c r="L338" s="52" t="s">
        <v>2063</v>
      </c>
      <c r="M338" s="72">
        <v>6789</v>
      </c>
      <c r="N338" s="52"/>
      <c r="O338" s="52"/>
      <c r="P338" s="52"/>
      <c r="Q338" s="52"/>
      <c r="R338" s="52"/>
      <c r="S338" s="52"/>
      <c r="T338" s="52"/>
      <c r="U338" s="52"/>
      <c r="V338" s="52"/>
      <c r="W338" s="52"/>
    </row>
    <row r="339" spans="1:23" hidden="1" x14ac:dyDescent="0.35">
      <c r="A339" s="52" t="s">
        <v>78</v>
      </c>
      <c r="B339" s="52" t="s">
        <v>79</v>
      </c>
      <c r="C339" s="3">
        <v>20</v>
      </c>
      <c r="D339" s="52" t="s">
        <v>86</v>
      </c>
      <c r="E339" s="52" t="s">
        <v>26</v>
      </c>
      <c r="F339" s="52" t="s">
        <v>81</v>
      </c>
      <c r="G339" s="52" t="s">
        <v>82</v>
      </c>
      <c r="H339" s="4">
        <v>1</v>
      </c>
      <c r="I339" s="2">
        <v>14.65</v>
      </c>
      <c r="J339" s="52" t="s">
        <v>2727</v>
      </c>
      <c r="K339" s="71" t="s">
        <v>2728</v>
      </c>
      <c r="L339" s="52" t="s">
        <v>2063</v>
      </c>
      <c r="M339" s="72">
        <v>576</v>
      </c>
      <c r="N339" s="52" t="s">
        <v>2072</v>
      </c>
      <c r="O339" s="52" t="s">
        <v>2073</v>
      </c>
      <c r="P339" s="52"/>
      <c r="Q339" s="52"/>
      <c r="R339" s="52"/>
      <c r="S339" s="52"/>
      <c r="T339" s="52"/>
      <c r="U339" s="52"/>
      <c r="V339" s="52"/>
      <c r="W339" s="52"/>
    </row>
    <row r="340" spans="1:23" hidden="1" x14ac:dyDescent="0.35">
      <c r="A340" s="52" t="s">
        <v>78</v>
      </c>
      <c r="B340" s="52" t="s">
        <v>79</v>
      </c>
      <c r="C340" s="3">
        <v>10</v>
      </c>
      <c r="D340" s="52" t="s">
        <v>2020</v>
      </c>
      <c r="E340" s="52" t="s">
        <v>26</v>
      </c>
      <c r="F340" s="52" t="s">
        <v>81</v>
      </c>
      <c r="G340" s="52" t="s">
        <v>82</v>
      </c>
      <c r="H340" s="4">
        <v>1</v>
      </c>
      <c r="I340" s="2">
        <v>14.65</v>
      </c>
      <c r="J340" s="52" t="s">
        <v>2729</v>
      </c>
      <c r="K340" s="71" t="s">
        <v>2730</v>
      </c>
      <c r="L340" s="52" t="s">
        <v>2095</v>
      </c>
      <c r="M340" s="72">
        <v>2001</v>
      </c>
      <c r="N340" s="52" t="s">
        <v>2066</v>
      </c>
      <c r="O340" s="52" t="s">
        <v>2067</v>
      </c>
      <c r="P340" s="52"/>
      <c r="Q340" s="52"/>
      <c r="R340" s="52"/>
      <c r="S340" s="52"/>
      <c r="T340" s="52"/>
      <c r="U340" s="52"/>
      <c r="V340" s="52"/>
      <c r="W340" s="52"/>
    </row>
    <row r="341" spans="1:23" hidden="1" x14ac:dyDescent="0.35">
      <c r="A341" s="52" t="s">
        <v>78</v>
      </c>
      <c r="B341" s="52" t="s">
        <v>79</v>
      </c>
      <c r="C341" s="3">
        <v>20</v>
      </c>
      <c r="D341" s="52" t="s">
        <v>87</v>
      </c>
      <c r="E341" s="52" t="s">
        <v>26</v>
      </c>
      <c r="F341" s="52" t="s">
        <v>81</v>
      </c>
      <c r="G341" s="52" t="s">
        <v>82</v>
      </c>
      <c r="H341" s="4">
        <v>1</v>
      </c>
      <c r="I341" s="2">
        <v>14.65</v>
      </c>
      <c r="J341" s="52" t="s">
        <v>2731</v>
      </c>
      <c r="K341" s="71" t="s">
        <v>2732</v>
      </c>
      <c r="L341" s="52" t="s">
        <v>2063</v>
      </c>
      <c r="M341" s="72">
        <v>7629</v>
      </c>
      <c r="N341" s="52"/>
      <c r="O341" s="52"/>
      <c r="P341" s="52"/>
      <c r="Q341" s="52"/>
      <c r="R341" s="52"/>
      <c r="S341" s="52"/>
      <c r="T341" s="52"/>
      <c r="U341" s="52"/>
      <c r="V341" s="52"/>
      <c r="W341" s="52"/>
    </row>
    <row r="342" spans="1:23" hidden="1" x14ac:dyDescent="0.35">
      <c r="A342" s="52" t="s">
        <v>78</v>
      </c>
      <c r="B342" s="52" t="s">
        <v>79</v>
      </c>
      <c r="C342" s="3">
        <v>10</v>
      </c>
      <c r="D342" s="52" t="s">
        <v>2023</v>
      </c>
      <c r="E342" s="52" t="s">
        <v>26</v>
      </c>
      <c r="F342" s="52" t="s">
        <v>81</v>
      </c>
      <c r="G342" s="52" t="s">
        <v>82</v>
      </c>
      <c r="H342" s="4">
        <v>1</v>
      </c>
      <c r="I342" s="2">
        <v>14.65</v>
      </c>
      <c r="J342" s="52" t="s">
        <v>2093</v>
      </c>
      <c r="K342" s="71" t="s">
        <v>2733</v>
      </c>
      <c r="L342" s="52" t="s">
        <v>2095</v>
      </c>
      <c r="M342" s="72">
        <v>3395</v>
      </c>
      <c r="N342" s="52" t="s">
        <v>2072</v>
      </c>
      <c r="O342" s="52" t="s">
        <v>2073</v>
      </c>
      <c r="P342" s="52"/>
      <c r="Q342" s="52"/>
      <c r="R342" s="52"/>
      <c r="S342" s="52"/>
      <c r="T342" s="52"/>
      <c r="U342" s="52"/>
      <c r="V342" s="52"/>
      <c r="W342" s="52"/>
    </row>
    <row r="343" spans="1:23" hidden="1" x14ac:dyDescent="0.35">
      <c r="A343" s="52" t="s">
        <v>78</v>
      </c>
      <c r="B343" s="52" t="s">
        <v>79</v>
      </c>
      <c r="C343" s="3">
        <v>20</v>
      </c>
      <c r="D343" s="52" t="s">
        <v>83</v>
      </c>
      <c r="E343" s="52" t="s">
        <v>26</v>
      </c>
      <c r="F343" s="52" t="s">
        <v>81</v>
      </c>
      <c r="G343" s="52" t="s">
        <v>82</v>
      </c>
      <c r="H343" s="4">
        <v>1</v>
      </c>
      <c r="I343" s="2">
        <v>14.65</v>
      </c>
      <c r="J343" s="52" t="s">
        <v>2332</v>
      </c>
      <c r="K343" s="71" t="s">
        <v>2734</v>
      </c>
      <c r="L343" s="52" t="s">
        <v>2063</v>
      </c>
      <c r="M343" s="72">
        <v>4680</v>
      </c>
      <c r="N343" s="52" t="s">
        <v>2304</v>
      </c>
      <c r="O343" s="52" t="s">
        <v>2305</v>
      </c>
      <c r="P343" s="52"/>
      <c r="Q343" s="52"/>
      <c r="R343" s="52"/>
      <c r="S343" s="52"/>
      <c r="T343" s="52"/>
      <c r="U343" s="52"/>
      <c r="V343" s="52"/>
      <c r="W343" s="52"/>
    </row>
    <row r="344" spans="1:23" hidden="1" x14ac:dyDescent="0.35">
      <c r="A344" s="52" t="s">
        <v>78</v>
      </c>
      <c r="B344" s="52" t="s">
        <v>79</v>
      </c>
      <c r="C344" s="3">
        <v>10</v>
      </c>
      <c r="D344" s="52" t="s">
        <v>2024</v>
      </c>
      <c r="E344" s="52" t="s">
        <v>26</v>
      </c>
      <c r="F344" s="52" t="s">
        <v>81</v>
      </c>
      <c r="G344" s="52" t="s">
        <v>82</v>
      </c>
      <c r="H344" s="4">
        <v>1</v>
      </c>
      <c r="I344" s="2">
        <v>14.65</v>
      </c>
      <c r="J344" s="52" t="s">
        <v>2735</v>
      </c>
      <c r="K344" s="71" t="s">
        <v>2736</v>
      </c>
      <c r="L344" s="52" t="s">
        <v>2063</v>
      </c>
      <c r="M344" s="72">
        <v>317</v>
      </c>
      <c r="N344" s="52" t="s">
        <v>2072</v>
      </c>
      <c r="O344" s="52" t="s">
        <v>2073</v>
      </c>
      <c r="P344" s="52" t="s">
        <v>2072</v>
      </c>
      <c r="Q344" s="52" t="s">
        <v>2073</v>
      </c>
      <c r="R344" s="52"/>
      <c r="S344" s="52"/>
      <c r="T344" s="52"/>
      <c r="U344" s="52"/>
      <c r="V344" s="52"/>
      <c r="W344" s="52"/>
    </row>
    <row r="345" spans="1:23" hidden="1" x14ac:dyDescent="0.35">
      <c r="A345" s="52" t="s">
        <v>78</v>
      </c>
      <c r="B345" s="52" t="s">
        <v>79</v>
      </c>
      <c r="C345" s="3">
        <v>20</v>
      </c>
      <c r="D345" s="52" t="s">
        <v>2019</v>
      </c>
      <c r="E345" s="52" t="s">
        <v>26</v>
      </c>
      <c r="F345" s="52" t="s">
        <v>81</v>
      </c>
      <c r="G345" s="52" t="s">
        <v>82</v>
      </c>
      <c r="H345" s="4">
        <v>1</v>
      </c>
      <c r="I345" s="2">
        <v>14.65</v>
      </c>
      <c r="J345" s="52" t="s">
        <v>2737</v>
      </c>
      <c r="K345" s="71" t="s">
        <v>2738</v>
      </c>
      <c r="L345" s="52" t="s">
        <v>2063</v>
      </c>
      <c r="M345" s="72">
        <v>2968</v>
      </c>
      <c r="N345" s="52" t="s">
        <v>2158</v>
      </c>
      <c r="O345" s="52" t="s">
        <v>2159</v>
      </c>
      <c r="P345" s="52"/>
      <c r="Q345" s="52"/>
      <c r="R345" s="52"/>
      <c r="S345" s="52"/>
      <c r="T345" s="52"/>
      <c r="U345" s="52"/>
      <c r="V345" s="52"/>
      <c r="W345" s="52"/>
    </row>
    <row r="346" spans="1:23" hidden="1" x14ac:dyDescent="0.35">
      <c r="A346" s="52" t="s">
        <v>78</v>
      </c>
      <c r="B346" s="52" t="s">
        <v>79</v>
      </c>
      <c r="C346" s="3">
        <v>20</v>
      </c>
      <c r="D346" s="52" t="s">
        <v>80</v>
      </c>
      <c r="E346" s="52" t="s">
        <v>26</v>
      </c>
      <c r="F346" s="52" t="s">
        <v>81</v>
      </c>
      <c r="G346" s="52" t="s">
        <v>82</v>
      </c>
      <c r="H346" s="4">
        <v>1</v>
      </c>
      <c r="I346" s="2">
        <v>14.65</v>
      </c>
      <c r="J346" s="52" t="s">
        <v>2739</v>
      </c>
      <c r="K346" s="71" t="s">
        <v>2740</v>
      </c>
      <c r="L346" s="52" t="s">
        <v>2063</v>
      </c>
      <c r="M346" s="72">
        <v>7120</v>
      </c>
      <c r="N346" s="52" t="s">
        <v>2072</v>
      </c>
      <c r="O346" s="52" t="s">
        <v>2073</v>
      </c>
      <c r="P346" s="52"/>
      <c r="Q346" s="52"/>
      <c r="R346" s="52"/>
      <c r="S346" s="52"/>
      <c r="T346" s="52"/>
      <c r="U346" s="52"/>
      <c r="V346" s="52"/>
      <c r="W346" s="52"/>
    </row>
    <row r="347" spans="1:23" hidden="1" x14ac:dyDescent="0.35">
      <c r="A347" s="52" t="s">
        <v>78</v>
      </c>
      <c r="B347" s="52" t="s">
        <v>79</v>
      </c>
      <c r="C347" s="3">
        <v>20</v>
      </c>
      <c r="D347" s="52" t="s">
        <v>2022</v>
      </c>
      <c r="E347" s="52" t="s">
        <v>26</v>
      </c>
      <c r="F347" s="52" t="s">
        <v>81</v>
      </c>
      <c r="G347" s="52" t="s">
        <v>82</v>
      </c>
      <c r="H347" s="4">
        <v>1</v>
      </c>
      <c r="I347" s="2">
        <v>14.65</v>
      </c>
      <c r="J347" s="52" t="s">
        <v>2741</v>
      </c>
      <c r="K347" s="71" t="s">
        <v>2742</v>
      </c>
      <c r="L347" s="52" t="s">
        <v>2063</v>
      </c>
      <c r="M347" s="72">
        <v>2012</v>
      </c>
      <c r="N347" s="52"/>
      <c r="O347" s="52"/>
      <c r="P347" s="52"/>
      <c r="Q347" s="52"/>
      <c r="R347" s="52"/>
      <c r="S347" s="52"/>
      <c r="T347" s="52"/>
      <c r="U347" s="52"/>
      <c r="V347" s="52"/>
      <c r="W347" s="52"/>
    </row>
    <row r="348" spans="1:23" x14ac:dyDescent="0.35">
      <c r="A348" s="52" t="s">
        <v>78</v>
      </c>
      <c r="B348" s="52" t="s">
        <v>79</v>
      </c>
      <c r="C348" s="3">
        <v>10</v>
      </c>
      <c r="D348" s="52" t="s">
        <v>86</v>
      </c>
      <c r="E348" s="52" t="s">
        <v>26</v>
      </c>
      <c r="F348" s="52" t="s">
        <v>81</v>
      </c>
      <c r="G348" s="52" t="s">
        <v>82</v>
      </c>
      <c r="H348" s="4">
        <v>1</v>
      </c>
      <c r="I348" s="2">
        <v>14.65</v>
      </c>
      <c r="J348" s="52" t="s">
        <v>2743</v>
      </c>
      <c r="K348" s="71" t="s">
        <v>2744</v>
      </c>
      <c r="L348" s="52" t="s">
        <v>2063</v>
      </c>
      <c r="M348" s="72">
        <v>2555</v>
      </c>
      <c r="N348" s="52" t="s">
        <v>2259</v>
      </c>
      <c r="O348" s="52" t="s">
        <v>2260</v>
      </c>
      <c r="P348" s="52"/>
      <c r="Q348" s="52"/>
      <c r="R348" s="52"/>
      <c r="S348" s="52"/>
      <c r="T348" s="52"/>
      <c r="U348" s="52"/>
      <c r="V348" s="52"/>
      <c r="W348" s="52"/>
    </row>
    <row r="349" spans="1:23" hidden="1" x14ac:dyDescent="0.35">
      <c r="A349" s="52" t="s">
        <v>78</v>
      </c>
      <c r="B349" s="52" t="s">
        <v>79</v>
      </c>
      <c r="C349" s="3">
        <v>20</v>
      </c>
      <c r="D349" s="52" t="s">
        <v>2022</v>
      </c>
      <c r="E349" s="52" t="s">
        <v>26</v>
      </c>
      <c r="F349" s="52" t="s">
        <v>81</v>
      </c>
      <c r="G349" s="52" t="s">
        <v>82</v>
      </c>
      <c r="H349" s="4">
        <v>1</v>
      </c>
      <c r="I349" s="2">
        <v>14.65</v>
      </c>
      <c r="J349" s="52" t="s">
        <v>2745</v>
      </c>
      <c r="K349" s="71" t="s">
        <v>2746</v>
      </c>
      <c r="L349" s="52" t="s">
        <v>2063</v>
      </c>
      <c r="M349" s="72">
        <v>612</v>
      </c>
      <c r="N349" s="52" t="s">
        <v>2072</v>
      </c>
      <c r="O349" s="52" t="s">
        <v>2073</v>
      </c>
      <c r="P349" s="52"/>
      <c r="Q349" s="52"/>
      <c r="R349" s="52"/>
      <c r="S349" s="52"/>
      <c r="T349" s="52"/>
      <c r="U349" s="52"/>
      <c r="V349" s="52"/>
      <c r="W349" s="52"/>
    </row>
    <row r="350" spans="1:23" x14ac:dyDescent="0.35">
      <c r="A350" s="52" t="s">
        <v>78</v>
      </c>
      <c r="B350" s="52" t="s">
        <v>79</v>
      </c>
      <c r="C350" s="3">
        <v>10</v>
      </c>
      <c r="D350" s="52" t="s">
        <v>2020</v>
      </c>
      <c r="E350" s="52" t="s">
        <v>26</v>
      </c>
      <c r="F350" s="52" t="s">
        <v>81</v>
      </c>
      <c r="G350" s="52" t="s">
        <v>82</v>
      </c>
      <c r="H350" s="4">
        <v>1</v>
      </c>
      <c r="I350" s="2">
        <v>14.65</v>
      </c>
      <c r="J350" s="52" t="s">
        <v>2489</v>
      </c>
      <c r="K350" s="71" t="s">
        <v>2747</v>
      </c>
      <c r="L350" s="52" t="s">
        <v>2063</v>
      </c>
      <c r="M350" s="72">
        <v>5049</v>
      </c>
      <c r="N350" s="52" t="s">
        <v>2076</v>
      </c>
      <c r="O350" s="52" t="s">
        <v>2077</v>
      </c>
      <c r="P350" s="52"/>
      <c r="Q350" s="52"/>
      <c r="R350" s="52"/>
      <c r="S350" s="52"/>
      <c r="T350" s="52"/>
      <c r="U350" s="52"/>
      <c r="V350" s="52"/>
      <c r="W350" s="52"/>
    </row>
    <row r="351" spans="1:23" hidden="1" x14ac:dyDescent="0.35">
      <c r="A351" s="52" t="s">
        <v>78</v>
      </c>
      <c r="B351" s="52" t="s">
        <v>79</v>
      </c>
      <c r="C351" s="3">
        <v>20</v>
      </c>
      <c r="D351" s="52" t="s">
        <v>85</v>
      </c>
      <c r="E351" s="52" t="s">
        <v>26</v>
      </c>
      <c r="F351" s="52" t="s">
        <v>81</v>
      </c>
      <c r="G351" s="52" t="s">
        <v>82</v>
      </c>
      <c r="H351" s="4">
        <v>1</v>
      </c>
      <c r="I351" s="2">
        <v>14.65</v>
      </c>
      <c r="J351" s="52" t="s">
        <v>2748</v>
      </c>
      <c r="K351" s="71" t="s">
        <v>2749</v>
      </c>
      <c r="L351" s="52" t="s">
        <v>2063</v>
      </c>
      <c r="M351" s="72">
        <v>1460</v>
      </c>
      <c r="N351" s="52" t="s">
        <v>2072</v>
      </c>
      <c r="O351" s="52" t="s">
        <v>2073</v>
      </c>
      <c r="P351" s="52" t="s">
        <v>2072</v>
      </c>
      <c r="Q351" s="52" t="s">
        <v>2073</v>
      </c>
      <c r="R351" s="52"/>
      <c r="S351" s="52"/>
      <c r="T351" s="52"/>
      <c r="U351" s="52"/>
      <c r="V351" s="52"/>
      <c r="W351" s="52"/>
    </row>
    <row r="352" spans="1:23" hidden="1" x14ac:dyDescent="0.35">
      <c r="A352" s="52" t="s">
        <v>78</v>
      </c>
      <c r="B352" s="52" t="s">
        <v>79</v>
      </c>
      <c r="C352" s="3">
        <v>10</v>
      </c>
      <c r="D352" s="52" t="s">
        <v>86</v>
      </c>
      <c r="E352" s="52" t="s">
        <v>26</v>
      </c>
      <c r="F352" s="52" t="s">
        <v>81</v>
      </c>
      <c r="G352" s="52" t="s">
        <v>82</v>
      </c>
      <c r="H352" s="4">
        <v>1</v>
      </c>
      <c r="I352" s="2">
        <v>14.65</v>
      </c>
      <c r="J352" s="52" t="s">
        <v>2750</v>
      </c>
      <c r="K352" s="71" t="s">
        <v>2751</v>
      </c>
      <c r="L352" s="52" t="s">
        <v>2063</v>
      </c>
      <c r="M352" s="72">
        <v>3549</v>
      </c>
      <c r="N352" s="52" t="s">
        <v>2072</v>
      </c>
      <c r="O352" s="52" t="s">
        <v>2073</v>
      </c>
      <c r="P352" s="52"/>
      <c r="Q352" s="52"/>
      <c r="R352" s="52"/>
      <c r="S352" s="52"/>
      <c r="T352" s="52"/>
      <c r="U352" s="52"/>
      <c r="V352" s="52"/>
      <c r="W352" s="52"/>
    </row>
    <row r="353" spans="1:23" hidden="1" x14ac:dyDescent="0.35">
      <c r="A353" s="52" t="s">
        <v>78</v>
      </c>
      <c r="B353" s="52" t="s">
        <v>79</v>
      </c>
      <c r="C353" s="3">
        <v>10</v>
      </c>
      <c r="D353" s="52" t="s">
        <v>2023</v>
      </c>
      <c r="E353" s="52" t="s">
        <v>26</v>
      </c>
      <c r="F353" s="52" t="s">
        <v>81</v>
      </c>
      <c r="G353" s="52" t="s">
        <v>82</v>
      </c>
      <c r="H353" s="4">
        <v>1</v>
      </c>
      <c r="I353" s="2">
        <v>14.65</v>
      </c>
      <c r="J353" s="52" t="s">
        <v>2752</v>
      </c>
      <c r="K353" s="71" t="s">
        <v>2753</v>
      </c>
      <c r="L353" s="52" t="s">
        <v>2063</v>
      </c>
      <c r="M353" s="72">
        <v>4936</v>
      </c>
      <c r="N353" s="52" t="s">
        <v>2072</v>
      </c>
      <c r="O353" s="52" t="s">
        <v>2073</v>
      </c>
      <c r="P353" s="52"/>
      <c r="Q353" s="52"/>
      <c r="R353" s="52"/>
      <c r="S353" s="52"/>
      <c r="T353" s="52"/>
      <c r="U353" s="52"/>
      <c r="V353" s="52"/>
      <c r="W353" s="52"/>
    </row>
    <row r="354" spans="1:23" hidden="1" x14ac:dyDescent="0.35">
      <c r="A354" s="52" t="s">
        <v>78</v>
      </c>
      <c r="B354" s="52" t="s">
        <v>79</v>
      </c>
      <c r="C354" s="3">
        <v>20</v>
      </c>
      <c r="D354" s="52" t="s">
        <v>85</v>
      </c>
      <c r="E354" s="52" t="s">
        <v>26</v>
      </c>
      <c r="F354" s="52" t="s">
        <v>81</v>
      </c>
      <c r="G354" s="52" t="s">
        <v>82</v>
      </c>
      <c r="H354" s="4">
        <v>1</v>
      </c>
      <c r="I354" s="2">
        <v>14.65</v>
      </c>
      <c r="J354" s="52" t="s">
        <v>2754</v>
      </c>
      <c r="K354" s="71" t="s">
        <v>2755</v>
      </c>
      <c r="L354" s="52" t="s">
        <v>2063</v>
      </c>
      <c r="M354" s="72">
        <v>3466</v>
      </c>
      <c r="N354" s="52"/>
      <c r="O354" s="52"/>
      <c r="P354" s="52"/>
      <c r="Q354" s="52"/>
      <c r="R354" s="52"/>
      <c r="S354" s="52"/>
      <c r="T354" s="52"/>
      <c r="U354" s="52"/>
      <c r="V354" s="52"/>
      <c r="W354" s="52"/>
    </row>
    <row r="355" spans="1:23" hidden="1" x14ac:dyDescent="0.35">
      <c r="A355" s="52" t="s">
        <v>78</v>
      </c>
      <c r="B355" s="52" t="s">
        <v>79</v>
      </c>
      <c r="C355" s="3">
        <v>20</v>
      </c>
      <c r="D355" s="52" t="s">
        <v>2020</v>
      </c>
      <c r="E355" s="52" t="s">
        <v>26</v>
      </c>
      <c r="F355" s="52" t="s">
        <v>81</v>
      </c>
      <c r="G355" s="52" t="s">
        <v>82</v>
      </c>
      <c r="H355" s="4">
        <v>1</v>
      </c>
      <c r="I355" s="2">
        <v>14.65</v>
      </c>
      <c r="J355" s="52" t="s">
        <v>2756</v>
      </c>
      <c r="K355" s="71" t="s">
        <v>2757</v>
      </c>
      <c r="L355" s="52" t="s">
        <v>2063</v>
      </c>
      <c r="M355" s="72">
        <v>2187</v>
      </c>
      <c r="N355" s="52"/>
      <c r="O355" s="52"/>
      <c r="P355" s="52"/>
      <c r="Q355" s="52"/>
      <c r="R355" s="52"/>
      <c r="S355" s="52"/>
      <c r="T355" s="52"/>
      <c r="U355" s="52"/>
      <c r="V355" s="52"/>
      <c r="W355" s="52"/>
    </row>
    <row r="356" spans="1:23" x14ac:dyDescent="0.35">
      <c r="A356" s="52" t="s">
        <v>78</v>
      </c>
      <c r="B356" s="52" t="s">
        <v>79</v>
      </c>
      <c r="C356" s="3">
        <v>20</v>
      </c>
      <c r="D356" s="52" t="s">
        <v>85</v>
      </c>
      <c r="E356" s="52" t="s">
        <v>26</v>
      </c>
      <c r="F356" s="52" t="s">
        <v>81</v>
      </c>
      <c r="G356" s="52" t="s">
        <v>82</v>
      </c>
      <c r="H356" s="4">
        <v>1</v>
      </c>
      <c r="I356" s="2">
        <v>14.65</v>
      </c>
      <c r="J356" s="52" t="s">
        <v>2758</v>
      </c>
      <c r="K356" s="71" t="s">
        <v>2759</v>
      </c>
      <c r="L356" s="52" t="s">
        <v>2095</v>
      </c>
      <c r="M356" s="72">
        <v>8980</v>
      </c>
      <c r="N356" s="52" t="s">
        <v>2238</v>
      </c>
      <c r="O356" s="52" t="s">
        <v>2239</v>
      </c>
      <c r="P356" s="52"/>
      <c r="Q356" s="52"/>
      <c r="R356" s="52"/>
      <c r="S356" s="52"/>
      <c r="T356" s="52"/>
      <c r="U356" s="52"/>
      <c r="V356" s="52"/>
      <c r="W356" s="52"/>
    </row>
    <row r="357" spans="1:23" hidden="1" x14ac:dyDescent="0.35">
      <c r="A357" s="52" t="s">
        <v>78</v>
      </c>
      <c r="B357" s="52" t="s">
        <v>79</v>
      </c>
      <c r="C357" s="3">
        <v>20</v>
      </c>
      <c r="D357" s="52" t="s">
        <v>85</v>
      </c>
      <c r="E357" s="52" t="s">
        <v>26</v>
      </c>
      <c r="F357" s="52" t="s">
        <v>81</v>
      </c>
      <c r="G357" s="52" t="s">
        <v>82</v>
      </c>
      <c r="H357" s="4">
        <v>1</v>
      </c>
      <c r="I357" s="2">
        <v>14.65</v>
      </c>
      <c r="J357" s="52" t="s">
        <v>2760</v>
      </c>
      <c r="K357" s="71" t="s">
        <v>2761</v>
      </c>
      <c r="L357" s="52" t="s">
        <v>2063</v>
      </c>
      <c r="M357" s="72">
        <v>4086</v>
      </c>
      <c r="N357" s="52" t="s">
        <v>2072</v>
      </c>
      <c r="O357" s="52" t="s">
        <v>2073</v>
      </c>
      <c r="P357" s="52"/>
      <c r="Q357" s="52"/>
      <c r="R357" s="52"/>
      <c r="S357" s="52"/>
      <c r="T357" s="52"/>
      <c r="U357" s="52"/>
      <c r="V357" s="52"/>
      <c r="W357" s="52"/>
    </row>
    <row r="358" spans="1:23" hidden="1" x14ac:dyDescent="0.35">
      <c r="A358" s="52" t="s">
        <v>78</v>
      </c>
      <c r="B358" s="52" t="s">
        <v>79</v>
      </c>
      <c r="C358" s="3">
        <v>20</v>
      </c>
      <c r="D358" s="52" t="s">
        <v>83</v>
      </c>
      <c r="E358" s="52" t="s">
        <v>26</v>
      </c>
      <c r="F358" s="52" t="s">
        <v>81</v>
      </c>
      <c r="G358" s="52" t="s">
        <v>82</v>
      </c>
      <c r="H358" s="4">
        <v>1</v>
      </c>
      <c r="I358" s="2">
        <v>14.65</v>
      </c>
      <c r="J358" s="52" t="s">
        <v>2762</v>
      </c>
      <c r="K358" s="71" t="s">
        <v>2763</v>
      </c>
      <c r="L358" s="52" t="s">
        <v>2063</v>
      </c>
      <c r="M358" s="72">
        <v>1416</v>
      </c>
      <c r="N358" s="52" t="s">
        <v>2072</v>
      </c>
      <c r="O358" s="52" t="s">
        <v>2073</v>
      </c>
      <c r="P358" s="52" t="s">
        <v>2072</v>
      </c>
      <c r="Q358" s="52" t="s">
        <v>2073</v>
      </c>
      <c r="R358" s="52"/>
      <c r="S358" s="52"/>
      <c r="T358" s="52"/>
      <c r="U358" s="52"/>
      <c r="V358" s="52"/>
      <c r="W358" s="52"/>
    </row>
    <row r="359" spans="1:23" hidden="1" x14ac:dyDescent="0.35">
      <c r="A359" s="52" t="s">
        <v>78</v>
      </c>
      <c r="B359" s="52" t="s">
        <v>79</v>
      </c>
      <c r="C359" s="3">
        <v>10</v>
      </c>
      <c r="D359" s="52" t="s">
        <v>2021</v>
      </c>
      <c r="E359" s="52" t="s">
        <v>26</v>
      </c>
      <c r="F359" s="52" t="s">
        <v>81</v>
      </c>
      <c r="G359" s="52" t="s">
        <v>82</v>
      </c>
      <c r="H359" s="4">
        <v>1</v>
      </c>
      <c r="I359" s="2">
        <v>14.65</v>
      </c>
      <c r="J359" s="52" t="s">
        <v>2764</v>
      </c>
      <c r="K359" s="71" t="s">
        <v>2765</v>
      </c>
      <c r="L359" s="52" t="s">
        <v>2063</v>
      </c>
      <c r="M359" s="72">
        <v>6903</v>
      </c>
      <c r="N359" s="52" t="s">
        <v>2072</v>
      </c>
      <c r="O359" s="52" t="s">
        <v>2073</v>
      </c>
      <c r="P359" s="52"/>
      <c r="Q359" s="52"/>
      <c r="R359" s="52"/>
      <c r="S359" s="52"/>
      <c r="T359" s="52"/>
      <c r="U359" s="52"/>
      <c r="V359" s="52"/>
      <c r="W359" s="52"/>
    </row>
    <row r="360" spans="1:23" hidden="1" x14ac:dyDescent="0.35">
      <c r="A360" s="52" t="s">
        <v>78</v>
      </c>
      <c r="B360" s="52" t="s">
        <v>79</v>
      </c>
      <c r="C360" s="3">
        <v>20</v>
      </c>
      <c r="D360" s="52" t="s">
        <v>2020</v>
      </c>
      <c r="E360" s="52" t="s">
        <v>26</v>
      </c>
      <c r="F360" s="52" t="s">
        <v>81</v>
      </c>
      <c r="G360" s="52" t="s">
        <v>82</v>
      </c>
      <c r="H360" s="4">
        <v>1</v>
      </c>
      <c r="I360" s="2">
        <v>14.65</v>
      </c>
      <c r="J360" s="52" t="s">
        <v>2550</v>
      </c>
      <c r="K360" s="71" t="s">
        <v>2766</v>
      </c>
      <c r="L360" s="52" t="s">
        <v>2063</v>
      </c>
      <c r="M360" s="72">
        <v>2267</v>
      </c>
      <c r="N360" s="52" t="s">
        <v>2072</v>
      </c>
      <c r="O360" s="52" t="s">
        <v>2073</v>
      </c>
      <c r="P360" s="52"/>
      <c r="Q360" s="52"/>
      <c r="R360" s="52"/>
      <c r="S360" s="52"/>
      <c r="T360" s="52"/>
      <c r="U360" s="52"/>
      <c r="V360" s="52"/>
      <c r="W360" s="52"/>
    </row>
    <row r="361" spans="1:23" hidden="1" x14ac:dyDescent="0.35">
      <c r="A361" s="52" t="s">
        <v>78</v>
      </c>
      <c r="B361" s="52" t="s">
        <v>79</v>
      </c>
      <c r="C361" s="3">
        <v>20</v>
      </c>
      <c r="D361" s="52" t="s">
        <v>84</v>
      </c>
      <c r="E361" s="52" t="s">
        <v>26</v>
      </c>
      <c r="F361" s="52" t="s">
        <v>81</v>
      </c>
      <c r="G361" s="52" t="s">
        <v>82</v>
      </c>
      <c r="H361" s="4">
        <v>1</v>
      </c>
      <c r="I361" s="2">
        <v>14.65</v>
      </c>
      <c r="J361" s="52" t="s">
        <v>2767</v>
      </c>
      <c r="K361" s="71" t="s">
        <v>2768</v>
      </c>
      <c r="L361" s="52" t="s">
        <v>2095</v>
      </c>
      <c r="M361" s="72">
        <v>2468</v>
      </c>
      <c r="N361" s="52"/>
      <c r="O361" s="52"/>
      <c r="P361" s="52"/>
      <c r="Q361" s="52"/>
      <c r="R361" s="52"/>
      <c r="S361" s="52"/>
      <c r="T361" s="52"/>
      <c r="U361" s="52"/>
      <c r="V361" s="52"/>
      <c r="W361" s="52"/>
    </row>
    <row r="362" spans="1:23" x14ac:dyDescent="0.35">
      <c r="A362" s="52" t="s">
        <v>78</v>
      </c>
      <c r="B362" s="52" t="s">
        <v>79</v>
      </c>
      <c r="C362" s="3">
        <v>20</v>
      </c>
      <c r="D362" s="52" t="s">
        <v>2019</v>
      </c>
      <c r="E362" s="52" t="s">
        <v>26</v>
      </c>
      <c r="F362" s="52" t="s">
        <v>81</v>
      </c>
      <c r="G362" s="52" t="s">
        <v>82</v>
      </c>
      <c r="H362" s="4">
        <v>1</v>
      </c>
      <c r="I362" s="2">
        <v>14.65</v>
      </c>
      <c r="J362" s="52" t="s">
        <v>2769</v>
      </c>
      <c r="K362" s="71" t="s">
        <v>2770</v>
      </c>
      <c r="L362" s="52" t="s">
        <v>2063</v>
      </c>
      <c r="M362" s="72">
        <v>7097</v>
      </c>
      <c r="N362" s="52" t="s">
        <v>2259</v>
      </c>
      <c r="O362" s="52" t="s">
        <v>2260</v>
      </c>
      <c r="P362" s="52"/>
      <c r="Q362" s="52"/>
      <c r="R362" s="52"/>
      <c r="S362" s="52"/>
      <c r="T362" s="52"/>
      <c r="U362" s="52"/>
      <c r="V362" s="52"/>
      <c r="W362" s="52"/>
    </row>
    <row r="363" spans="1:23" hidden="1" x14ac:dyDescent="0.35">
      <c r="A363" s="52" t="s">
        <v>78</v>
      </c>
      <c r="B363" s="52" t="s">
        <v>79</v>
      </c>
      <c r="C363" s="3">
        <v>10</v>
      </c>
      <c r="D363" s="52" t="s">
        <v>85</v>
      </c>
      <c r="E363" s="52" t="s">
        <v>26</v>
      </c>
      <c r="F363" s="52" t="s">
        <v>81</v>
      </c>
      <c r="G363" s="52" t="s">
        <v>82</v>
      </c>
      <c r="H363" s="4">
        <v>1</v>
      </c>
      <c r="I363" s="2">
        <v>14.65</v>
      </c>
      <c r="J363" s="52" t="s">
        <v>2771</v>
      </c>
      <c r="K363" s="71" t="s">
        <v>2772</v>
      </c>
      <c r="L363" s="52" t="s">
        <v>2063</v>
      </c>
      <c r="M363" s="72">
        <v>5177</v>
      </c>
      <c r="N363" s="52" t="s">
        <v>2072</v>
      </c>
      <c r="O363" s="52" t="s">
        <v>2073</v>
      </c>
      <c r="P363" s="52"/>
      <c r="Q363" s="52"/>
      <c r="R363" s="52"/>
      <c r="S363" s="52"/>
      <c r="T363" s="52"/>
      <c r="U363" s="52"/>
      <c r="V363" s="52"/>
      <c r="W363" s="52"/>
    </row>
    <row r="364" spans="1:23" hidden="1" x14ac:dyDescent="0.35">
      <c r="A364" s="52" t="s">
        <v>78</v>
      </c>
      <c r="B364" s="52" t="s">
        <v>79</v>
      </c>
      <c r="C364" s="3">
        <v>20</v>
      </c>
      <c r="D364" s="52" t="s">
        <v>2020</v>
      </c>
      <c r="E364" s="52" t="s">
        <v>26</v>
      </c>
      <c r="F364" s="52" t="s">
        <v>81</v>
      </c>
      <c r="G364" s="52" t="s">
        <v>82</v>
      </c>
      <c r="H364" s="4">
        <v>1</v>
      </c>
      <c r="I364" s="2">
        <v>14.65</v>
      </c>
      <c r="J364" s="52" t="s">
        <v>2773</v>
      </c>
      <c r="K364" s="71" t="s">
        <v>2774</v>
      </c>
      <c r="L364" s="52" t="s">
        <v>2063</v>
      </c>
      <c r="M364" s="72">
        <v>8514</v>
      </c>
      <c r="N364" s="52"/>
      <c r="O364" s="52"/>
      <c r="P364" s="52"/>
      <c r="Q364" s="52"/>
      <c r="R364" s="52"/>
      <c r="S364" s="52"/>
      <c r="T364" s="52"/>
      <c r="U364" s="52"/>
      <c r="V364" s="52"/>
      <c r="W364" s="52"/>
    </row>
    <row r="365" spans="1:23" x14ac:dyDescent="0.35">
      <c r="A365" s="52" t="s">
        <v>78</v>
      </c>
      <c r="B365" s="52" t="s">
        <v>79</v>
      </c>
      <c r="C365" s="3">
        <v>20</v>
      </c>
      <c r="D365" s="52" t="s">
        <v>2022</v>
      </c>
      <c r="E365" s="52" t="s">
        <v>26</v>
      </c>
      <c r="F365" s="52" t="s">
        <v>81</v>
      </c>
      <c r="G365" s="52" t="s">
        <v>82</v>
      </c>
      <c r="H365" s="4">
        <v>1</v>
      </c>
      <c r="I365" s="2">
        <v>14.65</v>
      </c>
      <c r="J365" s="52" t="s">
        <v>2775</v>
      </c>
      <c r="K365" s="71" t="s">
        <v>2776</v>
      </c>
      <c r="L365" s="52" t="s">
        <v>2063</v>
      </c>
      <c r="M365" s="72">
        <v>7942</v>
      </c>
      <c r="N365" s="52" t="s">
        <v>2259</v>
      </c>
      <c r="O365" s="52" t="s">
        <v>2260</v>
      </c>
      <c r="P365" s="52"/>
      <c r="Q365" s="52"/>
      <c r="R365" s="52"/>
      <c r="S365" s="52"/>
      <c r="T365" s="52"/>
      <c r="U365" s="52"/>
      <c r="V365" s="52"/>
      <c r="W365" s="52"/>
    </row>
    <row r="366" spans="1:23" hidden="1" x14ac:dyDescent="0.35">
      <c r="A366" s="52" t="s">
        <v>78</v>
      </c>
      <c r="B366" s="52" t="s">
        <v>79</v>
      </c>
      <c r="C366" s="3">
        <v>10</v>
      </c>
      <c r="D366" s="52" t="s">
        <v>2019</v>
      </c>
      <c r="E366" s="52" t="s">
        <v>26</v>
      </c>
      <c r="F366" s="52" t="s">
        <v>81</v>
      </c>
      <c r="G366" s="52" t="s">
        <v>82</v>
      </c>
      <c r="H366" s="4">
        <v>1</v>
      </c>
      <c r="I366" s="2">
        <v>14.65</v>
      </c>
      <c r="J366" s="52" t="s">
        <v>2777</v>
      </c>
      <c r="K366" s="71" t="s">
        <v>2778</v>
      </c>
      <c r="L366" s="52" t="s">
        <v>2095</v>
      </c>
      <c r="M366" s="72">
        <v>2244</v>
      </c>
      <c r="N366" s="52" t="s">
        <v>2066</v>
      </c>
      <c r="O366" s="52" t="s">
        <v>2067</v>
      </c>
      <c r="P366" s="52"/>
      <c r="Q366" s="52"/>
      <c r="R366" s="52"/>
      <c r="S366" s="52"/>
      <c r="T366" s="52"/>
      <c r="U366" s="52"/>
      <c r="V366" s="52"/>
      <c r="W366" s="52"/>
    </row>
    <row r="367" spans="1:23" hidden="1" x14ac:dyDescent="0.35">
      <c r="A367" s="52" t="s">
        <v>78</v>
      </c>
      <c r="B367" s="52" t="s">
        <v>79</v>
      </c>
      <c r="C367" s="3">
        <v>10</v>
      </c>
      <c r="D367" s="52" t="s">
        <v>87</v>
      </c>
      <c r="E367" s="52" t="s">
        <v>26</v>
      </c>
      <c r="F367" s="52" t="s">
        <v>81</v>
      </c>
      <c r="G367" s="52" t="s">
        <v>82</v>
      </c>
      <c r="H367" s="4">
        <v>1</v>
      </c>
      <c r="I367" s="2">
        <v>14.65</v>
      </c>
      <c r="J367" s="52" t="s">
        <v>2779</v>
      </c>
      <c r="K367" s="71" t="s">
        <v>2780</v>
      </c>
      <c r="L367" s="52" t="s">
        <v>2063</v>
      </c>
      <c r="M367" s="72">
        <v>2961</v>
      </c>
      <c r="N367" s="52"/>
      <c r="O367" s="52"/>
      <c r="P367" s="52"/>
      <c r="Q367" s="52"/>
      <c r="R367" s="52"/>
      <c r="S367" s="52"/>
      <c r="T367" s="52"/>
      <c r="U367" s="52"/>
      <c r="V367" s="52"/>
      <c r="W367" s="52"/>
    </row>
    <row r="368" spans="1:23" hidden="1" x14ac:dyDescent="0.35">
      <c r="A368" s="52" t="s">
        <v>78</v>
      </c>
      <c r="B368" s="52" t="s">
        <v>79</v>
      </c>
      <c r="C368" s="3">
        <v>10</v>
      </c>
      <c r="D368" s="52" t="s">
        <v>2024</v>
      </c>
      <c r="E368" s="52" t="s">
        <v>26</v>
      </c>
      <c r="F368" s="52" t="s">
        <v>81</v>
      </c>
      <c r="G368" s="52" t="s">
        <v>82</v>
      </c>
      <c r="H368" s="4">
        <v>1</v>
      </c>
      <c r="I368" s="2">
        <v>14.65</v>
      </c>
      <c r="J368" s="52" t="s">
        <v>2707</v>
      </c>
      <c r="K368" s="71" t="s">
        <v>2781</v>
      </c>
      <c r="L368" s="52" t="s">
        <v>2063</v>
      </c>
      <c r="M368" s="72">
        <v>9138</v>
      </c>
      <c r="N368" s="52" t="s">
        <v>2072</v>
      </c>
      <c r="O368" s="52" t="s">
        <v>2073</v>
      </c>
      <c r="P368" s="52"/>
      <c r="Q368" s="52"/>
      <c r="R368" s="52"/>
      <c r="S368" s="52"/>
      <c r="T368" s="52"/>
      <c r="U368" s="52"/>
      <c r="V368" s="52"/>
      <c r="W368" s="52"/>
    </row>
    <row r="369" spans="1:23" hidden="1" x14ac:dyDescent="0.35">
      <c r="A369" s="52" t="s">
        <v>78</v>
      </c>
      <c r="B369" s="52" t="s">
        <v>79</v>
      </c>
      <c r="C369" s="3">
        <v>20</v>
      </c>
      <c r="D369" s="52" t="s">
        <v>2024</v>
      </c>
      <c r="E369" s="52" t="s">
        <v>26</v>
      </c>
      <c r="F369" s="52" t="s">
        <v>81</v>
      </c>
      <c r="G369" s="52" t="s">
        <v>82</v>
      </c>
      <c r="H369" s="4">
        <v>1</v>
      </c>
      <c r="I369" s="2">
        <v>14.65</v>
      </c>
      <c r="J369" s="52" t="s">
        <v>2782</v>
      </c>
      <c r="K369" s="71" t="s">
        <v>2783</v>
      </c>
      <c r="L369" s="52" t="s">
        <v>2063</v>
      </c>
      <c r="M369" s="72">
        <v>8675</v>
      </c>
      <c r="N369" s="52" t="s">
        <v>2072</v>
      </c>
      <c r="O369" s="52" t="s">
        <v>2073</v>
      </c>
      <c r="P369" s="52"/>
      <c r="Q369" s="52"/>
      <c r="R369" s="52"/>
      <c r="S369" s="52"/>
      <c r="T369" s="52"/>
      <c r="U369" s="52"/>
      <c r="V369" s="52"/>
      <c r="W369" s="52"/>
    </row>
    <row r="370" spans="1:23" hidden="1" x14ac:dyDescent="0.35">
      <c r="A370" s="52" t="s">
        <v>78</v>
      </c>
      <c r="B370" s="52" t="s">
        <v>79</v>
      </c>
      <c r="C370" s="3">
        <v>10</v>
      </c>
      <c r="D370" s="52" t="s">
        <v>86</v>
      </c>
      <c r="E370" s="52" t="s">
        <v>26</v>
      </c>
      <c r="F370" s="52" t="s">
        <v>81</v>
      </c>
      <c r="G370" s="52" t="s">
        <v>82</v>
      </c>
      <c r="H370" s="4">
        <v>1</v>
      </c>
      <c r="I370" s="2">
        <v>14.65</v>
      </c>
      <c r="J370" s="52" t="s">
        <v>2416</v>
      </c>
      <c r="K370" s="71" t="s">
        <v>2784</v>
      </c>
      <c r="L370" s="52" t="s">
        <v>2063</v>
      </c>
      <c r="M370" s="72">
        <v>6271</v>
      </c>
      <c r="N370" s="52"/>
      <c r="O370" s="52"/>
      <c r="P370" s="52"/>
      <c r="Q370" s="52"/>
      <c r="R370" s="52"/>
      <c r="S370" s="52"/>
      <c r="T370" s="52"/>
      <c r="U370" s="52"/>
      <c r="V370" s="52"/>
      <c r="W370" s="52"/>
    </row>
    <row r="371" spans="1:23" hidden="1" x14ac:dyDescent="0.35">
      <c r="A371" s="52" t="s">
        <v>78</v>
      </c>
      <c r="B371" s="52" t="s">
        <v>79</v>
      </c>
      <c r="C371" s="3">
        <v>20</v>
      </c>
      <c r="D371" s="52" t="s">
        <v>83</v>
      </c>
      <c r="E371" s="52" t="s">
        <v>26</v>
      </c>
      <c r="F371" s="52" t="s">
        <v>81</v>
      </c>
      <c r="G371" s="52" t="s">
        <v>82</v>
      </c>
      <c r="H371" s="4">
        <v>1</v>
      </c>
      <c r="I371" s="2">
        <v>14.65</v>
      </c>
      <c r="J371" s="52" t="s">
        <v>2785</v>
      </c>
      <c r="K371" s="71" t="s">
        <v>2786</v>
      </c>
      <c r="L371" s="52" t="s">
        <v>2063</v>
      </c>
      <c r="M371" s="72">
        <v>7005</v>
      </c>
      <c r="N371" s="52" t="s">
        <v>2072</v>
      </c>
      <c r="O371" s="52" t="s">
        <v>2073</v>
      </c>
      <c r="P371" s="52"/>
      <c r="Q371" s="52"/>
      <c r="R371" s="52"/>
      <c r="S371" s="52"/>
      <c r="T371" s="52"/>
      <c r="U371" s="52"/>
      <c r="V371" s="52"/>
      <c r="W371" s="52"/>
    </row>
    <row r="372" spans="1:23" hidden="1" x14ac:dyDescent="0.35">
      <c r="A372" s="52" t="s">
        <v>78</v>
      </c>
      <c r="B372" s="52" t="s">
        <v>79</v>
      </c>
      <c r="C372" s="3">
        <v>20</v>
      </c>
      <c r="D372" s="52" t="s">
        <v>83</v>
      </c>
      <c r="E372" s="52" t="s">
        <v>26</v>
      </c>
      <c r="F372" s="52" t="s">
        <v>81</v>
      </c>
      <c r="G372" s="52" t="s">
        <v>82</v>
      </c>
      <c r="H372" s="4">
        <v>1</v>
      </c>
      <c r="I372" s="2">
        <v>14.65</v>
      </c>
      <c r="J372" s="52" t="s">
        <v>2787</v>
      </c>
      <c r="K372" s="71" t="s">
        <v>2788</v>
      </c>
      <c r="L372" s="52" t="s">
        <v>2063</v>
      </c>
      <c r="M372" s="72">
        <v>5238</v>
      </c>
      <c r="N372" s="52" t="s">
        <v>2072</v>
      </c>
      <c r="O372" s="52" t="s">
        <v>2073</v>
      </c>
      <c r="P372" s="52"/>
      <c r="Q372" s="52"/>
      <c r="R372" s="52"/>
      <c r="S372" s="52"/>
      <c r="T372" s="52"/>
      <c r="U372" s="52"/>
      <c r="V372" s="52"/>
      <c r="W372" s="52"/>
    </row>
    <row r="373" spans="1:23" hidden="1" x14ac:dyDescent="0.35">
      <c r="A373" s="52" t="s">
        <v>78</v>
      </c>
      <c r="B373" s="52" t="s">
        <v>79</v>
      </c>
      <c r="C373" s="3">
        <v>20</v>
      </c>
      <c r="D373" s="52" t="s">
        <v>2020</v>
      </c>
      <c r="E373" s="52" t="s">
        <v>26</v>
      </c>
      <c r="F373" s="52" t="s">
        <v>81</v>
      </c>
      <c r="G373" s="52" t="s">
        <v>82</v>
      </c>
      <c r="H373" s="4">
        <v>1</v>
      </c>
      <c r="I373" s="2">
        <v>14.65</v>
      </c>
      <c r="J373" s="52" t="s">
        <v>2789</v>
      </c>
      <c r="K373" s="71" t="s">
        <v>2790</v>
      </c>
      <c r="L373" s="52" t="s">
        <v>2063</v>
      </c>
      <c r="M373" s="72">
        <v>7381</v>
      </c>
      <c r="N373" s="52" t="s">
        <v>2066</v>
      </c>
      <c r="O373" s="52" t="s">
        <v>2067</v>
      </c>
      <c r="P373" s="52"/>
      <c r="Q373" s="52"/>
      <c r="R373" s="52"/>
      <c r="S373" s="52"/>
      <c r="T373" s="52"/>
      <c r="U373" s="52"/>
      <c r="V373" s="52"/>
      <c r="W373" s="52"/>
    </row>
    <row r="374" spans="1:23" hidden="1" x14ac:dyDescent="0.35">
      <c r="A374" s="52" t="s">
        <v>78</v>
      </c>
      <c r="B374" s="52" t="s">
        <v>79</v>
      </c>
      <c r="C374" s="3">
        <v>20</v>
      </c>
      <c r="D374" s="52" t="s">
        <v>84</v>
      </c>
      <c r="E374" s="52" t="s">
        <v>26</v>
      </c>
      <c r="F374" s="52" t="s">
        <v>81</v>
      </c>
      <c r="G374" s="52" t="s">
        <v>82</v>
      </c>
      <c r="H374" s="4">
        <v>1</v>
      </c>
      <c r="I374" s="2">
        <v>14.65</v>
      </c>
      <c r="J374" s="52" t="s">
        <v>2791</v>
      </c>
      <c r="K374" s="71" t="s">
        <v>2792</v>
      </c>
      <c r="L374" s="52" t="s">
        <v>2063</v>
      </c>
      <c r="M374" s="72">
        <v>1392</v>
      </c>
      <c r="N374" s="52" t="s">
        <v>2072</v>
      </c>
      <c r="O374" s="52" t="s">
        <v>2073</v>
      </c>
      <c r="P374" s="52"/>
      <c r="Q374" s="52"/>
      <c r="R374" s="52"/>
      <c r="S374" s="52"/>
      <c r="T374" s="52"/>
      <c r="U374" s="52"/>
      <c r="V374" s="52"/>
      <c r="W374" s="52"/>
    </row>
    <row r="375" spans="1:23" hidden="1" x14ac:dyDescent="0.35">
      <c r="A375" s="52" t="s">
        <v>78</v>
      </c>
      <c r="B375" s="52" t="s">
        <v>79</v>
      </c>
      <c r="C375" s="3">
        <v>10</v>
      </c>
      <c r="D375" s="52" t="s">
        <v>2024</v>
      </c>
      <c r="E375" s="52" t="s">
        <v>26</v>
      </c>
      <c r="F375" s="52" t="s">
        <v>81</v>
      </c>
      <c r="G375" s="52" t="s">
        <v>82</v>
      </c>
      <c r="H375" s="4">
        <v>1</v>
      </c>
      <c r="I375" s="2">
        <v>14.65</v>
      </c>
      <c r="J375" s="52" t="s">
        <v>2793</v>
      </c>
      <c r="K375" s="71" t="s">
        <v>2794</v>
      </c>
      <c r="L375" s="52" t="s">
        <v>2063</v>
      </c>
      <c r="M375" s="72">
        <v>9723</v>
      </c>
      <c r="N375" s="52" t="s">
        <v>2066</v>
      </c>
      <c r="O375" s="52" t="s">
        <v>2067</v>
      </c>
      <c r="P375" s="52"/>
      <c r="Q375" s="52"/>
      <c r="R375" s="52"/>
      <c r="S375" s="52"/>
      <c r="T375" s="52"/>
      <c r="U375" s="52"/>
      <c r="V375" s="52"/>
      <c r="W375" s="52"/>
    </row>
    <row r="376" spans="1:23" hidden="1" x14ac:dyDescent="0.35">
      <c r="A376" s="52" t="s">
        <v>78</v>
      </c>
      <c r="B376" s="52" t="s">
        <v>79</v>
      </c>
      <c r="C376" s="3">
        <v>20</v>
      </c>
      <c r="D376" s="52" t="s">
        <v>2024</v>
      </c>
      <c r="E376" s="52" t="s">
        <v>26</v>
      </c>
      <c r="F376" s="52" t="s">
        <v>81</v>
      </c>
      <c r="G376" s="52" t="s">
        <v>82</v>
      </c>
      <c r="H376" s="4">
        <v>1</v>
      </c>
      <c r="I376" s="2">
        <v>14.65</v>
      </c>
      <c r="J376" s="52" t="s">
        <v>2386</v>
      </c>
      <c r="K376" s="71" t="s">
        <v>2795</v>
      </c>
      <c r="L376" s="52" t="s">
        <v>2063</v>
      </c>
      <c r="M376" s="72">
        <v>3663</v>
      </c>
      <c r="N376" s="52" t="s">
        <v>2072</v>
      </c>
      <c r="O376" s="52" t="s">
        <v>2073</v>
      </c>
      <c r="P376" s="52"/>
      <c r="Q376" s="52"/>
      <c r="R376" s="52"/>
      <c r="S376" s="52"/>
      <c r="T376" s="52"/>
      <c r="U376" s="52"/>
      <c r="V376" s="52"/>
      <c r="W376" s="52"/>
    </row>
    <row r="377" spans="1:23" hidden="1" x14ac:dyDescent="0.35">
      <c r="A377" s="52" t="s">
        <v>78</v>
      </c>
      <c r="B377" s="52" t="s">
        <v>79</v>
      </c>
      <c r="C377" s="3">
        <v>10</v>
      </c>
      <c r="D377" s="52" t="s">
        <v>2019</v>
      </c>
      <c r="E377" s="52" t="s">
        <v>26</v>
      </c>
      <c r="F377" s="52" t="s">
        <v>81</v>
      </c>
      <c r="G377" s="52" t="s">
        <v>82</v>
      </c>
      <c r="H377" s="4">
        <v>1</v>
      </c>
      <c r="I377" s="2">
        <v>14.65</v>
      </c>
      <c r="J377" s="52" t="s">
        <v>2796</v>
      </c>
      <c r="K377" s="71" t="s">
        <v>2797</v>
      </c>
      <c r="L377" s="52" t="s">
        <v>2063</v>
      </c>
      <c r="M377" s="72">
        <v>1901</v>
      </c>
      <c r="N377" s="52"/>
      <c r="O377" s="52"/>
      <c r="P377" s="52"/>
      <c r="Q377" s="52"/>
      <c r="R377" s="52"/>
      <c r="S377" s="52"/>
      <c r="T377" s="52"/>
      <c r="U377" s="52"/>
      <c r="V377" s="52"/>
      <c r="W377" s="52"/>
    </row>
    <row r="378" spans="1:23" hidden="1" x14ac:dyDescent="0.35">
      <c r="A378" s="52" t="s">
        <v>78</v>
      </c>
      <c r="B378" s="52" t="s">
        <v>79</v>
      </c>
      <c r="C378" s="3">
        <v>10</v>
      </c>
      <c r="D378" s="52" t="s">
        <v>83</v>
      </c>
      <c r="E378" s="52" t="s">
        <v>26</v>
      </c>
      <c r="F378" s="52" t="s">
        <v>81</v>
      </c>
      <c r="G378" s="52" t="s">
        <v>82</v>
      </c>
      <c r="H378" s="4">
        <v>1</v>
      </c>
      <c r="I378" s="2">
        <v>14.65</v>
      </c>
      <c r="J378" s="52" t="s">
        <v>2798</v>
      </c>
      <c r="K378" s="71" t="s">
        <v>2799</v>
      </c>
      <c r="L378" s="52" t="s">
        <v>2063</v>
      </c>
      <c r="M378" s="72">
        <v>3794</v>
      </c>
      <c r="N378" s="52" t="s">
        <v>2072</v>
      </c>
      <c r="O378" s="52" t="s">
        <v>2073</v>
      </c>
      <c r="P378" s="52"/>
      <c r="Q378" s="52"/>
      <c r="R378" s="52"/>
      <c r="S378" s="52"/>
      <c r="T378" s="52"/>
      <c r="U378" s="52"/>
      <c r="V378" s="52"/>
      <c r="W378" s="52"/>
    </row>
    <row r="379" spans="1:23" hidden="1" x14ac:dyDescent="0.35">
      <c r="A379" s="52" t="s">
        <v>78</v>
      </c>
      <c r="B379" s="52" t="s">
        <v>79</v>
      </c>
      <c r="C379" s="3">
        <v>10</v>
      </c>
      <c r="D379" s="52" t="s">
        <v>2022</v>
      </c>
      <c r="E379" s="52" t="s">
        <v>26</v>
      </c>
      <c r="F379" s="52" t="s">
        <v>81</v>
      </c>
      <c r="G379" s="52" t="s">
        <v>82</v>
      </c>
      <c r="H379" s="4">
        <v>1</v>
      </c>
      <c r="I379" s="2">
        <v>14.65</v>
      </c>
      <c r="J379" s="52" t="s">
        <v>2800</v>
      </c>
      <c r="K379" s="71" t="s">
        <v>2801</v>
      </c>
      <c r="L379" s="52" t="s">
        <v>2063</v>
      </c>
      <c r="M379" s="72">
        <v>8504</v>
      </c>
      <c r="N379" s="52" t="s">
        <v>2072</v>
      </c>
      <c r="O379" s="52" t="s">
        <v>2073</v>
      </c>
      <c r="P379" s="52"/>
      <c r="Q379" s="52"/>
      <c r="R379" s="52"/>
      <c r="S379" s="52"/>
      <c r="T379" s="52"/>
      <c r="U379" s="52"/>
      <c r="V379" s="52"/>
      <c r="W379" s="52"/>
    </row>
    <row r="380" spans="1:23" hidden="1" x14ac:dyDescent="0.35">
      <c r="A380" s="52" t="s">
        <v>78</v>
      </c>
      <c r="B380" s="52" t="s">
        <v>79</v>
      </c>
      <c r="C380" s="3">
        <v>20</v>
      </c>
      <c r="D380" s="52" t="s">
        <v>83</v>
      </c>
      <c r="E380" s="52" t="s">
        <v>26</v>
      </c>
      <c r="F380" s="52" t="s">
        <v>81</v>
      </c>
      <c r="G380" s="52" t="s">
        <v>82</v>
      </c>
      <c r="H380" s="4">
        <v>1</v>
      </c>
      <c r="I380" s="2">
        <v>14.65</v>
      </c>
      <c r="J380" s="52" t="s">
        <v>2802</v>
      </c>
      <c r="K380" s="71" t="s">
        <v>2803</v>
      </c>
      <c r="L380" s="52" t="s">
        <v>2063</v>
      </c>
      <c r="M380" s="72">
        <v>1321</v>
      </c>
      <c r="N380" s="52" t="s">
        <v>2072</v>
      </c>
      <c r="O380" s="52" t="s">
        <v>2073</v>
      </c>
      <c r="P380" s="52"/>
      <c r="Q380" s="52"/>
      <c r="R380" s="52"/>
      <c r="S380" s="52"/>
      <c r="T380" s="52"/>
      <c r="U380" s="52"/>
      <c r="V380" s="52"/>
      <c r="W380" s="52"/>
    </row>
    <row r="381" spans="1:23" hidden="1" x14ac:dyDescent="0.35">
      <c r="A381" s="52" t="s">
        <v>78</v>
      </c>
      <c r="B381" s="52" t="s">
        <v>79</v>
      </c>
      <c r="C381" s="3">
        <v>20</v>
      </c>
      <c r="D381" s="52" t="s">
        <v>2024</v>
      </c>
      <c r="E381" s="52" t="s">
        <v>26</v>
      </c>
      <c r="F381" s="52" t="s">
        <v>81</v>
      </c>
      <c r="G381" s="52" t="s">
        <v>82</v>
      </c>
      <c r="H381" s="4">
        <v>1</v>
      </c>
      <c r="I381" s="2">
        <v>14.65</v>
      </c>
      <c r="J381" s="52" t="s">
        <v>2804</v>
      </c>
      <c r="K381" s="71" t="s">
        <v>2805</v>
      </c>
      <c r="L381" s="52" t="s">
        <v>2063</v>
      </c>
      <c r="M381" s="72">
        <v>1235</v>
      </c>
      <c r="N381" s="52" t="s">
        <v>2066</v>
      </c>
      <c r="O381" s="52" t="s">
        <v>2067</v>
      </c>
      <c r="P381" s="52"/>
      <c r="Q381" s="52"/>
      <c r="R381" s="52"/>
      <c r="S381" s="52"/>
      <c r="T381" s="52"/>
      <c r="U381" s="52"/>
      <c r="V381" s="52"/>
      <c r="W381" s="52"/>
    </row>
    <row r="382" spans="1:23" hidden="1" x14ac:dyDescent="0.35">
      <c r="A382" s="52" t="s">
        <v>78</v>
      </c>
      <c r="B382" s="52" t="s">
        <v>79</v>
      </c>
      <c r="C382" s="3">
        <v>20</v>
      </c>
      <c r="D382" s="52" t="s">
        <v>86</v>
      </c>
      <c r="E382" s="52" t="s">
        <v>26</v>
      </c>
      <c r="F382" s="52" t="s">
        <v>81</v>
      </c>
      <c r="G382" s="52" t="s">
        <v>82</v>
      </c>
      <c r="H382" s="4">
        <v>1</v>
      </c>
      <c r="I382" s="2">
        <v>14.65</v>
      </c>
      <c r="J382" s="52" t="s">
        <v>2806</v>
      </c>
      <c r="K382" s="71" t="s">
        <v>2807</v>
      </c>
      <c r="L382" s="52" t="s">
        <v>2063</v>
      </c>
      <c r="M382" s="72">
        <v>6443</v>
      </c>
      <c r="N382" s="52" t="s">
        <v>2066</v>
      </c>
      <c r="O382" s="52" t="s">
        <v>2067</v>
      </c>
      <c r="P382" s="52"/>
      <c r="Q382" s="52"/>
      <c r="R382" s="52"/>
      <c r="S382" s="52"/>
      <c r="T382" s="52"/>
      <c r="U382" s="52"/>
      <c r="V382" s="52"/>
      <c r="W382" s="52"/>
    </row>
    <row r="383" spans="1:23" x14ac:dyDescent="0.35">
      <c r="A383" s="52" t="s">
        <v>78</v>
      </c>
      <c r="B383" s="52" t="s">
        <v>79</v>
      </c>
      <c r="C383" s="3">
        <v>20</v>
      </c>
      <c r="D383" s="52" t="s">
        <v>84</v>
      </c>
      <c r="E383" s="52" t="s">
        <v>26</v>
      </c>
      <c r="F383" s="52" t="s">
        <v>81</v>
      </c>
      <c r="G383" s="52" t="s">
        <v>82</v>
      </c>
      <c r="H383" s="4">
        <v>1</v>
      </c>
      <c r="I383" s="2">
        <v>14.65</v>
      </c>
      <c r="J383" s="52" t="s">
        <v>2808</v>
      </c>
      <c r="K383" s="71" t="s">
        <v>2809</v>
      </c>
      <c r="L383" s="52" t="s">
        <v>2063</v>
      </c>
      <c r="M383" s="72">
        <v>488</v>
      </c>
      <c r="N383" s="52" t="s">
        <v>2259</v>
      </c>
      <c r="O383" s="52" t="s">
        <v>2260</v>
      </c>
      <c r="P383" s="52"/>
      <c r="Q383" s="52"/>
      <c r="R383" s="52"/>
      <c r="S383" s="52"/>
      <c r="T383" s="52"/>
      <c r="U383" s="52"/>
      <c r="V383" s="52"/>
      <c r="W383" s="52"/>
    </row>
    <row r="384" spans="1:23" hidden="1" x14ac:dyDescent="0.35">
      <c r="A384" s="52" t="s">
        <v>78</v>
      </c>
      <c r="B384" s="52" t="s">
        <v>79</v>
      </c>
      <c r="C384" s="3">
        <v>20</v>
      </c>
      <c r="D384" s="52" t="s">
        <v>2023</v>
      </c>
      <c r="E384" s="52" t="s">
        <v>26</v>
      </c>
      <c r="F384" s="52" t="s">
        <v>81</v>
      </c>
      <c r="G384" s="52" t="s">
        <v>82</v>
      </c>
      <c r="H384" s="4">
        <v>1</v>
      </c>
      <c r="I384" s="2">
        <v>14.65</v>
      </c>
      <c r="J384" s="52" t="s">
        <v>2810</v>
      </c>
      <c r="K384" s="71" t="s">
        <v>2811</v>
      </c>
      <c r="L384" s="52" t="s">
        <v>2063</v>
      </c>
      <c r="M384" s="72">
        <v>5765</v>
      </c>
      <c r="N384" s="52" t="s">
        <v>2066</v>
      </c>
      <c r="O384" s="52" t="s">
        <v>2067</v>
      </c>
      <c r="P384" s="52"/>
      <c r="Q384" s="52"/>
      <c r="R384" s="52"/>
      <c r="S384" s="52"/>
      <c r="T384" s="52"/>
      <c r="U384" s="52"/>
      <c r="V384" s="52"/>
      <c r="W384" s="52"/>
    </row>
    <row r="385" spans="1:23" hidden="1" x14ac:dyDescent="0.35">
      <c r="A385" s="52" t="s">
        <v>78</v>
      </c>
      <c r="B385" s="52" t="s">
        <v>79</v>
      </c>
      <c r="C385" s="3">
        <v>20</v>
      </c>
      <c r="D385" s="52" t="s">
        <v>2021</v>
      </c>
      <c r="E385" s="52" t="s">
        <v>26</v>
      </c>
      <c r="F385" s="52" t="s">
        <v>81</v>
      </c>
      <c r="G385" s="52" t="s">
        <v>82</v>
      </c>
      <c r="H385" s="4">
        <v>1</v>
      </c>
      <c r="I385" s="2">
        <v>14.65</v>
      </c>
      <c r="J385" s="52" t="s">
        <v>2812</v>
      </c>
      <c r="K385" s="71" t="s">
        <v>2813</v>
      </c>
      <c r="L385" s="52" t="s">
        <v>2063</v>
      </c>
      <c r="M385" s="72">
        <v>8158</v>
      </c>
      <c r="N385" s="52" t="s">
        <v>2072</v>
      </c>
      <c r="O385" s="52" t="s">
        <v>2073</v>
      </c>
      <c r="P385" s="52"/>
      <c r="Q385" s="52"/>
      <c r="R385" s="52"/>
      <c r="S385" s="52"/>
      <c r="T385" s="52"/>
      <c r="U385" s="52"/>
      <c r="V385" s="52"/>
      <c r="W385" s="52"/>
    </row>
    <row r="386" spans="1:23" hidden="1" x14ac:dyDescent="0.35">
      <c r="A386" s="52" t="s">
        <v>78</v>
      </c>
      <c r="B386" s="52" t="s">
        <v>79</v>
      </c>
      <c r="C386" s="3">
        <v>20</v>
      </c>
      <c r="D386" s="52" t="s">
        <v>2022</v>
      </c>
      <c r="E386" s="52" t="s">
        <v>26</v>
      </c>
      <c r="F386" s="52" t="s">
        <v>81</v>
      </c>
      <c r="G386" s="52" t="s">
        <v>82</v>
      </c>
      <c r="H386" s="4">
        <v>1</v>
      </c>
      <c r="I386" s="2">
        <v>14.65</v>
      </c>
      <c r="J386" s="52" t="s">
        <v>2507</v>
      </c>
      <c r="K386" s="71" t="s">
        <v>2814</v>
      </c>
      <c r="L386" s="52" t="s">
        <v>2063</v>
      </c>
      <c r="M386" s="72">
        <v>2398</v>
      </c>
      <c r="N386" s="52" t="s">
        <v>2066</v>
      </c>
      <c r="O386" s="52" t="s">
        <v>2067</v>
      </c>
      <c r="P386" s="52"/>
      <c r="Q386" s="52"/>
      <c r="R386" s="52"/>
      <c r="S386" s="52"/>
      <c r="T386" s="52"/>
      <c r="U386" s="52"/>
      <c r="V386" s="52"/>
      <c r="W386" s="52"/>
    </row>
    <row r="387" spans="1:23" hidden="1" x14ac:dyDescent="0.35">
      <c r="A387" s="52" t="s">
        <v>78</v>
      </c>
      <c r="B387" s="52" t="s">
        <v>79</v>
      </c>
      <c r="C387" s="3">
        <v>10</v>
      </c>
      <c r="D387" s="52" t="s">
        <v>2020</v>
      </c>
      <c r="E387" s="52" t="s">
        <v>26</v>
      </c>
      <c r="F387" s="52" t="s">
        <v>81</v>
      </c>
      <c r="G387" s="52" t="s">
        <v>82</v>
      </c>
      <c r="H387" s="4">
        <v>1</v>
      </c>
      <c r="I387" s="2">
        <v>14.65</v>
      </c>
      <c r="J387" s="52" t="s">
        <v>2815</v>
      </c>
      <c r="K387" s="71" t="s">
        <v>2816</v>
      </c>
      <c r="L387" s="52" t="s">
        <v>2063</v>
      </c>
      <c r="M387" s="72">
        <v>4706</v>
      </c>
      <c r="N387" s="52"/>
      <c r="O387" s="52"/>
      <c r="P387" s="52"/>
      <c r="Q387" s="52"/>
      <c r="R387" s="52"/>
      <c r="S387" s="52"/>
      <c r="T387" s="52"/>
      <c r="U387" s="52"/>
      <c r="V387" s="52"/>
      <c r="W387" s="52"/>
    </row>
    <row r="388" spans="1:23" hidden="1" x14ac:dyDescent="0.35">
      <c r="A388" s="52" t="s">
        <v>78</v>
      </c>
      <c r="B388" s="52" t="s">
        <v>79</v>
      </c>
      <c r="C388" s="3">
        <v>20</v>
      </c>
      <c r="D388" s="52" t="s">
        <v>85</v>
      </c>
      <c r="E388" s="52" t="s">
        <v>26</v>
      </c>
      <c r="F388" s="52" t="s">
        <v>81</v>
      </c>
      <c r="G388" s="52" t="s">
        <v>82</v>
      </c>
      <c r="H388" s="4">
        <v>1</v>
      </c>
      <c r="I388" s="2">
        <v>14.65</v>
      </c>
      <c r="J388" s="52" t="s">
        <v>2817</v>
      </c>
      <c r="K388" s="71" t="s">
        <v>2818</v>
      </c>
      <c r="L388" s="52" t="s">
        <v>2063</v>
      </c>
      <c r="M388" s="72">
        <v>8241</v>
      </c>
      <c r="N388" s="52"/>
      <c r="O388" s="52"/>
      <c r="P388" s="52"/>
      <c r="Q388" s="52"/>
      <c r="R388" s="52"/>
      <c r="S388" s="52"/>
      <c r="T388" s="52"/>
      <c r="U388" s="52"/>
      <c r="V388" s="52"/>
      <c r="W388" s="52"/>
    </row>
    <row r="389" spans="1:23" hidden="1" x14ac:dyDescent="0.35">
      <c r="A389" s="52" t="s">
        <v>78</v>
      </c>
      <c r="B389" s="52" t="s">
        <v>79</v>
      </c>
      <c r="C389" s="3">
        <v>20</v>
      </c>
      <c r="D389" s="52" t="s">
        <v>2023</v>
      </c>
      <c r="E389" s="52" t="s">
        <v>26</v>
      </c>
      <c r="F389" s="52" t="s">
        <v>81</v>
      </c>
      <c r="G389" s="52" t="s">
        <v>82</v>
      </c>
      <c r="H389" s="4">
        <v>1</v>
      </c>
      <c r="I389" s="2">
        <v>14.65</v>
      </c>
      <c r="J389" s="52" t="s">
        <v>2185</v>
      </c>
      <c r="K389" s="71" t="s">
        <v>2819</v>
      </c>
      <c r="L389" s="52" t="s">
        <v>2063</v>
      </c>
      <c r="M389" s="72">
        <v>2407</v>
      </c>
      <c r="N389" s="52"/>
      <c r="O389" s="52"/>
      <c r="P389" s="52"/>
      <c r="Q389" s="52"/>
      <c r="R389" s="52"/>
      <c r="S389" s="52"/>
      <c r="T389" s="52"/>
      <c r="U389" s="52"/>
      <c r="V389" s="52"/>
      <c r="W389" s="52"/>
    </row>
    <row r="390" spans="1:23" x14ac:dyDescent="0.35">
      <c r="A390" s="52" t="s">
        <v>78</v>
      </c>
      <c r="B390" s="52" t="s">
        <v>79</v>
      </c>
      <c r="C390" s="3">
        <v>20</v>
      </c>
      <c r="D390" s="52" t="s">
        <v>2019</v>
      </c>
      <c r="E390" s="52" t="s">
        <v>26</v>
      </c>
      <c r="F390" s="52" t="s">
        <v>81</v>
      </c>
      <c r="G390" s="52" t="s">
        <v>82</v>
      </c>
      <c r="H390" s="4">
        <v>1</v>
      </c>
      <c r="I390" s="2">
        <v>14.65</v>
      </c>
      <c r="J390" s="52" t="s">
        <v>2330</v>
      </c>
      <c r="K390" s="71" t="s">
        <v>2820</v>
      </c>
      <c r="L390" s="52" t="s">
        <v>2063</v>
      </c>
      <c r="M390" s="72">
        <v>6047</v>
      </c>
      <c r="N390" s="52" t="s">
        <v>2259</v>
      </c>
      <c r="O390" s="52" t="s">
        <v>2260</v>
      </c>
      <c r="P390" s="52"/>
      <c r="Q390" s="52"/>
      <c r="R390" s="52"/>
      <c r="S390" s="52"/>
      <c r="T390" s="52"/>
      <c r="U390" s="52"/>
      <c r="V390" s="52"/>
      <c r="W390" s="52"/>
    </row>
    <row r="391" spans="1:23" hidden="1" x14ac:dyDescent="0.35">
      <c r="A391" s="52" t="s">
        <v>78</v>
      </c>
      <c r="B391" s="52" t="s">
        <v>79</v>
      </c>
      <c r="C391" s="3">
        <v>10</v>
      </c>
      <c r="D391" s="52" t="s">
        <v>2022</v>
      </c>
      <c r="E391" s="52" t="s">
        <v>26</v>
      </c>
      <c r="F391" s="52" t="s">
        <v>81</v>
      </c>
      <c r="G391" s="52" t="s">
        <v>82</v>
      </c>
      <c r="H391" s="4">
        <v>1</v>
      </c>
      <c r="I391" s="2">
        <v>14.65</v>
      </c>
      <c r="J391" s="52" t="s">
        <v>2821</v>
      </c>
      <c r="K391" s="71" t="s">
        <v>2822</v>
      </c>
      <c r="L391" s="52" t="s">
        <v>2063</v>
      </c>
      <c r="M391" s="72">
        <v>2266</v>
      </c>
      <c r="N391" s="52"/>
      <c r="O391" s="52"/>
      <c r="P391" s="52"/>
      <c r="Q391" s="52"/>
      <c r="R391" s="52"/>
      <c r="S391" s="52"/>
      <c r="T391" s="52"/>
      <c r="U391" s="52"/>
      <c r="V391" s="52"/>
      <c r="W391" s="52"/>
    </row>
    <row r="392" spans="1:23" hidden="1" x14ac:dyDescent="0.35">
      <c r="A392" s="52" t="s">
        <v>78</v>
      </c>
      <c r="B392" s="52" t="s">
        <v>79</v>
      </c>
      <c r="C392" s="3">
        <v>10</v>
      </c>
      <c r="D392" s="52" t="s">
        <v>85</v>
      </c>
      <c r="E392" s="52" t="s">
        <v>26</v>
      </c>
      <c r="F392" s="52" t="s">
        <v>81</v>
      </c>
      <c r="G392" s="52" t="s">
        <v>82</v>
      </c>
      <c r="H392" s="4">
        <v>1</v>
      </c>
      <c r="I392" s="2">
        <v>14.65</v>
      </c>
      <c r="J392" s="52" t="s">
        <v>2823</v>
      </c>
      <c r="K392" s="71" t="s">
        <v>2824</v>
      </c>
      <c r="L392" s="52" t="s">
        <v>2063</v>
      </c>
      <c r="M392" s="72">
        <v>3324</v>
      </c>
      <c r="N392" s="52" t="s">
        <v>2072</v>
      </c>
      <c r="O392" s="52" t="s">
        <v>2073</v>
      </c>
      <c r="P392" s="52"/>
      <c r="Q392" s="52"/>
      <c r="R392" s="52"/>
      <c r="S392" s="52"/>
      <c r="T392" s="52"/>
      <c r="U392" s="52"/>
      <c r="V392" s="52"/>
      <c r="W392" s="52"/>
    </row>
    <row r="393" spans="1:23" hidden="1" x14ac:dyDescent="0.35">
      <c r="A393" s="52" t="s">
        <v>78</v>
      </c>
      <c r="B393" s="52" t="s">
        <v>79</v>
      </c>
      <c r="C393" s="3">
        <v>10</v>
      </c>
      <c r="D393" s="52" t="s">
        <v>2020</v>
      </c>
      <c r="E393" s="52" t="s">
        <v>26</v>
      </c>
      <c r="F393" s="52" t="s">
        <v>81</v>
      </c>
      <c r="G393" s="52" t="s">
        <v>82</v>
      </c>
      <c r="H393" s="4">
        <v>1</v>
      </c>
      <c r="I393" s="2">
        <v>14.65</v>
      </c>
      <c r="J393" s="52" t="s">
        <v>2825</v>
      </c>
      <c r="K393" s="71" t="s">
        <v>2826</v>
      </c>
      <c r="L393" s="52" t="s">
        <v>2063</v>
      </c>
      <c r="M393" s="72">
        <v>194</v>
      </c>
      <c r="N393" s="52" t="s">
        <v>2066</v>
      </c>
      <c r="O393" s="52" t="s">
        <v>2067</v>
      </c>
      <c r="P393" s="52" t="s">
        <v>2066</v>
      </c>
      <c r="Q393" s="52" t="s">
        <v>2067</v>
      </c>
      <c r="R393" s="52"/>
      <c r="S393" s="52"/>
      <c r="T393" s="52"/>
      <c r="U393" s="52"/>
      <c r="V393" s="52"/>
      <c r="W393" s="52"/>
    </row>
    <row r="394" spans="1:23" hidden="1" x14ac:dyDescent="0.35">
      <c r="A394" s="52" t="s">
        <v>78</v>
      </c>
      <c r="B394" s="52" t="s">
        <v>79</v>
      </c>
      <c r="C394" s="3">
        <v>20</v>
      </c>
      <c r="D394" s="52" t="s">
        <v>84</v>
      </c>
      <c r="E394" s="52" t="s">
        <v>26</v>
      </c>
      <c r="F394" s="52" t="s">
        <v>81</v>
      </c>
      <c r="G394" s="52" t="s">
        <v>82</v>
      </c>
      <c r="H394" s="4">
        <v>1</v>
      </c>
      <c r="I394" s="2">
        <v>14.65</v>
      </c>
      <c r="J394" s="52" t="s">
        <v>2827</v>
      </c>
      <c r="K394" s="71" t="s">
        <v>2828</v>
      </c>
      <c r="L394" s="52" t="s">
        <v>2063</v>
      </c>
      <c r="M394" s="72">
        <v>2403</v>
      </c>
      <c r="N394" s="52" t="s">
        <v>2072</v>
      </c>
      <c r="O394" s="52" t="s">
        <v>2073</v>
      </c>
      <c r="P394" s="52"/>
      <c r="Q394" s="52"/>
      <c r="R394" s="52"/>
      <c r="S394" s="52"/>
      <c r="T394" s="52"/>
      <c r="U394" s="52"/>
      <c r="V394" s="52"/>
      <c r="W394" s="52"/>
    </row>
    <row r="395" spans="1:23" hidden="1" x14ac:dyDescent="0.35">
      <c r="A395" s="52" t="s">
        <v>78</v>
      </c>
      <c r="B395" s="52" t="s">
        <v>79</v>
      </c>
      <c r="C395" s="3">
        <v>20</v>
      </c>
      <c r="D395" s="52" t="s">
        <v>80</v>
      </c>
      <c r="E395" s="52" t="s">
        <v>26</v>
      </c>
      <c r="F395" s="52" t="s">
        <v>81</v>
      </c>
      <c r="G395" s="52" t="s">
        <v>82</v>
      </c>
      <c r="H395" s="4">
        <v>1</v>
      </c>
      <c r="I395" s="2">
        <v>14.65</v>
      </c>
      <c r="J395" s="52" t="s">
        <v>2829</v>
      </c>
      <c r="K395" s="71" t="s">
        <v>2830</v>
      </c>
      <c r="L395" s="52" t="s">
        <v>2063</v>
      </c>
      <c r="M395" s="72">
        <v>9135</v>
      </c>
      <c r="N395" s="52"/>
      <c r="O395" s="52"/>
      <c r="P395" s="52"/>
      <c r="Q395" s="52"/>
      <c r="R395" s="52"/>
      <c r="S395" s="52"/>
      <c r="T395" s="52"/>
      <c r="U395" s="52"/>
      <c r="V395" s="52"/>
      <c r="W395" s="52"/>
    </row>
    <row r="396" spans="1:23" hidden="1" x14ac:dyDescent="0.35">
      <c r="A396" s="52" t="s">
        <v>78</v>
      </c>
      <c r="B396" s="52" t="s">
        <v>79</v>
      </c>
      <c r="C396" s="3">
        <v>10</v>
      </c>
      <c r="D396" s="52" t="s">
        <v>2024</v>
      </c>
      <c r="E396" s="52" t="s">
        <v>26</v>
      </c>
      <c r="F396" s="52" t="s">
        <v>81</v>
      </c>
      <c r="G396" s="52" t="s">
        <v>82</v>
      </c>
      <c r="H396" s="4">
        <v>1</v>
      </c>
      <c r="I396" s="2">
        <v>14.65</v>
      </c>
      <c r="J396" s="52" t="s">
        <v>2831</v>
      </c>
      <c r="K396" s="71" t="s">
        <v>2832</v>
      </c>
      <c r="L396" s="52" t="s">
        <v>2063</v>
      </c>
      <c r="M396" s="72">
        <v>2535</v>
      </c>
      <c r="N396" s="52"/>
      <c r="O396" s="52"/>
      <c r="P396" s="52"/>
      <c r="Q396" s="52"/>
      <c r="R396" s="52"/>
      <c r="S396" s="52"/>
      <c r="T396" s="52"/>
      <c r="U396" s="52"/>
      <c r="V396" s="52"/>
      <c r="W396" s="52"/>
    </row>
    <row r="397" spans="1:23" hidden="1" x14ac:dyDescent="0.35">
      <c r="A397" s="52" t="s">
        <v>78</v>
      </c>
      <c r="B397" s="52" t="s">
        <v>79</v>
      </c>
      <c r="C397" s="3">
        <v>20</v>
      </c>
      <c r="D397" s="52" t="s">
        <v>2024</v>
      </c>
      <c r="E397" s="52" t="s">
        <v>26</v>
      </c>
      <c r="F397" s="52" t="s">
        <v>81</v>
      </c>
      <c r="G397" s="52" t="s">
        <v>82</v>
      </c>
      <c r="H397" s="4">
        <v>1</v>
      </c>
      <c r="I397" s="2">
        <v>14.65</v>
      </c>
      <c r="J397" s="52" t="s">
        <v>2833</v>
      </c>
      <c r="K397" s="71" t="s">
        <v>2834</v>
      </c>
      <c r="L397" s="52" t="s">
        <v>2063</v>
      </c>
      <c r="M397" s="72">
        <v>8879</v>
      </c>
      <c r="N397" s="52" t="s">
        <v>2072</v>
      </c>
      <c r="O397" s="52" t="s">
        <v>2073</v>
      </c>
      <c r="P397" s="52"/>
      <c r="Q397" s="52"/>
      <c r="R397" s="52"/>
      <c r="S397" s="52"/>
      <c r="T397" s="52"/>
      <c r="U397" s="52"/>
      <c r="V397" s="52"/>
      <c r="W397" s="52"/>
    </row>
    <row r="398" spans="1:23" hidden="1" x14ac:dyDescent="0.35">
      <c r="A398" s="52" t="s">
        <v>78</v>
      </c>
      <c r="B398" s="52" t="s">
        <v>79</v>
      </c>
      <c r="C398" s="3">
        <v>10</v>
      </c>
      <c r="D398" s="52" t="s">
        <v>2022</v>
      </c>
      <c r="E398" s="52" t="s">
        <v>26</v>
      </c>
      <c r="F398" s="52" t="s">
        <v>81</v>
      </c>
      <c r="G398" s="52" t="s">
        <v>82</v>
      </c>
      <c r="H398" s="4">
        <v>1</v>
      </c>
      <c r="I398" s="2">
        <v>14.65</v>
      </c>
      <c r="J398" s="52" t="s">
        <v>2835</v>
      </c>
      <c r="K398" s="71" t="s">
        <v>2836</v>
      </c>
      <c r="L398" s="52" t="s">
        <v>2063</v>
      </c>
      <c r="M398" s="72">
        <v>2188</v>
      </c>
      <c r="N398" s="52"/>
      <c r="O398" s="52"/>
      <c r="P398" s="52"/>
      <c r="Q398" s="52"/>
      <c r="R398" s="52"/>
      <c r="S398" s="52"/>
      <c r="T398" s="52"/>
      <c r="U398" s="52"/>
      <c r="V398" s="52"/>
      <c r="W398" s="52"/>
    </row>
    <row r="399" spans="1:23" x14ac:dyDescent="0.35">
      <c r="A399" s="52" t="s">
        <v>78</v>
      </c>
      <c r="B399" s="52" t="s">
        <v>79</v>
      </c>
      <c r="C399" s="3">
        <v>20</v>
      </c>
      <c r="D399" s="52" t="s">
        <v>2023</v>
      </c>
      <c r="E399" s="52" t="s">
        <v>26</v>
      </c>
      <c r="F399" s="52" t="s">
        <v>81</v>
      </c>
      <c r="G399" s="52" t="s">
        <v>82</v>
      </c>
      <c r="H399" s="4">
        <v>1</v>
      </c>
      <c r="I399" s="2">
        <v>14.65</v>
      </c>
      <c r="J399" s="52" t="s">
        <v>2837</v>
      </c>
      <c r="K399" s="71" t="s">
        <v>2838</v>
      </c>
      <c r="L399" s="52" t="s">
        <v>2063</v>
      </c>
      <c r="M399" s="72">
        <v>8581</v>
      </c>
      <c r="N399" s="52" t="s">
        <v>2076</v>
      </c>
      <c r="O399" s="52" t="s">
        <v>2077</v>
      </c>
      <c r="P399" s="52"/>
      <c r="Q399" s="52"/>
      <c r="R399" s="52"/>
      <c r="S399" s="52"/>
      <c r="T399" s="52"/>
      <c r="U399" s="52"/>
      <c r="V399" s="52"/>
      <c r="W399" s="52"/>
    </row>
    <row r="400" spans="1:23" hidden="1" x14ac:dyDescent="0.35">
      <c r="A400" s="52" t="s">
        <v>78</v>
      </c>
      <c r="B400" s="52" t="s">
        <v>79</v>
      </c>
      <c r="C400" s="3">
        <v>20</v>
      </c>
      <c r="D400" s="52" t="s">
        <v>83</v>
      </c>
      <c r="E400" s="52" t="s">
        <v>26</v>
      </c>
      <c r="F400" s="52" t="s">
        <v>81</v>
      </c>
      <c r="G400" s="52" t="s">
        <v>82</v>
      </c>
      <c r="H400" s="4">
        <v>1</v>
      </c>
      <c r="I400" s="2">
        <v>14.65</v>
      </c>
      <c r="J400" s="52" t="s">
        <v>2839</v>
      </c>
      <c r="K400" s="71" t="s">
        <v>2840</v>
      </c>
      <c r="L400" s="52" t="s">
        <v>2063</v>
      </c>
      <c r="M400" s="72">
        <v>495</v>
      </c>
      <c r="N400" s="52" t="s">
        <v>2072</v>
      </c>
      <c r="O400" s="52" t="s">
        <v>2073</v>
      </c>
      <c r="P400" s="52"/>
      <c r="Q400" s="52"/>
      <c r="R400" s="52"/>
      <c r="S400" s="52"/>
      <c r="T400" s="52"/>
      <c r="U400" s="52"/>
      <c r="V400" s="52"/>
      <c r="W400" s="52"/>
    </row>
    <row r="401" spans="1:23" hidden="1" x14ac:dyDescent="0.35">
      <c r="A401" s="52" t="s">
        <v>78</v>
      </c>
      <c r="B401" s="52" t="s">
        <v>79</v>
      </c>
      <c r="C401" s="3">
        <v>10</v>
      </c>
      <c r="D401" s="52" t="s">
        <v>2022</v>
      </c>
      <c r="E401" s="52" t="s">
        <v>26</v>
      </c>
      <c r="F401" s="52" t="s">
        <v>81</v>
      </c>
      <c r="G401" s="52" t="s">
        <v>82</v>
      </c>
      <c r="H401" s="4">
        <v>1</v>
      </c>
      <c r="I401" s="2">
        <v>14.65</v>
      </c>
      <c r="J401" s="52" t="s">
        <v>2841</v>
      </c>
      <c r="K401" s="71" t="s">
        <v>2842</v>
      </c>
      <c r="L401" s="52" t="s">
        <v>2063</v>
      </c>
      <c r="M401" s="72">
        <v>7324</v>
      </c>
      <c r="N401" s="52"/>
      <c r="O401" s="52"/>
      <c r="P401" s="52"/>
      <c r="Q401" s="52"/>
      <c r="R401" s="52"/>
      <c r="S401" s="52"/>
      <c r="T401" s="52"/>
      <c r="U401" s="52"/>
      <c r="V401" s="52"/>
      <c r="W401" s="52"/>
    </row>
    <row r="402" spans="1:23" hidden="1" x14ac:dyDescent="0.35">
      <c r="A402" s="52" t="s">
        <v>78</v>
      </c>
      <c r="B402" s="52" t="s">
        <v>79</v>
      </c>
      <c r="C402" s="3">
        <v>20</v>
      </c>
      <c r="D402" s="52" t="s">
        <v>2021</v>
      </c>
      <c r="E402" s="52" t="s">
        <v>26</v>
      </c>
      <c r="F402" s="52" t="s">
        <v>81</v>
      </c>
      <c r="G402" s="52" t="s">
        <v>82</v>
      </c>
      <c r="H402" s="4">
        <v>1</v>
      </c>
      <c r="I402" s="2">
        <v>14.65</v>
      </c>
      <c r="J402" s="52" t="s">
        <v>2843</v>
      </c>
      <c r="K402" s="71" t="s">
        <v>2844</v>
      </c>
      <c r="L402" s="52" t="s">
        <v>2063</v>
      </c>
      <c r="M402" s="72">
        <v>8208</v>
      </c>
      <c r="N402" s="52" t="s">
        <v>2158</v>
      </c>
      <c r="O402" s="52" t="s">
        <v>2159</v>
      </c>
      <c r="P402" s="52"/>
      <c r="Q402" s="52"/>
      <c r="R402" s="52"/>
      <c r="S402" s="52"/>
      <c r="T402" s="52"/>
      <c r="U402" s="52"/>
      <c r="V402" s="52"/>
      <c r="W402" s="52"/>
    </row>
    <row r="403" spans="1:23" hidden="1" x14ac:dyDescent="0.35">
      <c r="A403" s="52" t="s">
        <v>78</v>
      </c>
      <c r="B403" s="52" t="s">
        <v>79</v>
      </c>
      <c r="C403" s="3">
        <v>20</v>
      </c>
      <c r="D403" s="52" t="s">
        <v>83</v>
      </c>
      <c r="E403" s="52" t="s">
        <v>26</v>
      </c>
      <c r="F403" s="52" t="s">
        <v>81</v>
      </c>
      <c r="G403" s="52" t="s">
        <v>82</v>
      </c>
      <c r="H403" s="4">
        <v>1</v>
      </c>
      <c r="I403" s="2">
        <v>14.65</v>
      </c>
      <c r="J403" s="52" t="s">
        <v>2845</v>
      </c>
      <c r="K403" s="71" t="s">
        <v>2846</v>
      </c>
      <c r="L403" s="52" t="s">
        <v>2063</v>
      </c>
      <c r="M403" s="72">
        <v>1562</v>
      </c>
      <c r="N403" s="52" t="s">
        <v>2072</v>
      </c>
      <c r="O403" s="52" t="s">
        <v>2073</v>
      </c>
      <c r="P403" s="52"/>
      <c r="Q403" s="52"/>
      <c r="R403" s="52"/>
      <c r="S403" s="52"/>
      <c r="T403" s="52"/>
      <c r="U403" s="52"/>
      <c r="V403" s="52"/>
      <c r="W403" s="52"/>
    </row>
    <row r="404" spans="1:23" hidden="1" x14ac:dyDescent="0.35">
      <c r="A404" s="52" t="s">
        <v>78</v>
      </c>
      <c r="B404" s="52" t="s">
        <v>79</v>
      </c>
      <c r="C404" s="3">
        <v>20</v>
      </c>
      <c r="D404" s="52" t="s">
        <v>2020</v>
      </c>
      <c r="E404" s="52" t="s">
        <v>26</v>
      </c>
      <c r="F404" s="52" t="s">
        <v>81</v>
      </c>
      <c r="G404" s="52" t="s">
        <v>82</v>
      </c>
      <c r="H404" s="4">
        <v>1</v>
      </c>
      <c r="I404" s="2">
        <v>14.65</v>
      </c>
      <c r="J404" s="52" t="s">
        <v>2406</v>
      </c>
      <c r="K404" s="71" t="s">
        <v>2847</v>
      </c>
      <c r="L404" s="52" t="s">
        <v>2063</v>
      </c>
      <c r="M404" s="72">
        <v>537</v>
      </c>
      <c r="N404" s="52" t="s">
        <v>2072</v>
      </c>
      <c r="O404" s="52" t="s">
        <v>2073</v>
      </c>
      <c r="P404" s="52"/>
      <c r="Q404" s="52"/>
      <c r="R404" s="52"/>
      <c r="S404" s="52"/>
      <c r="T404" s="52"/>
      <c r="U404" s="52"/>
      <c r="V404" s="52"/>
      <c r="W404" s="52"/>
    </row>
    <row r="405" spans="1:23" hidden="1" x14ac:dyDescent="0.35">
      <c r="A405" s="52" t="s">
        <v>78</v>
      </c>
      <c r="B405" s="52" t="s">
        <v>79</v>
      </c>
      <c r="C405" s="3">
        <v>20</v>
      </c>
      <c r="D405" s="52" t="s">
        <v>86</v>
      </c>
      <c r="E405" s="52" t="s">
        <v>26</v>
      </c>
      <c r="F405" s="52" t="s">
        <v>81</v>
      </c>
      <c r="G405" s="52" t="s">
        <v>82</v>
      </c>
      <c r="H405" s="4">
        <v>1</v>
      </c>
      <c r="I405" s="2">
        <v>14.65</v>
      </c>
      <c r="J405" s="52" t="s">
        <v>2848</v>
      </c>
      <c r="K405" s="71" t="s">
        <v>2849</v>
      </c>
      <c r="L405" s="52" t="s">
        <v>2063</v>
      </c>
      <c r="M405" s="72">
        <v>1460</v>
      </c>
      <c r="N405" s="52" t="s">
        <v>2072</v>
      </c>
      <c r="O405" s="52" t="s">
        <v>2073</v>
      </c>
      <c r="P405" s="52"/>
      <c r="Q405" s="52"/>
      <c r="R405" s="52"/>
      <c r="S405" s="52"/>
      <c r="T405" s="52"/>
      <c r="U405" s="52"/>
      <c r="V405" s="52"/>
      <c r="W405" s="52"/>
    </row>
    <row r="406" spans="1:23" hidden="1" x14ac:dyDescent="0.35">
      <c r="A406" s="52" t="s">
        <v>78</v>
      </c>
      <c r="B406" s="52" t="s">
        <v>79</v>
      </c>
      <c r="C406" s="3">
        <v>20</v>
      </c>
      <c r="D406" s="52" t="s">
        <v>87</v>
      </c>
      <c r="E406" s="52" t="s">
        <v>26</v>
      </c>
      <c r="F406" s="52" t="s">
        <v>81</v>
      </c>
      <c r="G406" s="52" t="s">
        <v>82</v>
      </c>
      <c r="H406" s="4">
        <v>1</v>
      </c>
      <c r="I406" s="2">
        <v>14.65</v>
      </c>
      <c r="J406" s="52" t="s">
        <v>2827</v>
      </c>
      <c r="K406" s="71" t="s">
        <v>2850</v>
      </c>
      <c r="L406" s="52" t="s">
        <v>2063</v>
      </c>
      <c r="M406" s="72">
        <v>2606</v>
      </c>
      <c r="N406" s="52"/>
      <c r="O406" s="52"/>
      <c r="P406" s="52"/>
      <c r="Q406" s="52"/>
      <c r="R406" s="52"/>
      <c r="S406" s="52"/>
      <c r="T406" s="52"/>
      <c r="U406" s="52"/>
      <c r="V406" s="52"/>
      <c r="W406" s="52"/>
    </row>
    <row r="407" spans="1:23" hidden="1" x14ac:dyDescent="0.35">
      <c r="A407" s="52" t="s">
        <v>78</v>
      </c>
      <c r="B407" s="52" t="s">
        <v>79</v>
      </c>
      <c r="C407" s="3">
        <v>20</v>
      </c>
      <c r="D407" s="52" t="s">
        <v>86</v>
      </c>
      <c r="E407" s="52" t="s">
        <v>26</v>
      </c>
      <c r="F407" s="52" t="s">
        <v>81</v>
      </c>
      <c r="G407" s="52" t="s">
        <v>82</v>
      </c>
      <c r="H407" s="4">
        <v>1</v>
      </c>
      <c r="I407" s="2">
        <v>14.65</v>
      </c>
      <c r="J407" s="52" t="s">
        <v>2851</v>
      </c>
      <c r="K407" s="71" t="s">
        <v>2852</v>
      </c>
      <c r="L407" s="52" t="s">
        <v>2063</v>
      </c>
      <c r="M407" s="72">
        <v>3774</v>
      </c>
      <c r="N407" s="52" t="s">
        <v>2072</v>
      </c>
      <c r="O407" s="52" t="s">
        <v>2073</v>
      </c>
      <c r="P407" s="52"/>
      <c r="Q407" s="52"/>
      <c r="R407" s="52"/>
      <c r="S407" s="52"/>
      <c r="T407" s="52"/>
      <c r="U407" s="52"/>
      <c r="V407" s="52"/>
      <c r="W407" s="52"/>
    </row>
    <row r="408" spans="1:23" hidden="1" x14ac:dyDescent="0.35">
      <c r="A408" s="52" t="s">
        <v>78</v>
      </c>
      <c r="B408" s="52" t="s">
        <v>79</v>
      </c>
      <c r="C408" s="3">
        <v>20</v>
      </c>
      <c r="D408" s="52" t="s">
        <v>85</v>
      </c>
      <c r="E408" s="52" t="s">
        <v>26</v>
      </c>
      <c r="F408" s="52" t="s">
        <v>81</v>
      </c>
      <c r="G408" s="52" t="s">
        <v>82</v>
      </c>
      <c r="H408" s="4">
        <v>1</v>
      </c>
      <c r="I408" s="2">
        <v>14.65</v>
      </c>
      <c r="J408" s="52" t="s">
        <v>2853</v>
      </c>
      <c r="K408" s="71" t="s">
        <v>2854</v>
      </c>
      <c r="L408" s="52" t="s">
        <v>2063</v>
      </c>
      <c r="M408" s="72">
        <v>498</v>
      </c>
      <c r="N408" s="52" t="s">
        <v>2072</v>
      </c>
      <c r="O408" s="52" t="s">
        <v>2073</v>
      </c>
      <c r="P408" s="52"/>
      <c r="Q408" s="52"/>
      <c r="R408" s="52"/>
      <c r="S408" s="52"/>
      <c r="T408" s="52"/>
      <c r="U408" s="52"/>
      <c r="V408" s="52"/>
      <c r="W408" s="52"/>
    </row>
    <row r="409" spans="1:23" hidden="1" x14ac:dyDescent="0.35">
      <c r="A409" s="52" t="s">
        <v>78</v>
      </c>
      <c r="B409" s="52" t="s">
        <v>79</v>
      </c>
      <c r="C409" s="3">
        <v>20</v>
      </c>
      <c r="D409" s="52" t="s">
        <v>86</v>
      </c>
      <c r="E409" s="52" t="s">
        <v>26</v>
      </c>
      <c r="F409" s="52" t="s">
        <v>81</v>
      </c>
      <c r="G409" s="52" t="s">
        <v>82</v>
      </c>
      <c r="H409" s="4">
        <v>1</v>
      </c>
      <c r="I409" s="2">
        <v>14.65</v>
      </c>
      <c r="J409" s="52" t="s">
        <v>2126</v>
      </c>
      <c r="K409" s="71" t="s">
        <v>2855</v>
      </c>
      <c r="L409" s="52" t="s">
        <v>2063</v>
      </c>
      <c r="M409" s="72">
        <v>7509</v>
      </c>
      <c r="N409" s="52"/>
      <c r="O409" s="52"/>
      <c r="P409" s="52"/>
      <c r="Q409" s="52"/>
      <c r="R409" s="52"/>
      <c r="S409" s="52"/>
      <c r="T409" s="52"/>
      <c r="U409" s="52"/>
      <c r="V409" s="52"/>
      <c r="W409" s="52"/>
    </row>
    <row r="410" spans="1:23" hidden="1" x14ac:dyDescent="0.35">
      <c r="A410" s="52" t="s">
        <v>78</v>
      </c>
      <c r="B410" s="52" t="s">
        <v>79</v>
      </c>
      <c r="C410" s="3">
        <v>20</v>
      </c>
      <c r="D410" s="52" t="s">
        <v>2021</v>
      </c>
      <c r="E410" s="52" t="s">
        <v>26</v>
      </c>
      <c r="F410" s="52" t="s">
        <v>81</v>
      </c>
      <c r="G410" s="52" t="s">
        <v>82</v>
      </c>
      <c r="H410" s="4">
        <v>1</v>
      </c>
      <c r="I410" s="2">
        <v>14.65</v>
      </c>
      <c r="J410" s="52" t="s">
        <v>2856</v>
      </c>
      <c r="K410" s="71" t="s">
        <v>2857</v>
      </c>
      <c r="L410" s="52" t="s">
        <v>2063</v>
      </c>
      <c r="M410" s="72">
        <v>3696</v>
      </c>
      <c r="N410" s="52" t="s">
        <v>2304</v>
      </c>
      <c r="O410" s="52" t="s">
        <v>2305</v>
      </c>
      <c r="P410" s="52"/>
      <c r="Q410" s="52"/>
      <c r="R410" s="52"/>
      <c r="S410" s="52"/>
      <c r="T410" s="52"/>
      <c r="U410" s="52"/>
      <c r="V410" s="52"/>
      <c r="W410" s="52"/>
    </row>
    <row r="411" spans="1:23" x14ac:dyDescent="0.35">
      <c r="A411" s="52" t="s">
        <v>78</v>
      </c>
      <c r="B411" s="52" t="s">
        <v>79</v>
      </c>
      <c r="C411" s="3">
        <v>10</v>
      </c>
      <c r="D411" s="52" t="s">
        <v>2020</v>
      </c>
      <c r="E411" s="52" t="s">
        <v>26</v>
      </c>
      <c r="F411" s="52" t="s">
        <v>81</v>
      </c>
      <c r="G411" s="52" t="s">
        <v>82</v>
      </c>
      <c r="H411" s="4">
        <v>1</v>
      </c>
      <c r="I411" s="2">
        <v>14.65</v>
      </c>
      <c r="J411" s="52" t="s">
        <v>2823</v>
      </c>
      <c r="K411" s="71" t="s">
        <v>2858</v>
      </c>
      <c r="L411" s="52" t="s">
        <v>2063</v>
      </c>
      <c r="M411" s="72">
        <v>3645</v>
      </c>
      <c r="N411" s="52" t="s">
        <v>2076</v>
      </c>
      <c r="O411" s="52" t="s">
        <v>2077</v>
      </c>
      <c r="P411" s="52"/>
      <c r="Q411" s="52"/>
      <c r="R411" s="52"/>
      <c r="S411" s="52"/>
      <c r="T411" s="52"/>
      <c r="U411" s="52"/>
      <c r="V411" s="52"/>
      <c r="W411" s="52"/>
    </row>
    <row r="412" spans="1:23" hidden="1" x14ac:dyDescent="0.35">
      <c r="A412" s="52" t="s">
        <v>78</v>
      </c>
      <c r="B412" s="52" t="s">
        <v>79</v>
      </c>
      <c r="C412" s="3">
        <v>20</v>
      </c>
      <c r="D412" s="52" t="s">
        <v>2019</v>
      </c>
      <c r="E412" s="52" t="s">
        <v>26</v>
      </c>
      <c r="F412" s="52" t="s">
        <v>81</v>
      </c>
      <c r="G412" s="52" t="s">
        <v>82</v>
      </c>
      <c r="H412" s="4">
        <v>1</v>
      </c>
      <c r="I412" s="2">
        <v>14.65</v>
      </c>
      <c r="J412" s="52" t="s">
        <v>2593</v>
      </c>
      <c r="K412" s="71" t="s">
        <v>2859</v>
      </c>
      <c r="L412" s="52" t="s">
        <v>2063</v>
      </c>
      <c r="M412" s="72">
        <v>7520</v>
      </c>
      <c r="N412" s="52" t="s">
        <v>2066</v>
      </c>
      <c r="O412" s="52" t="s">
        <v>2067</v>
      </c>
      <c r="P412" s="52"/>
      <c r="Q412" s="52"/>
      <c r="R412" s="52"/>
      <c r="S412" s="52"/>
      <c r="T412" s="52"/>
      <c r="U412" s="52"/>
      <c r="V412" s="52"/>
      <c r="W412" s="52"/>
    </row>
    <row r="413" spans="1:23" x14ac:dyDescent="0.35">
      <c r="A413" s="52" t="s">
        <v>78</v>
      </c>
      <c r="B413" s="52" t="s">
        <v>79</v>
      </c>
      <c r="C413" s="3">
        <v>20</v>
      </c>
      <c r="D413" s="52" t="s">
        <v>86</v>
      </c>
      <c r="E413" s="52" t="s">
        <v>26</v>
      </c>
      <c r="F413" s="52" t="s">
        <v>81</v>
      </c>
      <c r="G413" s="52" t="s">
        <v>82</v>
      </c>
      <c r="H413" s="4">
        <v>1</v>
      </c>
      <c r="I413" s="2">
        <v>14.65</v>
      </c>
      <c r="J413" s="52" t="s">
        <v>2860</v>
      </c>
      <c r="K413" s="71" t="s">
        <v>2861</v>
      </c>
      <c r="L413" s="52" t="s">
        <v>2063</v>
      </c>
      <c r="M413" s="72">
        <v>8732</v>
      </c>
      <c r="N413" s="52" t="s">
        <v>2076</v>
      </c>
      <c r="O413" s="52" t="s">
        <v>2077</v>
      </c>
      <c r="P413" s="52"/>
      <c r="Q413" s="52"/>
      <c r="R413" s="52"/>
      <c r="S413" s="52"/>
      <c r="T413" s="52"/>
      <c r="U413" s="52"/>
      <c r="V413" s="52"/>
      <c r="W413" s="52"/>
    </row>
    <row r="414" spans="1:23" x14ac:dyDescent="0.35">
      <c r="A414" s="52" t="s">
        <v>78</v>
      </c>
      <c r="B414" s="52" t="s">
        <v>79</v>
      </c>
      <c r="C414" s="3">
        <v>10</v>
      </c>
      <c r="D414" s="52" t="s">
        <v>83</v>
      </c>
      <c r="E414" s="52" t="s">
        <v>26</v>
      </c>
      <c r="F414" s="52" t="s">
        <v>81</v>
      </c>
      <c r="G414" s="52" t="s">
        <v>82</v>
      </c>
      <c r="H414" s="4">
        <v>1</v>
      </c>
      <c r="I414" s="2">
        <v>14.65</v>
      </c>
      <c r="J414" s="52" t="s">
        <v>2862</v>
      </c>
      <c r="K414" s="71" t="s">
        <v>2863</v>
      </c>
      <c r="L414" s="52" t="s">
        <v>2063</v>
      </c>
      <c r="M414" s="72">
        <v>6176</v>
      </c>
      <c r="N414" s="52" t="s">
        <v>2076</v>
      </c>
      <c r="O414" s="52" t="s">
        <v>2077</v>
      </c>
      <c r="P414" s="52"/>
      <c r="Q414" s="52"/>
      <c r="R414" s="52"/>
      <c r="S414" s="52"/>
      <c r="T414" s="52"/>
      <c r="U414" s="52"/>
      <c r="V414" s="52"/>
      <c r="W414" s="52"/>
    </row>
    <row r="415" spans="1:23" hidden="1" x14ac:dyDescent="0.35">
      <c r="A415" s="52" t="s">
        <v>78</v>
      </c>
      <c r="B415" s="52" t="s">
        <v>79</v>
      </c>
      <c r="C415" s="3">
        <v>20</v>
      </c>
      <c r="D415" s="52" t="s">
        <v>80</v>
      </c>
      <c r="E415" s="52" t="s">
        <v>26</v>
      </c>
      <c r="F415" s="52" t="s">
        <v>81</v>
      </c>
      <c r="G415" s="52" t="s">
        <v>82</v>
      </c>
      <c r="H415" s="4">
        <v>1</v>
      </c>
      <c r="I415" s="2">
        <v>14.65</v>
      </c>
      <c r="J415" s="52" t="s">
        <v>2864</v>
      </c>
      <c r="K415" s="71" t="s">
        <v>2865</v>
      </c>
      <c r="L415" s="52" t="s">
        <v>2063</v>
      </c>
      <c r="M415" s="72">
        <v>416</v>
      </c>
      <c r="N415" s="52" t="s">
        <v>2066</v>
      </c>
      <c r="O415" s="52" t="s">
        <v>2067</v>
      </c>
      <c r="P415" s="52"/>
      <c r="Q415" s="52"/>
      <c r="R415" s="52"/>
      <c r="S415" s="52"/>
      <c r="T415" s="52"/>
      <c r="U415" s="52"/>
      <c r="V415" s="52"/>
      <c r="W415" s="52"/>
    </row>
    <row r="416" spans="1:23" hidden="1" x14ac:dyDescent="0.35">
      <c r="A416" s="52" t="s">
        <v>78</v>
      </c>
      <c r="B416" s="52" t="s">
        <v>79</v>
      </c>
      <c r="C416" s="3">
        <v>10</v>
      </c>
      <c r="D416" s="52" t="s">
        <v>2022</v>
      </c>
      <c r="E416" s="52" t="s">
        <v>26</v>
      </c>
      <c r="F416" s="52" t="s">
        <v>81</v>
      </c>
      <c r="G416" s="52" t="s">
        <v>82</v>
      </c>
      <c r="H416" s="4">
        <v>1</v>
      </c>
      <c r="I416" s="2">
        <v>14.65</v>
      </c>
      <c r="J416" s="52" t="s">
        <v>2866</v>
      </c>
      <c r="K416" s="71" t="s">
        <v>2867</v>
      </c>
      <c r="L416" s="52" t="s">
        <v>2063</v>
      </c>
      <c r="M416" s="72">
        <v>7151</v>
      </c>
      <c r="N416" s="52" t="s">
        <v>2066</v>
      </c>
      <c r="O416" s="52" t="s">
        <v>2067</v>
      </c>
      <c r="P416" s="52"/>
      <c r="Q416" s="52"/>
      <c r="R416" s="52"/>
      <c r="S416" s="52"/>
      <c r="T416" s="52"/>
      <c r="U416" s="52"/>
      <c r="V416" s="52"/>
      <c r="W416" s="52"/>
    </row>
    <row r="417" spans="1:23" hidden="1" x14ac:dyDescent="0.35">
      <c r="A417" s="52" t="s">
        <v>78</v>
      </c>
      <c r="B417" s="52" t="s">
        <v>79</v>
      </c>
      <c r="C417" s="3">
        <v>10</v>
      </c>
      <c r="D417" s="52" t="s">
        <v>86</v>
      </c>
      <c r="E417" s="52" t="s">
        <v>26</v>
      </c>
      <c r="F417" s="52" t="s">
        <v>81</v>
      </c>
      <c r="G417" s="52" t="s">
        <v>82</v>
      </c>
      <c r="H417" s="4">
        <v>1</v>
      </c>
      <c r="I417" s="2">
        <v>14.65</v>
      </c>
      <c r="J417" s="52" t="s">
        <v>2868</v>
      </c>
      <c r="K417" s="71" t="s">
        <v>2869</v>
      </c>
      <c r="L417" s="52" t="s">
        <v>2063</v>
      </c>
      <c r="M417" s="72">
        <v>8797</v>
      </c>
      <c r="N417" s="52" t="s">
        <v>2066</v>
      </c>
      <c r="O417" s="52" t="s">
        <v>2067</v>
      </c>
      <c r="P417" s="52"/>
      <c r="Q417" s="52"/>
      <c r="R417" s="52"/>
      <c r="S417" s="52"/>
      <c r="T417" s="52"/>
      <c r="U417" s="52"/>
      <c r="V417" s="52"/>
      <c r="W417" s="52"/>
    </row>
    <row r="418" spans="1:23" hidden="1" x14ac:dyDescent="0.35">
      <c r="A418" s="52" t="s">
        <v>78</v>
      </c>
      <c r="B418" s="52" t="s">
        <v>79</v>
      </c>
      <c r="C418" s="3">
        <v>20</v>
      </c>
      <c r="D418" s="52" t="s">
        <v>80</v>
      </c>
      <c r="E418" s="52" t="s">
        <v>26</v>
      </c>
      <c r="F418" s="52" t="s">
        <v>81</v>
      </c>
      <c r="G418" s="52" t="s">
        <v>82</v>
      </c>
      <c r="H418" s="4">
        <v>1</v>
      </c>
      <c r="I418" s="2">
        <v>14.65</v>
      </c>
      <c r="J418" s="52" t="s">
        <v>2187</v>
      </c>
      <c r="K418" s="71" t="s">
        <v>2870</v>
      </c>
      <c r="L418" s="52" t="s">
        <v>2063</v>
      </c>
      <c r="M418" s="72">
        <v>7054</v>
      </c>
      <c r="N418" s="52" t="s">
        <v>2066</v>
      </c>
      <c r="O418" s="52" t="s">
        <v>2067</v>
      </c>
      <c r="P418" s="52"/>
      <c r="Q418" s="52"/>
      <c r="R418" s="52"/>
      <c r="S418" s="52"/>
      <c r="T418" s="52"/>
      <c r="U418" s="52"/>
      <c r="V418" s="52"/>
      <c r="W418" s="52"/>
    </row>
    <row r="419" spans="1:23" hidden="1" x14ac:dyDescent="0.35">
      <c r="A419" s="52" t="s">
        <v>78</v>
      </c>
      <c r="B419" s="52" t="s">
        <v>79</v>
      </c>
      <c r="C419" s="3">
        <v>20</v>
      </c>
      <c r="D419" s="52" t="s">
        <v>84</v>
      </c>
      <c r="E419" s="52" t="s">
        <v>26</v>
      </c>
      <c r="F419" s="52" t="s">
        <v>81</v>
      </c>
      <c r="G419" s="52" t="s">
        <v>82</v>
      </c>
      <c r="H419" s="4">
        <v>1</v>
      </c>
      <c r="I419" s="2">
        <v>14.65</v>
      </c>
      <c r="J419" s="52" t="s">
        <v>2871</v>
      </c>
      <c r="K419" s="71" t="s">
        <v>2872</v>
      </c>
      <c r="L419" s="52" t="s">
        <v>2063</v>
      </c>
      <c r="M419" s="72">
        <v>6216</v>
      </c>
      <c r="N419" s="52" t="s">
        <v>2195</v>
      </c>
      <c r="O419" s="52" t="s">
        <v>2196</v>
      </c>
      <c r="P419" s="52"/>
      <c r="Q419" s="52"/>
      <c r="R419" s="52"/>
      <c r="S419" s="52"/>
      <c r="T419" s="52"/>
      <c r="U419" s="52"/>
      <c r="V419" s="52"/>
      <c r="W419" s="52"/>
    </row>
    <row r="420" spans="1:23" hidden="1" x14ac:dyDescent="0.35">
      <c r="A420" s="52" t="s">
        <v>78</v>
      </c>
      <c r="B420" s="52" t="s">
        <v>79</v>
      </c>
      <c r="C420" s="3">
        <v>20</v>
      </c>
      <c r="D420" s="52" t="s">
        <v>80</v>
      </c>
      <c r="E420" s="52" t="s">
        <v>26</v>
      </c>
      <c r="F420" s="52" t="s">
        <v>81</v>
      </c>
      <c r="G420" s="52" t="s">
        <v>82</v>
      </c>
      <c r="H420" s="4">
        <v>1</v>
      </c>
      <c r="I420" s="2">
        <v>14.65</v>
      </c>
      <c r="J420" s="52" t="s">
        <v>2873</v>
      </c>
      <c r="K420" s="71" t="s">
        <v>2874</v>
      </c>
      <c r="L420" s="52" t="s">
        <v>2063</v>
      </c>
      <c r="M420" s="72">
        <v>4597</v>
      </c>
      <c r="N420" s="52"/>
      <c r="O420" s="52"/>
      <c r="P420" s="52"/>
      <c r="Q420" s="52"/>
      <c r="R420" s="52"/>
      <c r="S420" s="52"/>
      <c r="T420" s="52"/>
      <c r="U420" s="52"/>
      <c r="V420" s="52"/>
      <c r="W420" s="52"/>
    </row>
    <row r="421" spans="1:23" hidden="1" x14ac:dyDescent="0.35">
      <c r="A421" s="52" t="s">
        <v>78</v>
      </c>
      <c r="B421" s="52" t="s">
        <v>79</v>
      </c>
      <c r="C421" s="3">
        <v>20</v>
      </c>
      <c r="D421" s="52" t="s">
        <v>87</v>
      </c>
      <c r="E421" s="52" t="s">
        <v>26</v>
      </c>
      <c r="F421" s="52" t="s">
        <v>81</v>
      </c>
      <c r="G421" s="52" t="s">
        <v>82</v>
      </c>
      <c r="H421" s="4">
        <v>1</v>
      </c>
      <c r="I421" s="2">
        <v>14.65</v>
      </c>
      <c r="J421" s="52" t="s">
        <v>2875</v>
      </c>
      <c r="K421" s="71" t="s">
        <v>2876</v>
      </c>
      <c r="L421" s="52" t="s">
        <v>2063</v>
      </c>
      <c r="M421" s="72">
        <v>5513</v>
      </c>
      <c r="N421" s="52" t="s">
        <v>2066</v>
      </c>
      <c r="O421" s="52" t="s">
        <v>2067</v>
      </c>
      <c r="P421" s="52"/>
      <c r="Q421" s="52"/>
      <c r="R421" s="52"/>
      <c r="S421" s="52"/>
      <c r="T421" s="52"/>
      <c r="U421" s="52"/>
      <c r="V421" s="52"/>
      <c r="W421" s="52"/>
    </row>
    <row r="422" spans="1:23" hidden="1" x14ac:dyDescent="0.35">
      <c r="A422" s="52" t="s">
        <v>78</v>
      </c>
      <c r="B422" s="52" t="s">
        <v>79</v>
      </c>
      <c r="C422" s="3">
        <v>10</v>
      </c>
      <c r="D422" s="52" t="s">
        <v>87</v>
      </c>
      <c r="E422" s="52" t="s">
        <v>26</v>
      </c>
      <c r="F422" s="52" t="s">
        <v>81</v>
      </c>
      <c r="G422" s="52" t="s">
        <v>82</v>
      </c>
      <c r="H422" s="4">
        <v>1</v>
      </c>
      <c r="I422" s="2">
        <v>14.65</v>
      </c>
      <c r="J422" s="52" t="s">
        <v>2877</v>
      </c>
      <c r="K422" s="71" t="s">
        <v>2878</v>
      </c>
      <c r="L422" s="52" t="s">
        <v>2063</v>
      </c>
      <c r="M422" s="72">
        <v>2516</v>
      </c>
      <c r="N422" s="52" t="s">
        <v>2072</v>
      </c>
      <c r="O422" s="52" t="s">
        <v>2073</v>
      </c>
      <c r="P422" s="52"/>
      <c r="Q422" s="52"/>
      <c r="R422" s="52"/>
      <c r="S422" s="52"/>
      <c r="T422" s="52"/>
      <c r="U422" s="52"/>
      <c r="V422" s="52"/>
      <c r="W422" s="52"/>
    </row>
    <row r="423" spans="1:23" x14ac:dyDescent="0.35">
      <c r="A423" s="52" t="s">
        <v>78</v>
      </c>
      <c r="B423" s="52" t="s">
        <v>79</v>
      </c>
      <c r="C423" s="3">
        <v>20</v>
      </c>
      <c r="D423" s="52" t="s">
        <v>2022</v>
      </c>
      <c r="E423" s="52" t="s">
        <v>26</v>
      </c>
      <c r="F423" s="52" t="s">
        <v>81</v>
      </c>
      <c r="G423" s="52" t="s">
        <v>82</v>
      </c>
      <c r="H423" s="4">
        <v>1</v>
      </c>
      <c r="I423" s="2">
        <v>14.65</v>
      </c>
      <c r="J423" s="52" t="s">
        <v>2879</v>
      </c>
      <c r="K423" s="71" t="s">
        <v>2880</v>
      </c>
      <c r="L423" s="52" t="s">
        <v>2063</v>
      </c>
      <c r="M423" s="72">
        <v>1124</v>
      </c>
      <c r="N423" s="52" t="s">
        <v>2076</v>
      </c>
      <c r="O423" s="52" t="s">
        <v>2077</v>
      </c>
      <c r="P423" s="52"/>
      <c r="Q423" s="52"/>
      <c r="R423" s="52"/>
      <c r="S423" s="52"/>
      <c r="T423" s="52"/>
      <c r="U423" s="52"/>
      <c r="V423" s="52"/>
      <c r="W423" s="52"/>
    </row>
    <row r="424" spans="1:23" hidden="1" x14ac:dyDescent="0.35">
      <c r="A424" s="52" t="s">
        <v>78</v>
      </c>
      <c r="B424" s="52" t="s">
        <v>79</v>
      </c>
      <c r="C424" s="3">
        <v>20</v>
      </c>
      <c r="D424" s="52" t="s">
        <v>2024</v>
      </c>
      <c r="E424" s="52" t="s">
        <v>26</v>
      </c>
      <c r="F424" s="52" t="s">
        <v>81</v>
      </c>
      <c r="G424" s="52" t="s">
        <v>82</v>
      </c>
      <c r="H424" s="4">
        <v>1</v>
      </c>
      <c r="I424" s="2">
        <v>14.65</v>
      </c>
      <c r="J424" s="52" t="s">
        <v>2881</v>
      </c>
      <c r="K424" s="71" t="s">
        <v>2882</v>
      </c>
      <c r="L424" s="52" t="s">
        <v>2063</v>
      </c>
      <c r="M424" s="72">
        <v>348</v>
      </c>
      <c r="N424" s="52" t="s">
        <v>2072</v>
      </c>
      <c r="O424" s="52" t="s">
        <v>2073</v>
      </c>
      <c r="P424" s="52"/>
      <c r="Q424" s="52"/>
      <c r="R424" s="52"/>
      <c r="S424" s="52"/>
      <c r="T424" s="52"/>
      <c r="U424" s="52"/>
      <c r="V424" s="52"/>
      <c r="W424" s="52"/>
    </row>
    <row r="425" spans="1:23" hidden="1" x14ac:dyDescent="0.35">
      <c r="A425" s="52" t="s">
        <v>78</v>
      </c>
      <c r="B425" s="52" t="s">
        <v>79</v>
      </c>
      <c r="C425" s="3">
        <v>20</v>
      </c>
      <c r="D425" s="52" t="s">
        <v>2023</v>
      </c>
      <c r="E425" s="52" t="s">
        <v>26</v>
      </c>
      <c r="F425" s="52" t="s">
        <v>81</v>
      </c>
      <c r="G425" s="52" t="s">
        <v>82</v>
      </c>
      <c r="H425" s="4">
        <v>1</v>
      </c>
      <c r="I425" s="2">
        <v>14.65</v>
      </c>
      <c r="J425" s="52" t="s">
        <v>2883</v>
      </c>
      <c r="K425" s="71" t="s">
        <v>2884</v>
      </c>
      <c r="L425" s="52" t="s">
        <v>2063</v>
      </c>
      <c r="M425" s="72">
        <v>7790</v>
      </c>
      <c r="N425" s="52" t="s">
        <v>2072</v>
      </c>
      <c r="O425" s="52" t="s">
        <v>2073</v>
      </c>
      <c r="P425" s="52"/>
      <c r="Q425" s="52"/>
      <c r="R425" s="52"/>
      <c r="S425" s="52"/>
      <c r="T425" s="52"/>
      <c r="U425" s="52"/>
      <c r="V425" s="52"/>
      <c r="W425" s="52"/>
    </row>
    <row r="426" spans="1:23" hidden="1" x14ac:dyDescent="0.35">
      <c r="A426" s="52" t="s">
        <v>78</v>
      </c>
      <c r="B426" s="52" t="s">
        <v>79</v>
      </c>
      <c r="C426" s="3">
        <v>20</v>
      </c>
      <c r="D426" s="52" t="s">
        <v>80</v>
      </c>
      <c r="E426" s="52" t="s">
        <v>26</v>
      </c>
      <c r="F426" s="52" t="s">
        <v>81</v>
      </c>
      <c r="G426" s="52" t="s">
        <v>82</v>
      </c>
      <c r="H426" s="4">
        <v>1</v>
      </c>
      <c r="I426" s="2">
        <v>14.65</v>
      </c>
      <c r="J426" s="52" t="s">
        <v>2885</v>
      </c>
      <c r="K426" s="71" t="s">
        <v>2886</v>
      </c>
      <c r="L426" s="52" t="s">
        <v>2063</v>
      </c>
      <c r="M426" s="72">
        <v>7007</v>
      </c>
      <c r="N426" s="52" t="s">
        <v>2066</v>
      </c>
      <c r="O426" s="52" t="s">
        <v>2067</v>
      </c>
      <c r="P426" s="52"/>
      <c r="Q426" s="52"/>
      <c r="R426" s="52"/>
      <c r="S426" s="52"/>
      <c r="T426" s="52"/>
      <c r="U426" s="52"/>
      <c r="V426" s="52"/>
      <c r="W426" s="52"/>
    </row>
    <row r="427" spans="1:23" x14ac:dyDescent="0.35">
      <c r="A427" s="52" t="s">
        <v>78</v>
      </c>
      <c r="B427" s="52" t="s">
        <v>79</v>
      </c>
      <c r="C427" s="3">
        <v>20</v>
      </c>
      <c r="D427" s="52" t="s">
        <v>87</v>
      </c>
      <c r="E427" s="52" t="s">
        <v>26</v>
      </c>
      <c r="F427" s="52" t="s">
        <v>81</v>
      </c>
      <c r="G427" s="52" t="s">
        <v>82</v>
      </c>
      <c r="H427" s="4">
        <v>1</v>
      </c>
      <c r="I427" s="2">
        <v>14.65</v>
      </c>
      <c r="J427" s="52" t="s">
        <v>2887</v>
      </c>
      <c r="K427" s="71" t="s">
        <v>2888</v>
      </c>
      <c r="L427" s="52" t="s">
        <v>2063</v>
      </c>
      <c r="M427" s="72">
        <v>3527</v>
      </c>
      <c r="N427" s="52" t="s">
        <v>2259</v>
      </c>
      <c r="O427" s="52" t="s">
        <v>2260</v>
      </c>
      <c r="P427" s="52"/>
      <c r="Q427" s="52"/>
      <c r="R427" s="52"/>
      <c r="S427" s="52"/>
      <c r="T427" s="52"/>
      <c r="U427" s="52"/>
      <c r="V427" s="52"/>
      <c r="W427" s="52"/>
    </row>
    <row r="428" spans="1:23" hidden="1" x14ac:dyDescent="0.35">
      <c r="A428" s="52" t="s">
        <v>78</v>
      </c>
      <c r="B428" s="52" t="s">
        <v>79</v>
      </c>
      <c r="C428" s="3">
        <v>10</v>
      </c>
      <c r="D428" s="52" t="s">
        <v>80</v>
      </c>
      <c r="E428" s="52" t="s">
        <v>26</v>
      </c>
      <c r="F428" s="52" t="s">
        <v>81</v>
      </c>
      <c r="G428" s="52" t="s">
        <v>82</v>
      </c>
      <c r="H428" s="4">
        <v>1</v>
      </c>
      <c r="I428" s="2">
        <v>14.65</v>
      </c>
      <c r="J428" s="52" t="s">
        <v>2889</v>
      </c>
      <c r="K428" s="71" t="s">
        <v>2890</v>
      </c>
      <c r="L428" s="52" t="s">
        <v>2063</v>
      </c>
      <c r="M428" s="72">
        <v>3128</v>
      </c>
      <c r="N428" s="52" t="s">
        <v>2072</v>
      </c>
      <c r="O428" s="52" t="s">
        <v>2073</v>
      </c>
      <c r="P428" s="52"/>
      <c r="Q428" s="52"/>
      <c r="R428" s="52"/>
      <c r="S428" s="52"/>
      <c r="T428" s="52"/>
      <c r="U428" s="52"/>
      <c r="V428" s="52"/>
      <c r="W428" s="52"/>
    </row>
    <row r="429" spans="1:23" hidden="1" x14ac:dyDescent="0.35">
      <c r="A429" s="52" t="s">
        <v>78</v>
      </c>
      <c r="B429" s="52" t="s">
        <v>79</v>
      </c>
      <c r="C429" s="3">
        <v>10</v>
      </c>
      <c r="D429" s="52" t="s">
        <v>2020</v>
      </c>
      <c r="E429" s="52" t="s">
        <v>26</v>
      </c>
      <c r="F429" s="52" t="s">
        <v>81</v>
      </c>
      <c r="G429" s="52" t="s">
        <v>82</v>
      </c>
      <c r="H429" s="4">
        <v>1</v>
      </c>
      <c r="I429" s="2">
        <v>14.65</v>
      </c>
      <c r="J429" s="52" t="s">
        <v>2891</v>
      </c>
      <c r="K429" s="71" t="s">
        <v>2892</v>
      </c>
      <c r="L429" s="52" t="s">
        <v>2063</v>
      </c>
      <c r="M429" s="72">
        <v>7130</v>
      </c>
      <c r="N429" s="52" t="s">
        <v>2072</v>
      </c>
      <c r="O429" s="52" t="s">
        <v>2073</v>
      </c>
      <c r="P429" s="52"/>
      <c r="Q429" s="52"/>
      <c r="R429" s="52"/>
      <c r="S429" s="52"/>
      <c r="T429" s="52"/>
      <c r="U429" s="52"/>
      <c r="V429" s="52"/>
      <c r="W429" s="52"/>
    </row>
    <row r="430" spans="1:23" hidden="1" x14ac:dyDescent="0.35">
      <c r="A430" s="52" t="s">
        <v>78</v>
      </c>
      <c r="B430" s="52" t="s">
        <v>79</v>
      </c>
      <c r="C430" s="3">
        <v>10</v>
      </c>
      <c r="D430" s="52" t="s">
        <v>2021</v>
      </c>
      <c r="E430" s="52" t="s">
        <v>26</v>
      </c>
      <c r="F430" s="52" t="s">
        <v>81</v>
      </c>
      <c r="G430" s="52" t="s">
        <v>82</v>
      </c>
      <c r="H430" s="4">
        <v>1</v>
      </c>
      <c r="I430" s="2">
        <v>14.65</v>
      </c>
      <c r="J430" s="52" t="s">
        <v>2893</v>
      </c>
      <c r="K430" s="71" t="s">
        <v>2894</v>
      </c>
      <c r="L430" s="52" t="s">
        <v>2063</v>
      </c>
      <c r="M430" s="72">
        <v>4425</v>
      </c>
      <c r="N430" s="52" t="s">
        <v>2072</v>
      </c>
      <c r="O430" s="52" t="s">
        <v>2073</v>
      </c>
      <c r="P430" s="52"/>
      <c r="Q430" s="52"/>
      <c r="R430" s="52"/>
      <c r="S430" s="52"/>
      <c r="T430" s="52"/>
      <c r="U430" s="52"/>
      <c r="V430" s="52"/>
      <c r="W430" s="52"/>
    </row>
    <row r="431" spans="1:23" hidden="1" x14ac:dyDescent="0.35">
      <c r="A431" s="52" t="s">
        <v>78</v>
      </c>
      <c r="B431" s="52" t="s">
        <v>79</v>
      </c>
      <c r="C431" s="3">
        <v>10</v>
      </c>
      <c r="D431" s="52" t="s">
        <v>86</v>
      </c>
      <c r="E431" s="52" t="s">
        <v>26</v>
      </c>
      <c r="F431" s="52" t="s">
        <v>81</v>
      </c>
      <c r="G431" s="52" t="s">
        <v>82</v>
      </c>
      <c r="H431" s="4">
        <v>1</v>
      </c>
      <c r="I431" s="2">
        <v>14.65</v>
      </c>
      <c r="J431" s="52" t="s">
        <v>2725</v>
      </c>
      <c r="K431" s="71" t="s">
        <v>2895</v>
      </c>
      <c r="L431" s="52" t="s">
        <v>2063</v>
      </c>
      <c r="M431" s="72">
        <v>3828</v>
      </c>
      <c r="N431" s="52"/>
      <c r="O431" s="52"/>
      <c r="P431" s="52"/>
      <c r="Q431" s="52"/>
      <c r="R431" s="52"/>
      <c r="S431" s="52"/>
      <c r="T431" s="52"/>
      <c r="U431" s="52"/>
      <c r="V431" s="52"/>
      <c r="W431" s="52"/>
    </row>
    <row r="432" spans="1:23" hidden="1" x14ac:dyDescent="0.35">
      <c r="A432" s="52" t="s">
        <v>78</v>
      </c>
      <c r="B432" s="52" t="s">
        <v>79</v>
      </c>
      <c r="C432" s="3">
        <v>211</v>
      </c>
      <c r="D432" s="52" t="s">
        <v>2023</v>
      </c>
      <c r="E432" s="52" t="s">
        <v>26</v>
      </c>
      <c r="F432" s="52" t="s">
        <v>81</v>
      </c>
      <c r="G432" s="52" t="s">
        <v>82</v>
      </c>
      <c r="H432" s="4">
        <v>1</v>
      </c>
      <c r="I432" s="2">
        <v>14.65</v>
      </c>
      <c r="J432" s="52" t="s">
        <v>2896</v>
      </c>
      <c r="K432" s="71" t="s">
        <v>2897</v>
      </c>
      <c r="L432" s="52" t="s">
        <v>2063</v>
      </c>
      <c r="M432" s="72">
        <v>5621</v>
      </c>
      <c r="N432" s="52" t="s">
        <v>2066</v>
      </c>
      <c r="O432" s="52" t="s">
        <v>2067</v>
      </c>
      <c r="P432" s="52"/>
      <c r="Q432" s="52"/>
      <c r="R432" s="52"/>
      <c r="S432" s="52"/>
      <c r="T432" s="52"/>
      <c r="U432" s="52"/>
      <c r="V432" s="52"/>
      <c r="W432" s="52"/>
    </row>
    <row r="433" spans="1:23" hidden="1" x14ac:dyDescent="0.35">
      <c r="A433" s="52" t="s">
        <v>78</v>
      </c>
      <c r="B433" s="52" t="s">
        <v>79</v>
      </c>
      <c r="C433" s="3">
        <v>20</v>
      </c>
      <c r="D433" s="52" t="s">
        <v>84</v>
      </c>
      <c r="E433" s="52" t="s">
        <v>26</v>
      </c>
      <c r="F433" s="52" t="s">
        <v>81</v>
      </c>
      <c r="G433" s="52" t="s">
        <v>82</v>
      </c>
      <c r="H433" s="4">
        <v>1</v>
      </c>
      <c r="I433" s="2">
        <v>14.65</v>
      </c>
      <c r="J433" s="52" t="s">
        <v>2851</v>
      </c>
      <c r="K433" s="71" t="s">
        <v>2898</v>
      </c>
      <c r="L433" s="52" t="s">
        <v>2063</v>
      </c>
      <c r="M433" s="72">
        <v>9530</v>
      </c>
      <c r="N433" s="52" t="s">
        <v>2072</v>
      </c>
      <c r="O433" s="52" t="s">
        <v>2073</v>
      </c>
      <c r="P433" s="52"/>
      <c r="Q433" s="52"/>
      <c r="R433" s="52"/>
      <c r="S433" s="52"/>
      <c r="T433" s="52"/>
      <c r="U433" s="52"/>
      <c r="V433" s="52"/>
      <c r="W433" s="52"/>
    </row>
    <row r="434" spans="1:23" hidden="1" x14ac:dyDescent="0.35">
      <c r="A434" s="52" t="s">
        <v>78</v>
      </c>
      <c r="B434" s="52" t="s">
        <v>79</v>
      </c>
      <c r="C434" s="3">
        <v>20</v>
      </c>
      <c r="D434" s="52" t="s">
        <v>85</v>
      </c>
      <c r="E434" s="52" t="s">
        <v>26</v>
      </c>
      <c r="F434" s="52" t="s">
        <v>81</v>
      </c>
      <c r="G434" s="52" t="s">
        <v>82</v>
      </c>
      <c r="H434" s="4">
        <v>1</v>
      </c>
      <c r="I434" s="2">
        <v>14.65</v>
      </c>
      <c r="J434" s="52" t="s">
        <v>2899</v>
      </c>
      <c r="K434" s="71" t="s">
        <v>2900</v>
      </c>
      <c r="L434" s="52" t="s">
        <v>2063</v>
      </c>
      <c r="M434" s="72">
        <v>409</v>
      </c>
      <c r="N434" s="52"/>
      <c r="O434" s="52"/>
      <c r="P434" s="52"/>
      <c r="Q434" s="52"/>
      <c r="R434" s="52"/>
      <c r="S434" s="52"/>
      <c r="T434" s="52"/>
      <c r="U434" s="52"/>
      <c r="V434" s="52"/>
      <c r="W434" s="52"/>
    </row>
    <row r="435" spans="1:23" hidden="1" x14ac:dyDescent="0.35">
      <c r="A435" s="52" t="s">
        <v>78</v>
      </c>
      <c r="B435" s="52" t="s">
        <v>79</v>
      </c>
      <c r="C435" s="3">
        <v>10</v>
      </c>
      <c r="D435" s="52" t="s">
        <v>2019</v>
      </c>
      <c r="E435" s="52" t="s">
        <v>26</v>
      </c>
      <c r="F435" s="52" t="s">
        <v>81</v>
      </c>
      <c r="G435" s="52" t="s">
        <v>82</v>
      </c>
      <c r="H435" s="4">
        <v>1</v>
      </c>
      <c r="I435" s="2">
        <v>14.65</v>
      </c>
      <c r="J435" s="52" t="s">
        <v>2901</v>
      </c>
      <c r="K435" s="71" t="s">
        <v>2902</v>
      </c>
      <c r="L435" s="52" t="s">
        <v>2063</v>
      </c>
      <c r="M435" s="72">
        <v>3055</v>
      </c>
      <c r="N435" s="52" t="s">
        <v>2072</v>
      </c>
      <c r="O435" s="52" t="s">
        <v>2073</v>
      </c>
      <c r="P435" s="52"/>
      <c r="Q435" s="52"/>
      <c r="R435" s="52"/>
      <c r="S435" s="52"/>
      <c r="T435" s="52"/>
      <c r="U435" s="52"/>
      <c r="V435" s="52"/>
      <c r="W435" s="52"/>
    </row>
    <row r="436" spans="1:23" hidden="1" x14ac:dyDescent="0.35">
      <c r="A436" s="52" t="s">
        <v>78</v>
      </c>
      <c r="B436" s="52" t="s">
        <v>79</v>
      </c>
      <c r="C436" s="3">
        <v>20</v>
      </c>
      <c r="D436" s="52" t="s">
        <v>83</v>
      </c>
      <c r="E436" s="52" t="s">
        <v>26</v>
      </c>
      <c r="F436" s="52" t="s">
        <v>81</v>
      </c>
      <c r="G436" s="52" t="s">
        <v>82</v>
      </c>
      <c r="H436" s="4">
        <v>1</v>
      </c>
      <c r="I436" s="2">
        <v>14.65</v>
      </c>
      <c r="J436" s="52" t="s">
        <v>2903</v>
      </c>
      <c r="K436" s="71" t="s">
        <v>2904</v>
      </c>
      <c r="L436" s="52" t="s">
        <v>2063</v>
      </c>
      <c r="M436" s="72">
        <v>8071</v>
      </c>
      <c r="N436" s="52" t="s">
        <v>2066</v>
      </c>
      <c r="O436" s="52" t="s">
        <v>2067</v>
      </c>
      <c r="P436" s="52"/>
      <c r="Q436" s="52"/>
      <c r="R436" s="52"/>
      <c r="S436" s="52"/>
      <c r="T436" s="52"/>
      <c r="U436" s="52"/>
      <c r="V436" s="52"/>
      <c r="W436" s="52"/>
    </row>
    <row r="437" spans="1:23" hidden="1" x14ac:dyDescent="0.35">
      <c r="A437" s="52" t="s">
        <v>78</v>
      </c>
      <c r="B437" s="52" t="s">
        <v>79</v>
      </c>
      <c r="C437" s="3">
        <v>20</v>
      </c>
      <c r="D437" s="52" t="s">
        <v>86</v>
      </c>
      <c r="E437" s="52" t="s">
        <v>26</v>
      </c>
      <c r="F437" s="52" t="s">
        <v>81</v>
      </c>
      <c r="G437" s="52" t="s">
        <v>82</v>
      </c>
      <c r="H437" s="4">
        <v>1</v>
      </c>
      <c r="I437" s="2">
        <v>14.65</v>
      </c>
      <c r="J437" s="52" t="s">
        <v>2126</v>
      </c>
      <c r="K437" s="71" t="s">
        <v>2905</v>
      </c>
      <c r="L437" s="52" t="s">
        <v>2063</v>
      </c>
      <c r="M437" s="72">
        <v>5350</v>
      </c>
      <c r="N437" s="52"/>
      <c r="O437" s="52"/>
      <c r="P437" s="52"/>
      <c r="Q437" s="52"/>
      <c r="R437" s="52"/>
      <c r="S437" s="52"/>
      <c r="T437" s="52"/>
      <c r="U437" s="52"/>
      <c r="V437" s="52"/>
      <c r="W437" s="52"/>
    </row>
    <row r="438" spans="1:23" hidden="1" x14ac:dyDescent="0.35">
      <c r="A438" s="52" t="s">
        <v>78</v>
      </c>
      <c r="B438" s="52" t="s">
        <v>79</v>
      </c>
      <c r="C438" s="3">
        <v>20</v>
      </c>
      <c r="D438" s="52" t="s">
        <v>2021</v>
      </c>
      <c r="E438" s="52" t="s">
        <v>26</v>
      </c>
      <c r="F438" s="52" t="s">
        <v>81</v>
      </c>
      <c r="G438" s="52" t="s">
        <v>82</v>
      </c>
      <c r="H438" s="4">
        <v>1</v>
      </c>
      <c r="I438" s="2">
        <v>14.65</v>
      </c>
      <c r="J438" s="52" t="s">
        <v>2906</v>
      </c>
      <c r="K438" s="71" t="s">
        <v>2907</v>
      </c>
      <c r="L438" s="52" t="s">
        <v>2063</v>
      </c>
      <c r="M438" s="72">
        <v>2266</v>
      </c>
      <c r="N438" s="52" t="s">
        <v>2072</v>
      </c>
      <c r="O438" s="52" t="s">
        <v>2073</v>
      </c>
      <c r="P438" s="52"/>
      <c r="Q438" s="52"/>
      <c r="R438" s="52"/>
      <c r="S438" s="52"/>
      <c r="T438" s="52"/>
      <c r="U438" s="52"/>
      <c r="V438" s="52"/>
      <c r="W438" s="52"/>
    </row>
    <row r="439" spans="1:23" hidden="1" x14ac:dyDescent="0.35">
      <c r="A439" s="52" t="s">
        <v>78</v>
      </c>
      <c r="B439" s="52" t="s">
        <v>79</v>
      </c>
      <c r="C439" s="3">
        <v>20</v>
      </c>
      <c r="D439" s="52" t="s">
        <v>85</v>
      </c>
      <c r="E439" s="52" t="s">
        <v>26</v>
      </c>
      <c r="F439" s="52" t="s">
        <v>81</v>
      </c>
      <c r="G439" s="52" t="s">
        <v>82</v>
      </c>
      <c r="H439" s="4">
        <v>1</v>
      </c>
      <c r="I439" s="2">
        <v>14.65</v>
      </c>
      <c r="J439" s="52" t="s">
        <v>2461</v>
      </c>
      <c r="K439" s="71" t="s">
        <v>2908</v>
      </c>
      <c r="L439" s="52" t="s">
        <v>2063</v>
      </c>
      <c r="M439" s="72">
        <v>8202</v>
      </c>
      <c r="N439" s="52" t="s">
        <v>2072</v>
      </c>
      <c r="O439" s="52" t="s">
        <v>2073</v>
      </c>
      <c r="P439" s="52"/>
      <c r="Q439" s="52"/>
      <c r="R439" s="52"/>
      <c r="S439" s="52"/>
      <c r="T439" s="52"/>
      <c r="U439" s="52"/>
      <c r="V439" s="52"/>
      <c r="W439" s="52"/>
    </row>
    <row r="440" spans="1:23" hidden="1" x14ac:dyDescent="0.35">
      <c r="A440" s="52" t="s">
        <v>78</v>
      </c>
      <c r="B440" s="52" t="s">
        <v>79</v>
      </c>
      <c r="C440" s="3">
        <v>10</v>
      </c>
      <c r="D440" s="52" t="s">
        <v>2021</v>
      </c>
      <c r="E440" s="52" t="s">
        <v>26</v>
      </c>
      <c r="F440" s="52" t="s">
        <v>81</v>
      </c>
      <c r="G440" s="52" t="s">
        <v>82</v>
      </c>
      <c r="H440" s="4">
        <v>1</v>
      </c>
      <c r="I440" s="2">
        <v>14.65</v>
      </c>
      <c r="J440" s="52" t="s">
        <v>2909</v>
      </c>
      <c r="K440" s="71" t="s">
        <v>2910</v>
      </c>
      <c r="L440" s="52" t="s">
        <v>2063</v>
      </c>
      <c r="M440" s="72">
        <v>1507</v>
      </c>
      <c r="N440" s="52" t="s">
        <v>2072</v>
      </c>
      <c r="O440" s="52" t="s">
        <v>2073</v>
      </c>
      <c r="P440" s="52"/>
      <c r="Q440" s="52"/>
      <c r="R440" s="52"/>
      <c r="S440" s="52"/>
      <c r="T440" s="52"/>
      <c r="U440" s="52"/>
      <c r="V440" s="52"/>
      <c r="W440" s="52"/>
    </row>
    <row r="441" spans="1:23" x14ac:dyDescent="0.35">
      <c r="A441" s="52" t="s">
        <v>78</v>
      </c>
      <c r="B441" s="52" t="s">
        <v>79</v>
      </c>
      <c r="C441" s="3">
        <v>211</v>
      </c>
      <c r="D441" s="52" t="s">
        <v>2024</v>
      </c>
      <c r="E441" s="52" t="s">
        <v>26</v>
      </c>
      <c r="F441" s="52" t="s">
        <v>81</v>
      </c>
      <c r="G441" s="52" t="s">
        <v>82</v>
      </c>
      <c r="H441" s="4">
        <v>1</v>
      </c>
      <c r="I441" s="2">
        <v>14.65</v>
      </c>
      <c r="J441" s="52" t="s">
        <v>2911</v>
      </c>
      <c r="K441" s="71" t="s">
        <v>2912</v>
      </c>
      <c r="L441" s="52" t="s">
        <v>2063</v>
      </c>
      <c r="M441" s="72">
        <v>782</v>
      </c>
      <c r="N441" s="52" t="s">
        <v>2076</v>
      </c>
      <c r="O441" s="52" t="s">
        <v>2077</v>
      </c>
      <c r="P441" s="52"/>
      <c r="Q441" s="52"/>
      <c r="R441" s="52"/>
      <c r="S441" s="52"/>
      <c r="T441" s="52"/>
      <c r="U441" s="52"/>
      <c r="V441" s="52"/>
      <c r="W441" s="52"/>
    </row>
    <row r="442" spans="1:23" hidden="1" x14ac:dyDescent="0.35">
      <c r="A442" s="52" t="s">
        <v>78</v>
      </c>
      <c r="B442" s="52" t="s">
        <v>79</v>
      </c>
      <c r="C442" s="3">
        <v>212</v>
      </c>
      <c r="D442" s="52" t="s">
        <v>2022</v>
      </c>
      <c r="E442" s="52" t="s">
        <v>26</v>
      </c>
      <c r="F442" s="52" t="s">
        <v>81</v>
      </c>
      <c r="G442" s="52" t="s">
        <v>82</v>
      </c>
      <c r="H442" s="4">
        <v>1</v>
      </c>
      <c r="I442" s="2">
        <v>14.65</v>
      </c>
      <c r="J442" s="52" t="s">
        <v>2913</v>
      </c>
      <c r="K442" s="71" t="s">
        <v>2914</v>
      </c>
      <c r="L442" s="52" t="s">
        <v>2063</v>
      </c>
      <c r="M442" s="72">
        <v>2354</v>
      </c>
      <c r="N442" s="52" t="s">
        <v>2072</v>
      </c>
      <c r="O442" s="52" t="s">
        <v>2073</v>
      </c>
      <c r="P442" s="52"/>
      <c r="Q442" s="52"/>
      <c r="R442" s="52"/>
      <c r="S442" s="52"/>
      <c r="T442" s="52"/>
      <c r="U442" s="52"/>
      <c r="V442" s="52"/>
      <c r="W442" s="52"/>
    </row>
    <row r="443" spans="1:23" hidden="1" x14ac:dyDescent="0.35">
      <c r="A443" s="52" t="s">
        <v>78</v>
      </c>
      <c r="B443" s="52" t="s">
        <v>79</v>
      </c>
      <c r="C443" s="3">
        <v>20</v>
      </c>
      <c r="D443" s="52" t="s">
        <v>83</v>
      </c>
      <c r="E443" s="52" t="s">
        <v>26</v>
      </c>
      <c r="F443" s="52" t="s">
        <v>81</v>
      </c>
      <c r="G443" s="52" t="s">
        <v>82</v>
      </c>
      <c r="H443" s="4">
        <v>1</v>
      </c>
      <c r="I443" s="2">
        <v>14.65</v>
      </c>
      <c r="J443" s="52" t="s">
        <v>2915</v>
      </c>
      <c r="K443" s="71" t="s">
        <v>2916</v>
      </c>
      <c r="L443" s="52" t="s">
        <v>2063</v>
      </c>
      <c r="M443" s="72">
        <v>9930</v>
      </c>
      <c r="N443" s="52"/>
      <c r="O443" s="52"/>
      <c r="P443" s="52"/>
      <c r="Q443" s="52"/>
      <c r="R443" s="52"/>
      <c r="S443" s="52"/>
      <c r="T443" s="52"/>
      <c r="U443" s="52"/>
      <c r="V443" s="52"/>
      <c r="W443" s="52"/>
    </row>
    <row r="444" spans="1:23" x14ac:dyDescent="0.35">
      <c r="A444" s="52" t="s">
        <v>78</v>
      </c>
      <c r="B444" s="52" t="s">
        <v>79</v>
      </c>
      <c r="C444" s="3">
        <v>10</v>
      </c>
      <c r="D444" s="52" t="s">
        <v>2020</v>
      </c>
      <c r="E444" s="52" t="s">
        <v>26</v>
      </c>
      <c r="F444" s="52" t="s">
        <v>81</v>
      </c>
      <c r="G444" s="52" t="s">
        <v>82</v>
      </c>
      <c r="H444" s="4">
        <v>1</v>
      </c>
      <c r="I444" s="2">
        <v>14.65</v>
      </c>
      <c r="J444" s="52" t="s">
        <v>2917</v>
      </c>
      <c r="K444" s="71" t="s">
        <v>2918</v>
      </c>
      <c r="L444" s="52" t="s">
        <v>2063</v>
      </c>
      <c r="M444" s="72">
        <v>789</v>
      </c>
      <c r="N444" s="52" t="s">
        <v>2259</v>
      </c>
      <c r="O444" s="52" t="s">
        <v>2260</v>
      </c>
      <c r="P444" s="52"/>
      <c r="Q444" s="52"/>
      <c r="R444" s="52"/>
      <c r="S444" s="52"/>
      <c r="T444" s="52"/>
      <c r="U444" s="52"/>
      <c r="V444" s="52"/>
      <c r="W444" s="52"/>
    </row>
    <row r="445" spans="1:23" hidden="1" x14ac:dyDescent="0.35">
      <c r="A445" s="52" t="s">
        <v>78</v>
      </c>
      <c r="B445" s="52" t="s">
        <v>79</v>
      </c>
      <c r="C445" s="3">
        <v>20</v>
      </c>
      <c r="D445" s="52" t="s">
        <v>2019</v>
      </c>
      <c r="E445" s="52" t="s">
        <v>26</v>
      </c>
      <c r="F445" s="52" t="s">
        <v>81</v>
      </c>
      <c r="G445" s="52" t="s">
        <v>82</v>
      </c>
      <c r="H445" s="4">
        <v>1</v>
      </c>
      <c r="I445" s="2">
        <v>14.65</v>
      </c>
      <c r="J445" s="52" t="s">
        <v>2919</v>
      </c>
      <c r="K445" s="71" t="s">
        <v>2920</v>
      </c>
      <c r="L445" s="52" t="s">
        <v>2063</v>
      </c>
      <c r="M445" s="72">
        <v>8421</v>
      </c>
      <c r="N445" s="52" t="s">
        <v>2072</v>
      </c>
      <c r="O445" s="52" t="s">
        <v>2073</v>
      </c>
      <c r="P445" s="52"/>
      <c r="Q445" s="52"/>
      <c r="R445" s="52"/>
      <c r="S445" s="52"/>
      <c r="T445" s="52"/>
      <c r="U445" s="52"/>
      <c r="V445" s="52"/>
      <c r="W445" s="52"/>
    </row>
    <row r="446" spans="1:23" hidden="1" x14ac:dyDescent="0.35">
      <c r="A446" s="52" t="s">
        <v>78</v>
      </c>
      <c r="B446" s="52" t="s">
        <v>79</v>
      </c>
      <c r="C446" s="3">
        <v>10</v>
      </c>
      <c r="D446" s="52" t="s">
        <v>2022</v>
      </c>
      <c r="E446" s="52" t="s">
        <v>26</v>
      </c>
      <c r="F446" s="52" t="s">
        <v>81</v>
      </c>
      <c r="G446" s="52" t="s">
        <v>82</v>
      </c>
      <c r="H446" s="4">
        <v>1</v>
      </c>
      <c r="I446" s="2">
        <v>14.65</v>
      </c>
      <c r="J446" s="52" t="s">
        <v>2921</v>
      </c>
      <c r="K446" s="71" t="s">
        <v>2922</v>
      </c>
      <c r="L446" s="52" t="s">
        <v>2063</v>
      </c>
      <c r="M446" s="72">
        <v>5322</v>
      </c>
      <c r="N446" s="52" t="s">
        <v>2072</v>
      </c>
      <c r="O446" s="52" t="s">
        <v>2073</v>
      </c>
      <c r="P446" s="52"/>
      <c r="Q446" s="52"/>
      <c r="R446" s="52"/>
      <c r="S446" s="52"/>
      <c r="T446" s="52"/>
      <c r="U446" s="52"/>
      <c r="V446" s="52"/>
      <c r="W446" s="52"/>
    </row>
    <row r="447" spans="1:23" hidden="1" x14ac:dyDescent="0.35">
      <c r="A447" s="52" t="s">
        <v>78</v>
      </c>
      <c r="B447" s="52" t="s">
        <v>79</v>
      </c>
      <c r="C447" s="3">
        <v>10</v>
      </c>
      <c r="D447" s="52" t="s">
        <v>2022</v>
      </c>
      <c r="E447" s="52" t="s">
        <v>26</v>
      </c>
      <c r="F447" s="52" t="s">
        <v>81</v>
      </c>
      <c r="G447" s="52" t="s">
        <v>82</v>
      </c>
      <c r="H447" s="4">
        <v>1</v>
      </c>
      <c r="I447" s="2">
        <v>14.65</v>
      </c>
      <c r="J447" s="52" t="s">
        <v>2835</v>
      </c>
      <c r="K447" s="71" t="s">
        <v>2923</v>
      </c>
      <c r="L447" s="52" t="s">
        <v>2063</v>
      </c>
      <c r="M447" s="72">
        <v>6808</v>
      </c>
      <c r="N447" s="52"/>
      <c r="O447" s="52"/>
      <c r="P447" s="52"/>
      <c r="Q447" s="52"/>
      <c r="R447" s="52"/>
      <c r="S447" s="52"/>
      <c r="T447" s="52"/>
      <c r="U447" s="52"/>
      <c r="V447" s="52"/>
      <c r="W447" s="52"/>
    </row>
    <row r="448" spans="1:23" hidden="1" x14ac:dyDescent="0.35">
      <c r="A448" s="52" t="s">
        <v>78</v>
      </c>
      <c r="B448" s="52" t="s">
        <v>79</v>
      </c>
      <c r="C448" s="3">
        <v>10</v>
      </c>
      <c r="D448" s="52" t="s">
        <v>84</v>
      </c>
      <c r="E448" s="52" t="s">
        <v>26</v>
      </c>
      <c r="F448" s="52" t="s">
        <v>81</v>
      </c>
      <c r="G448" s="52" t="s">
        <v>82</v>
      </c>
      <c r="H448" s="4">
        <v>1</v>
      </c>
      <c r="I448" s="2">
        <v>14.65</v>
      </c>
      <c r="J448" s="52" t="s">
        <v>2924</v>
      </c>
      <c r="K448" s="71" t="s">
        <v>2925</v>
      </c>
      <c r="L448" s="52" t="s">
        <v>2063</v>
      </c>
      <c r="M448" s="72">
        <v>2055</v>
      </c>
      <c r="N448" s="52" t="s">
        <v>2158</v>
      </c>
      <c r="O448" s="52" t="s">
        <v>2159</v>
      </c>
      <c r="P448" s="52" t="s">
        <v>2158</v>
      </c>
      <c r="Q448" s="52" t="s">
        <v>2159</v>
      </c>
      <c r="R448" s="52"/>
      <c r="S448" s="52"/>
      <c r="T448" s="52"/>
      <c r="U448" s="52"/>
      <c r="V448" s="52"/>
      <c r="W448" s="52"/>
    </row>
    <row r="449" spans="1:23" hidden="1" x14ac:dyDescent="0.35">
      <c r="A449" s="52" t="s">
        <v>78</v>
      </c>
      <c r="B449" s="52" t="s">
        <v>79</v>
      </c>
      <c r="C449" s="3">
        <v>10</v>
      </c>
      <c r="D449" s="52" t="s">
        <v>85</v>
      </c>
      <c r="E449" s="52" t="s">
        <v>26</v>
      </c>
      <c r="F449" s="52" t="s">
        <v>81</v>
      </c>
      <c r="G449" s="52" t="s">
        <v>82</v>
      </c>
      <c r="H449" s="4">
        <v>1</v>
      </c>
      <c r="I449" s="2">
        <v>14.65</v>
      </c>
      <c r="J449" s="52" t="s">
        <v>2926</v>
      </c>
      <c r="K449" s="71" t="s">
        <v>2927</v>
      </c>
      <c r="L449" s="52" t="s">
        <v>2063</v>
      </c>
      <c r="M449" s="72">
        <v>111</v>
      </c>
      <c r="N449" s="52" t="s">
        <v>2072</v>
      </c>
      <c r="O449" s="52" t="s">
        <v>2073</v>
      </c>
      <c r="P449" s="52"/>
      <c r="Q449" s="52"/>
      <c r="R449" s="52"/>
      <c r="S449" s="52"/>
      <c r="T449" s="52"/>
      <c r="U449" s="52"/>
      <c r="V449" s="52"/>
      <c r="W449" s="52"/>
    </row>
    <row r="450" spans="1:23" hidden="1" x14ac:dyDescent="0.35">
      <c r="A450" s="52" t="s">
        <v>78</v>
      </c>
      <c r="B450" s="52" t="s">
        <v>79</v>
      </c>
      <c r="C450" s="3">
        <v>20</v>
      </c>
      <c r="D450" s="52" t="s">
        <v>83</v>
      </c>
      <c r="E450" s="52" t="s">
        <v>26</v>
      </c>
      <c r="F450" s="52" t="s">
        <v>81</v>
      </c>
      <c r="G450" s="52" t="s">
        <v>82</v>
      </c>
      <c r="H450" s="4">
        <v>1</v>
      </c>
      <c r="I450" s="2">
        <v>14.65</v>
      </c>
      <c r="J450" s="52" t="s">
        <v>2928</v>
      </c>
      <c r="K450" s="71" t="s">
        <v>2929</v>
      </c>
      <c r="L450" s="52" t="s">
        <v>2063</v>
      </c>
      <c r="M450" s="72">
        <v>5235</v>
      </c>
      <c r="N450" s="52" t="s">
        <v>2072</v>
      </c>
      <c r="O450" s="52" t="s">
        <v>2073</v>
      </c>
      <c r="P450" s="52"/>
      <c r="Q450" s="52"/>
      <c r="R450" s="52"/>
      <c r="S450" s="52"/>
      <c r="T450" s="52"/>
      <c r="U450" s="52"/>
      <c r="V450" s="52"/>
      <c r="W450" s="52"/>
    </row>
    <row r="451" spans="1:23" hidden="1" x14ac:dyDescent="0.35">
      <c r="A451" s="52" t="s">
        <v>78</v>
      </c>
      <c r="B451" s="52" t="s">
        <v>79</v>
      </c>
      <c r="C451" s="3">
        <v>20</v>
      </c>
      <c r="D451" s="52" t="s">
        <v>84</v>
      </c>
      <c r="E451" s="52" t="s">
        <v>26</v>
      </c>
      <c r="F451" s="52" t="s">
        <v>81</v>
      </c>
      <c r="G451" s="52" t="s">
        <v>82</v>
      </c>
      <c r="H451" s="4">
        <v>1</v>
      </c>
      <c r="I451" s="2">
        <v>14.65</v>
      </c>
      <c r="J451" s="52" t="s">
        <v>2930</v>
      </c>
      <c r="K451" s="71" t="s">
        <v>2931</v>
      </c>
      <c r="L451" s="52" t="s">
        <v>2063</v>
      </c>
      <c r="M451" s="72">
        <v>5209</v>
      </c>
      <c r="N451" s="52"/>
      <c r="O451" s="52"/>
      <c r="P451" s="52"/>
      <c r="Q451" s="52"/>
      <c r="R451" s="52"/>
      <c r="S451" s="52"/>
      <c r="T451" s="52"/>
      <c r="U451" s="52"/>
      <c r="V451" s="52"/>
      <c r="W451" s="52"/>
    </row>
    <row r="452" spans="1:23" hidden="1" x14ac:dyDescent="0.35">
      <c r="A452" s="52" t="s">
        <v>78</v>
      </c>
      <c r="B452" s="52" t="s">
        <v>79</v>
      </c>
      <c r="C452" s="3">
        <v>20</v>
      </c>
      <c r="D452" s="52" t="s">
        <v>2024</v>
      </c>
      <c r="E452" s="52" t="s">
        <v>26</v>
      </c>
      <c r="F452" s="52" t="s">
        <v>81</v>
      </c>
      <c r="G452" s="52" t="s">
        <v>82</v>
      </c>
      <c r="H452" s="4">
        <v>1</v>
      </c>
      <c r="I452" s="2">
        <v>14.65</v>
      </c>
      <c r="J452" s="52" t="s">
        <v>2932</v>
      </c>
      <c r="K452" s="71" t="s">
        <v>2933</v>
      </c>
      <c r="L452" s="52" t="s">
        <v>2063</v>
      </c>
      <c r="M452" s="72">
        <v>5532</v>
      </c>
      <c r="N452" s="52" t="s">
        <v>2066</v>
      </c>
      <c r="O452" s="52" t="s">
        <v>2067</v>
      </c>
      <c r="P452" s="52"/>
      <c r="Q452" s="52"/>
      <c r="R452" s="52"/>
      <c r="S452" s="52"/>
      <c r="T452" s="52"/>
      <c r="U452" s="52"/>
      <c r="V452" s="52"/>
      <c r="W452" s="52"/>
    </row>
    <row r="453" spans="1:23" hidden="1" x14ac:dyDescent="0.35">
      <c r="A453" s="52" t="s">
        <v>78</v>
      </c>
      <c r="B453" s="52" t="s">
        <v>79</v>
      </c>
      <c r="C453" s="3">
        <v>10</v>
      </c>
      <c r="D453" s="52" t="s">
        <v>84</v>
      </c>
      <c r="E453" s="52" t="s">
        <v>26</v>
      </c>
      <c r="F453" s="52" t="s">
        <v>81</v>
      </c>
      <c r="G453" s="52" t="s">
        <v>82</v>
      </c>
      <c r="H453" s="4">
        <v>1</v>
      </c>
      <c r="I453" s="2">
        <v>14.65</v>
      </c>
      <c r="J453" s="52" t="s">
        <v>2934</v>
      </c>
      <c r="K453" s="71" t="s">
        <v>2935</v>
      </c>
      <c r="L453" s="52" t="s">
        <v>2063</v>
      </c>
      <c r="M453" s="72">
        <v>4966</v>
      </c>
      <c r="N453" s="52" t="s">
        <v>2072</v>
      </c>
      <c r="O453" s="52" t="s">
        <v>2073</v>
      </c>
      <c r="P453" s="52"/>
      <c r="Q453" s="52"/>
      <c r="R453" s="52"/>
      <c r="S453" s="52"/>
      <c r="T453" s="52"/>
      <c r="U453" s="52"/>
      <c r="V453" s="52"/>
      <c r="W453" s="52"/>
    </row>
    <row r="454" spans="1:23" x14ac:dyDescent="0.35">
      <c r="A454" s="52" t="s">
        <v>78</v>
      </c>
      <c r="B454" s="52" t="s">
        <v>79</v>
      </c>
      <c r="C454" s="3">
        <v>20</v>
      </c>
      <c r="D454" s="52" t="s">
        <v>84</v>
      </c>
      <c r="E454" s="52" t="s">
        <v>26</v>
      </c>
      <c r="F454" s="52" t="s">
        <v>81</v>
      </c>
      <c r="G454" s="52" t="s">
        <v>82</v>
      </c>
      <c r="H454" s="4">
        <v>1</v>
      </c>
      <c r="I454" s="2">
        <v>14.65</v>
      </c>
      <c r="J454" s="52" t="s">
        <v>2808</v>
      </c>
      <c r="K454" s="71" t="s">
        <v>2936</v>
      </c>
      <c r="L454" s="52" t="s">
        <v>2063</v>
      </c>
      <c r="M454" s="72">
        <v>835</v>
      </c>
      <c r="N454" s="52" t="s">
        <v>2259</v>
      </c>
      <c r="O454" s="52" t="s">
        <v>2260</v>
      </c>
      <c r="P454" s="52"/>
      <c r="Q454" s="52"/>
      <c r="R454" s="52"/>
      <c r="S454" s="52"/>
      <c r="T454" s="52"/>
      <c r="U454" s="52"/>
      <c r="V454" s="52"/>
      <c r="W454" s="52"/>
    </row>
    <row r="455" spans="1:23" hidden="1" x14ac:dyDescent="0.35">
      <c r="A455" s="52" t="s">
        <v>78</v>
      </c>
      <c r="B455" s="52" t="s">
        <v>79</v>
      </c>
      <c r="C455" s="3">
        <v>20</v>
      </c>
      <c r="D455" s="52" t="s">
        <v>2024</v>
      </c>
      <c r="E455" s="52" t="s">
        <v>26</v>
      </c>
      <c r="F455" s="52" t="s">
        <v>81</v>
      </c>
      <c r="G455" s="52" t="s">
        <v>82</v>
      </c>
      <c r="H455" s="4">
        <v>1</v>
      </c>
      <c r="I455" s="2">
        <v>14.65</v>
      </c>
      <c r="J455" s="52" t="s">
        <v>2937</v>
      </c>
      <c r="K455" s="71" t="s">
        <v>2938</v>
      </c>
      <c r="L455" s="52" t="s">
        <v>2063</v>
      </c>
      <c r="M455" s="72">
        <v>619</v>
      </c>
      <c r="N455" s="52" t="s">
        <v>2066</v>
      </c>
      <c r="O455" s="52" t="s">
        <v>2067</v>
      </c>
      <c r="P455" s="52"/>
      <c r="Q455" s="52"/>
      <c r="R455" s="52"/>
      <c r="S455" s="52"/>
      <c r="T455" s="52"/>
      <c r="U455" s="52"/>
      <c r="V455" s="52"/>
      <c r="W455" s="52"/>
    </row>
    <row r="456" spans="1:23" hidden="1" x14ac:dyDescent="0.35">
      <c r="A456" s="52" t="s">
        <v>78</v>
      </c>
      <c r="B456" s="52" t="s">
        <v>79</v>
      </c>
      <c r="C456" s="3">
        <v>10</v>
      </c>
      <c r="D456" s="52" t="s">
        <v>2022</v>
      </c>
      <c r="E456" s="52" t="s">
        <v>26</v>
      </c>
      <c r="F456" s="52" t="s">
        <v>81</v>
      </c>
      <c r="G456" s="52" t="s">
        <v>82</v>
      </c>
      <c r="H456" s="4">
        <v>1</v>
      </c>
      <c r="I456" s="2">
        <v>14.65</v>
      </c>
      <c r="J456" s="52" t="s">
        <v>2939</v>
      </c>
      <c r="K456" s="71" t="s">
        <v>2940</v>
      </c>
      <c r="L456" s="52" t="s">
        <v>2063</v>
      </c>
      <c r="M456" s="72">
        <v>7747</v>
      </c>
      <c r="N456" s="52" t="s">
        <v>2158</v>
      </c>
      <c r="O456" s="52" t="s">
        <v>2159</v>
      </c>
      <c r="P456" s="52"/>
      <c r="Q456" s="52"/>
      <c r="R456" s="52"/>
      <c r="S456" s="52"/>
      <c r="T456" s="52"/>
      <c r="U456" s="52"/>
      <c r="V456" s="52"/>
      <c r="W456" s="52"/>
    </row>
    <row r="457" spans="1:23" hidden="1" x14ac:dyDescent="0.35">
      <c r="A457" s="52" t="s">
        <v>78</v>
      </c>
      <c r="B457" s="52" t="s">
        <v>79</v>
      </c>
      <c r="C457" s="3">
        <v>10</v>
      </c>
      <c r="D457" s="52" t="s">
        <v>80</v>
      </c>
      <c r="E457" s="52" t="s">
        <v>26</v>
      </c>
      <c r="F457" s="52" t="s">
        <v>81</v>
      </c>
      <c r="G457" s="52" t="s">
        <v>82</v>
      </c>
      <c r="H457" s="4">
        <v>1</v>
      </c>
      <c r="I457" s="2">
        <v>14.65</v>
      </c>
      <c r="J457" s="52" t="s">
        <v>2862</v>
      </c>
      <c r="K457" s="71" t="s">
        <v>2941</v>
      </c>
      <c r="L457" s="52" t="s">
        <v>2063</v>
      </c>
      <c r="M457" s="72">
        <v>2755</v>
      </c>
      <c r="N457" s="52"/>
      <c r="O457" s="52"/>
      <c r="P457" s="52"/>
      <c r="Q457" s="52"/>
      <c r="R457" s="52"/>
      <c r="S457" s="52"/>
      <c r="T457" s="52"/>
      <c r="U457" s="52"/>
      <c r="V457" s="52"/>
      <c r="W457" s="52"/>
    </row>
    <row r="458" spans="1:23" hidden="1" x14ac:dyDescent="0.35">
      <c r="A458" s="52" t="s">
        <v>78</v>
      </c>
      <c r="B458" s="52" t="s">
        <v>79</v>
      </c>
      <c r="C458" s="3">
        <v>20</v>
      </c>
      <c r="D458" s="52" t="s">
        <v>86</v>
      </c>
      <c r="E458" s="52" t="s">
        <v>26</v>
      </c>
      <c r="F458" s="52" t="s">
        <v>81</v>
      </c>
      <c r="G458" s="52" t="s">
        <v>82</v>
      </c>
      <c r="H458" s="4">
        <v>1</v>
      </c>
      <c r="I458" s="2">
        <v>14.65</v>
      </c>
      <c r="J458" s="52" t="s">
        <v>2524</v>
      </c>
      <c r="K458" s="71" t="s">
        <v>2942</v>
      </c>
      <c r="L458" s="52" t="s">
        <v>2063</v>
      </c>
      <c r="M458" s="72">
        <v>6867</v>
      </c>
      <c r="N458" s="52"/>
      <c r="O458" s="52"/>
      <c r="P458" s="52"/>
      <c r="Q458" s="52"/>
      <c r="R458" s="52"/>
      <c r="S458" s="52"/>
      <c r="T458" s="52"/>
      <c r="U458" s="52"/>
      <c r="V458" s="52"/>
      <c r="W458" s="52"/>
    </row>
    <row r="459" spans="1:23" hidden="1" x14ac:dyDescent="0.35">
      <c r="A459" s="52" t="s">
        <v>78</v>
      </c>
      <c r="B459" s="52" t="s">
        <v>79</v>
      </c>
      <c r="C459" s="3">
        <v>20</v>
      </c>
      <c r="D459" s="52" t="s">
        <v>2020</v>
      </c>
      <c r="E459" s="52" t="s">
        <v>26</v>
      </c>
      <c r="F459" s="52" t="s">
        <v>81</v>
      </c>
      <c r="G459" s="52" t="s">
        <v>82</v>
      </c>
      <c r="H459" s="4">
        <v>1</v>
      </c>
      <c r="I459" s="2">
        <v>14.65</v>
      </c>
      <c r="J459" s="52" t="s">
        <v>2943</v>
      </c>
      <c r="K459" s="71" t="s">
        <v>2944</v>
      </c>
      <c r="L459" s="52" t="s">
        <v>2063</v>
      </c>
      <c r="M459" s="72">
        <v>6741</v>
      </c>
      <c r="N459" s="52" t="s">
        <v>2066</v>
      </c>
      <c r="O459" s="52" t="s">
        <v>2067</v>
      </c>
      <c r="P459" s="52"/>
      <c r="Q459" s="52"/>
      <c r="R459" s="52"/>
      <c r="S459" s="52"/>
      <c r="T459" s="52"/>
      <c r="U459" s="52"/>
      <c r="V459" s="52"/>
      <c r="W459" s="52"/>
    </row>
    <row r="460" spans="1:23" hidden="1" x14ac:dyDescent="0.35">
      <c r="A460" s="52" t="s">
        <v>78</v>
      </c>
      <c r="B460" s="52" t="s">
        <v>79</v>
      </c>
      <c r="C460" s="3">
        <v>20</v>
      </c>
      <c r="D460" s="52" t="s">
        <v>85</v>
      </c>
      <c r="E460" s="52" t="s">
        <v>26</v>
      </c>
      <c r="F460" s="52" t="s">
        <v>81</v>
      </c>
      <c r="G460" s="52" t="s">
        <v>82</v>
      </c>
      <c r="H460" s="4">
        <v>1</v>
      </c>
      <c r="I460" s="2">
        <v>14.65</v>
      </c>
      <c r="J460" s="52" t="s">
        <v>2945</v>
      </c>
      <c r="K460" s="71" t="s">
        <v>2946</v>
      </c>
      <c r="L460" s="52" t="s">
        <v>2063</v>
      </c>
      <c r="M460" s="72">
        <v>5517</v>
      </c>
      <c r="N460" s="52" t="s">
        <v>2072</v>
      </c>
      <c r="O460" s="52" t="s">
        <v>2073</v>
      </c>
      <c r="P460" s="52"/>
      <c r="Q460" s="52"/>
      <c r="R460" s="52"/>
      <c r="S460" s="52"/>
      <c r="T460" s="52"/>
      <c r="U460" s="52"/>
      <c r="V460" s="52"/>
      <c r="W460" s="52"/>
    </row>
    <row r="461" spans="1:23" hidden="1" x14ac:dyDescent="0.35">
      <c r="A461" s="52" t="s">
        <v>78</v>
      </c>
      <c r="B461" s="52" t="s">
        <v>79</v>
      </c>
      <c r="C461" s="3">
        <v>10</v>
      </c>
      <c r="D461" s="52" t="s">
        <v>84</v>
      </c>
      <c r="E461" s="52" t="s">
        <v>26</v>
      </c>
      <c r="F461" s="52" t="s">
        <v>81</v>
      </c>
      <c r="G461" s="52" t="s">
        <v>82</v>
      </c>
      <c r="H461" s="4">
        <v>1</v>
      </c>
      <c r="I461" s="2">
        <v>14.65</v>
      </c>
      <c r="J461" s="52" t="s">
        <v>2947</v>
      </c>
      <c r="K461" s="71" t="s">
        <v>2948</v>
      </c>
      <c r="L461" s="52" t="s">
        <v>2063</v>
      </c>
      <c r="M461" s="72">
        <v>1995</v>
      </c>
      <c r="N461" s="52" t="s">
        <v>2072</v>
      </c>
      <c r="O461" s="52" t="s">
        <v>2073</v>
      </c>
      <c r="P461" s="52"/>
      <c r="Q461" s="52"/>
      <c r="R461" s="52"/>
      <c r="S461" s="52"/>
      <c r="T461" s="52"/>
      <c r="U461" s="52"/>
      <c r="V461" s="52"/>
      <c r="W461" s="52"/>
    </row>
    <row r="462" spans="1:23" hidden="1" x14ac:dyDescent="0.35">
      <c r="A462" s="52" t="s">
        <v>78</v>
      </c>
      <c r="B462" s="52" t="s">
        <v>79</v>
      </c>
      <c r="C462" s="3">
        <v>10</v>
      </c>
      <c r="D462" s="52" t="s">
        <v>83</v>
      </c>
      <c r="E462" s="52" t="s">
        <v>26</v>
      </c>
      <c r="F462" s="52" t="s">
        <v>81</v>
      </c>
      <c r="G462" s="52" t="s">
        <v>82</v>
      </c>
      <c r="H462" s="4">
        <v>1</v>
      </c>
      <c r="I462" s="2">
        <v>14.65</v>
      </c>
      <c r="J462" s="52" t="s">
        <v>2949</v>
      </c>
      <c r="K462" s="71" t="s">
        <v>2950</v>
      </c>
      <c r="L462" s="52" t="s">
        <v>2063</v>
      </c>
      <c r="M462" s="72">
        <v>3789</v>
      </c>
      <c r="N462" s="52" t="s">
        <v>2066</v>
      </c>
      <c r="O462" s="52" t="s">
        <v>2067</v>
      </c>
      <c r="P462" s="52"/>
      <c r="Q462" s="52"/>
      <c r="R462" s="52"/>
      <c r="S462" s="52"/>
      <c r="T462" s="52"/>
      <c r="U462" s="52"/>
      <c r="V462" s="52"/>
      <c r="W462" s="52"/>
    </row>
    <row r="463" spans="1:23" hidden="1" x14ac:dyDescent="0.35">
      <c r="A463" s="52" t="s">
        <v>78</v>
      </c>
      <c r="B463" s="52" t="s">
        <v>79</v>
      </c>
      <c r="C463" s="3">
        <v>10</v>
      </c>
      <c r="D463" s="52" t="s">
        <v>86</v>
      </c>
      <c r="E463" s="52" t="s">
        <v>26</v>
      </c>
      <c r="F463" s="52" t="s">
        <v>81</v>
      </c>
      <c r="G463" s="52" t="s">
        <v>82</v>
      </c>
      <c r="H463" s="4">
        <v>1</v>
      </c>
      <c r="I463" s="2">
        <v>14.65</v>
      </c>
      <c r="J463" s="52" t="s">
        <v>2951</v>
      </c>
      <c r="K463" s="71" t="s">
        <v>2952</v>
      </c>
      <c r="L463" s="52" t="s">
        <v>2063</v>
      </c>
      <c r="M463" s="72">
        <v>2540</v>
      </c>
      <c r="N463" s="52" t="s">
        <v>2066</v>
      </c>
      <c r="O463" s="52" t="s">
        <v>2067</v>
      </c>
      <c r="P463" s="52" t="s">
        <v>2076</v>
      </c>
      <c r="Q463" s="52" t="s">
        <v>2077</v>
      </c>
      <c r="R463" s="52"/>
      <c r="S463" s="52"/>
      <c r="T463" s="52"/>
      <c r="U463" s="52"/>
      <c r="V463" s="52"/>
      <c r="W463" s="52"/>
    </row>
    <row r="464" spans="1:23" x14ac:dyDescent="0.35">
      <c r="A464" s="52" t="s">
        <v>78</v>
      </c>
      <c r="B464" s="52" t="s">
        <v>79</v>
      </c>
      <c r="C464" s="3">
        <v>211</v>
      </c>
      <c r="D464" s="52" t="s">
        <v>80</v>
      </c>
      <c r="E464" s="52" t="s">
        <v>26</v>
      </c>
      <c r="F464" s="52" t="s">
        <v>81</v>
      </c>
      <c r="G464" s="52" t="s">
        <v>82</v>
      </c>
      <c r="H464" s="4">
        <v>1</v>
      </c>
      <c r="I464" s="2">
        <v>14.65</v>
      </c>
      <c r="J464" s="52" t="s">
        <v>2911</v>
      </c>
      <c r="K464" s="71" t="s">
        <v>2953</v>
      </c>
      <c r="L464" s="52" t="s">
        <v>2063</v>
      </c>
      <c r="M464" s="72">
        <v>7671</v>
      </c>
      <c r="N464" s="52" t="s">
        <v>2076</v>
      </c>
      <c r="O464" s="52" t="s">
        <v>2077</v>
      </c>
      <c r="P464" s="52"/>
      <c r="Q464" s="52"/>
      <c r="R464" s="52"/>
      <c r="S464" s="52"/>
      <c r="T464" s="52"/>
      <c r="U464" s="52"/>
      <c r="V464" s="52"/>
      <c r="W464" s="52"/>
    </row>
    <row r="465" spans="1:23" hidden="1" x14ac:dyDescent="0.35">
      <c r="A465" s="52" t="s">
        <v>78</v>
      </c>
      <c r="B465" s="52" t="s">
        <v>79</v>
      </c>
      <c r="C465" s="3">
        <v>20</v>
      </c>
      <c r="D465" s="52" t="s">
        <v>2022</v>
      </c>
      <c r="E465" s="52" t="s">
        <v>26</v>
      </c>
      <c r="F465" s="52" t="s">
        <v>81</v>
      </c>
      <c r="G465" s="52" t="s">
        <v>82</v>
      </c>
      <c r="H465" s="4">
        <v>1</v>
      </c>
      <c r="I465" s="2">
        <v>14.65</v>
      </c>
      <c r="J465" s="52" t="s">
        <v>2954</v>
      </c>
      <c r="K465" s="71" t="s">
        <v>2955</v>
      </c>
      <c r="L465" s="52" t="s">
        <v>2063</v>
      </c>
      <c r="M465" s="72">
        <v>6122</v>
      </c>
      <c r="N465" s="52" t="s">
        <v>2072</v>
      </c>
      <c r="O465" s="52" t="s">
        <v>2073</v>
      </c>
      <c r="P465" s="52"/>
      <c r="Q465" s="52"/>
      <c r="R465" s="52"/>
      <c r="S465" s="52"/>
      <c r="T465" s="52"/>
      <c r="U465" s="52"/>
      <c r="V465" s="52"/>
      <c r="W465" s="52"/>
    </row>
    <row r="466" spans="1:23" x14ac:dyDescent="0.35">
      <c r="A466" s="52" t="s">
        <v>78</v>
      </c>
      <c r="B466" s="52" t="s">
        <v>79</v>
      </c>
      <c r="C466" s="3">
        <v>20</v>
      </c>
      <c r="D466" s="52" t="s">
        <v>2022</v>
      </c>
      <c r="E466" s="52" t="s">
        <v>26</v>
      </c>
      <c r="F466" s="52" t="s">
        <v>81</v>
      </c>
      <c r="G466" s="52" t="s">
        <v>82</v>
      </c>
      <c r="H466" s="4">
        <v>1</v>
      </c>
      <c r="I466" s="2">
        <v>14.65</v>
      </c>
      <c r="J466" s="52" t="s">
        <v>2843</v>
      </c>
      <c r="K466" s="71" t="s">
        <v>2956</v>
      </c>
      <c r="L466" s="52" t="s">
        <v>2063</v>
      </c>
      <c r="M466" s="72">
        <v>4483</v>
      </c>
      <c r="N466" s="52" t="s">
        <v>2076</v>
      </c>
      <c r="O466" s="52" t="s">
        <v>2077</v>
      </c>
      <c r="P466" s="52"/>
      <c r="Q466" s="52"/>
      <c r="R466" s="52"/>
      <c r="S466" s="52"/>
      <c r="T466" s="52"/>
      <c r="U466" s="52"/>
      <c r="V466" s="52"/>
      <c r="W466" s="52"/>
    </row>
    <row r="467" spans="1:23" hidden="1" x14ac:dyDescent="0.35">
      <c r="A467" s="52" t="s">
        <v>78</v>
      </c>
      <c r="B467" s="52" t="s">
        <v>79</v>
      </c>
      <c r="C467" s="3">
        <v>10</v>
      </c>
      <c r="D467" s="52" t="s">
        <v>84</v>
      </c>
      <c r="E467" s="52" t="s">
        <v>26</v>
      </c>
      <c r="F467" s="52" t="s">
        <v>81</v>
      </c>
      <c r="G467" s="52" t="s">
        <v>82</v>
      </c>
      <c r="H467" s="4">
        <v>1</v>
      </c>
      <c r="I467" s="2">
        <v>14.65</v>
      </c>
      <c r="J467" s="52" t="s">
        <v>2093</v>
      </c>
      <c r="K467" s="71" t="s">
        <v>2957</v>
      </c>
      <c r="L467" s="52" t="s">
        <v>2063</v>
      </c>
      <c r="M467" s="72">
        <v>8698</v>
      </c>
      <c r="N467" s="52" t="s">
        <v>2072</v>
      </c>
      <c r="O467" s="52" t="s">
        <v>2073</v>
      </c>
      <c r="P467" s="52"/>
      <c r="Q467" s="52"/>
      <c r="R467" s="52"/>
      <c r="S467" s="52"/>
      <c r="T467" s="52"/>
      <c r="U467" s="52"/>
      <c r="V467" s="52"/>
      <c r="W467" s="52"/>
    </row>
    <row r="468" spans="1:23" hidden="1" x14ac:dyDescent="0.35">
      <c r="A468" s="52" t="s">
        <v>78</v>
      </c>
      <c r="B468" s="52" t="s">
        <v>79</v>
      </c>
      <c r="C468" s="3">
        <v>10</v>
      </c>
      <c r="D468" s="52" t="s">
        <v>2021</v>
      </c>
      <c r="E468" s="52" t="s">
        <v>26</v>
      </c>
      <c r="F468" s="52" t="s">
        <v>81</v>
      </c>
      <c r="G468" s="52" t="s">
        <v>82</v>
      </c>
      <c r="H468" s="4">
        <v>1</v>
      </c>
      <c r="I468" s="2">
        <v>14.65</v>
      </c>
      <c r="J468" s="52" t="s">
        <v>2144</v>
      </c>
      <c r="K468" s="71" t="s">
        <v>2958</v>
      </c>
      <c r="L468" s="52" t="s">
        <v>2063</v>
      </c>
      <c r="M468" s="72">
        <v>9763</v>
      </c>
      <c r="N468" s="52"/>
      <c r="O468" s="52"/>
      <c r="P468" s="52"/>
      <c r="Q468" s="52"/>
      <c r="R468" s="52"/>
      <c r="S468" s="52"/>
      <c r="T468" s="52"/>
      <c r="U468" s="52"/>
      <c r="V468" s="52"/>
      <c r="W468" s="52"/>
    </row>
    <row r="469" spans="1:23" hidden="1" x14ac:dyDescent="0.35">
      <c r="A469" s="52" t="s">
        <v>78</v>
      </c>
      <c r="B469" s="52" t="s">
        <v>79</v>
      </c>
      <c r="C469" s="3">
        <v>20</v>
      </c>
      <c r="D469" s="52" t="s">
        <v>2022</v>
      </c>
      <c r="E469" s="52" t="s">
        <v>26</v>
      </c>
      <c r="F469" s="52" t="s">
        <v>81</v>
      </c>
      <c r="G469" s="52" t="s">
        <v>82</v>
      </c>
      <c r="H469" s="4">
        <v>1</v>
      </c>
      <c r="I469" s="2">
        <v>14.65</v>
      </c>
      <c r="J469" s="52" t="s">
        <v>2959</v>
      </c>
      <c r="K469" s="71" t="s">
        <v>2960</v>
      </c>
      <c r="L469" s="52" t="s">
        <v>2063</v>
      </c>
      <c r="M469" s="72">
        <v>3245</v>
      </c>
      <c r="N469" s="52"/>
      <c r="O469" s="52"/>
      <c r="P469" s="52"/>
      <c r="Q469" s="52"/>
      <c r="R469" s="52"/>
      <c r="S469" s="52"/>
      <c r="T469" s="52"/>
      <c r="U469" s="52"/>
      <c r="V469" s="52"/>
      <c r="W469" s="52"/>
    </row>
    <row r="470" spans="1:23" hidden="1" x14ac:dyDescent="0.35">
      <c r="A470" s="52" t="s">
        <v>78</v>
      </c>
      <c r="B470" s="52" t="s">
        <v>79</v>
      </c>
      <c r="C470" s="3">
        <v>20</v>
      </c>
      <c r="D470" s="52" t="s">
        <v>2019</v>
      </c>
      <c r="E470" s="52" t="s">
        <v>26</v>
      </c>
      <c r="F470" s="52" t="s">
        <v>81</v>
      </c>
      <c r="G470" s="52" t="s">
        <v>82</v>
      </c>
      <c r="H470" s="4">
        <v>1</v>
      </c>
      <c r="I470" s="2">
        <v>14.65</v>
      </c>
      <c r="J470" s="52" t="s">
        <v>2961</v>
      </c>
      <c r="K470" s="71" t="s">
        <v>2962</v>
      </c>
      <c r="L470" s="52" t="s">
        <v>2063</v>
      </c>
      <c r="M470" s="72">
        <v>3427</v>
      </c>
      <c r="N470" s="52" t="s">
        <v>2304</v>
      </c>
      <c r="O470" s="52" t="s">
        <v>2305</v>
      </c>
      <c r="P470" s="52"/>
      <c r="Q470" s="52"/>
      <c r="R470" s="52"/>
      <c r="S470" s="52"/>
      <c r="T470" s="52"/>
      <c r="U470" s="52"/>
      <c r="V470" s="52"/>
      <c r="W470" s="52"/>
    </row>
    <row r="471" spans="1:23" hidden="1" x14ac:dyDescent="0.35">
      <c r="A471" s="52" t="s">
        <v>78</v>
      </c>
      <c r="B471" s="52" t="s">
        <v>79</v>
      </c>
      <c r="C471" s="3">
        <v>211</v>
      </c>
      <c r="D471" s="52" t="s">
        <v>87</v>
      </c>
      <c r="E471" s="52" t="s">
        <v>26</v>
      </c>
      <c r="F471" s="52" t="s">
        <v>81</v>
      </c>
      <c r="G471" s="52" t="s">
        <v>82</v>
      </c>
      <c r="H471" s="4">
        <v>1</v>
      </c>
      <c r="I471" s="2">
        <v>14.65</v>
      </c>
      <c r="J471" s="52" t="s">
        <v>2963</v>
      </c>
      <c r="K471" s="71" t="s">
        <v>2964</v>
      </c>
      <c r="L471" s="52" t="s">
        <v>2063</v>
      </c>
      <c r="M471" s="72">
        <v>1502</v>
      </c>
      <c r="N471" s="52" t="s">
        <v>2158</v>
      </c>
      <c r="O471" s="52" t="s">
        <v>2159</v>
      </c>
      <c r="P471" s="52"/>
      <c r="Q471" s="52"/>
      <c r="R471" s="52"/>
      <c r="S471" s="52"/>
      <c r="T471" s="52"/>
      <c r="U471" s="52"/>
      <c r="V471" s="52"/>
      <c r="W471" s="52"/>
    </row>
    <row r="472" spans="1:23" hidden="1" x14ac:dyDescent="0.35">
      <c r="A472" s="52" t="s">
        <v>78</v>
      </c>
      <c r="B472" s="52" t="s">
        <v>79</v>
      </c>
      <c r="C472" s="3">
        <v>211</v>
      </c>
      <c r="D472" s="52" t="s">
        <v>2021</v>
      </c>
      <c r="E472" s="52" t="s">
        <v>26</v>
      </c>
      <c r="F472" s="52" t="s">
        <v>81</v>
      </c>
      <c r="G472" s="52" t="s">
        <v>82</v>
      </c>
      <c r="H472" s="4">
        <v>1</v>
      </c>
      <c r="I472" s="2">
        <v>14.65</v>
      </c>
      <c r="J472" s="52" t="s">
        <v>2965</v>
      </c>
      <c r="K472" s="71" t="s">
        <v>2966</v>
      </c>
      <c r="L472" s="52" t="s">
        <v>2063</v>
      </c>
      <c r="M472" s="72">
        <v>4065</v>
      </c>
      <c r="N472" s="52"/>
      <c r="O472" s="52"/>
      <c r="P472" s="52"/>
      <c r="Q472" s="52"/>
      <c r="R472" s="52"/>
      <c r="S472" s="52"/>
      <c r="T472" s="52"/>
      <c r="U472" s="52"/>
      <c r="V472" s="52"/>
      <c r="W472" s="52"/>
    </row>
    <row r="473" spans="1:23" hidden="1" x14ac:dyDescent="0.35">
      <c r="A473" s="52" t="s">
        <v>78</v>
      </c>
      <c r="B473" s="52" t="s">
        <v>79</v>
      </c>
      <c r="C473" s="3">
        <v>20</v>
      </c>
      <c r="D473" s="52" t="s">
        <v>2023</v>
      </c>
      <c r="E473" s="52" t="s">
        <v>26</v>
      </c>
      <c r="F473" s="52" t="s">
        <v>81</v>
      </c>
      <c r="G473" s="52" t="s">
        <v>82</v>
      </c>
      <c r="H473" s="4">
        <v>1</v>
      </c>
      <c r="I473" s="2">
        <v>14.65</v>
      </c>
      <c r="J473" s="52" t="s">
        <v>2967</v>
      </c>
      <c r="K473" s="71" t="s">
        <v>2968</v>
      </c>
      <c r="L473" s="52" t="s">
        <v>2063</v>
      </c>
      <c r="M473" s="72">
        <v>5151</v>
      </c>
      <c r="N473" s="52"/>
      <c r="O473" s="52"/>
      <c r="P473" s="52"/>
      <c r="Q473" s="52"/>
      <c r="R473" s="52"/>
      <c r="S473" s="52"/>
      <c r="T473" s="52"/>
      <c r="U473" s="52"/>
      <c r="V473" s="52"/>
      <c r="W473" s="52"/>
    </row>
    <row r="474" spans="1:23" hidden="1" x14ac:dyDescent="0.35">
      <c r="A474" s="52" t="s">
        <v>78</v>
      </c>
      <c r="B474" s="52" t="s">
        <v>79</v>
      </c>
      <c r="C474" s="3">
        <v>20</v>
      </c>
      <c r="D474" s="52" t="s">
        <v>2020</v>
      </c>
      <c r="E474" s="52" t="s">
        <v>26</v>
      </c>
      <c r="F474" s="52" t="s">
        <v>81</v>
      </c>
      <c r="G474" s="52" t="s">
        <v>82</v>
      </c>
      <c r="H474" s="4">
        <v>1</v>
      </c>
      <c r="I474" s="2">
        <v>14.65</v>
      </c>
      <c r="J474" s="52" t="s">
        <v>2969</v>
      </c>
      <c r="K474" s="71" t="s">
        <v>2970</v>
      </c>
      <c r="L474" s="52" t="s">
        <v>2063</v>
      </c>
      <c r="M474" s="72">
        <v>6763</v>
      </c>
      <c r="N474" s="52" t="s">
        <v>2072</v>
      </c>
      <c r="O474" s="52" t="s">
        <v>2073</v>
      </c>
      <c r="P474" s="52"/>
      <c r="Q474" s="52"/>
      <c r="R474" s="52"/>
      <c r="S474" s="52"/>
      <c r="T474" s="52"/>
      <c r="U474" s="52"/>
      <c r="V474" s="52"/>
      <c r="W474" s="52"/>
    </row>
    <row r="475" spans="1:23" hidden="1" x14ac:dyDescent="0.35">
      <c r="A475" s="52" t="s">
        <v>78</v>
      </c>
      <c r="B475" s="52" t="s">
        <v>79</v>
      </c>
      <c r="C475" s="3">
        <v>20</v>
      </c>
      <c r="D475" s="52" t="s">
        <v>2024</v>
      </c>
      <c r="E475" s="52" t="s">
        <v>26</v>
      </c>
      <c r="F475" s="52" t="s">
        <v>81</v>
      </c>
      <c r="G475" s="52" t="s">
        <v>82</v>
      </c>
      <c r="H475" s="4">
        <v>1</v>
      </c>
      <c r="I475" s="2">
        <v>14.65</v>
      </c>
      <c r="J475" s="52" t="s">
        <v>2971</v>
      </c>
      <c r="K475" s="71" t="s">
        <v>2972</v>
      </c>
      <c r="L475" s="52" t="s">
        <v>2063</v>
      </c>
      <c r="M475" s="72">
        <v>9611</v>
      </c>
      <c r="N475" s="52"/>
      <c r="O475" s="52"/>
      <c r="P475" s="52"/>
      <c r="Q475" s="52"/>
      <c r="R475" s="52"/>
      <c r="S475" s="52"/>
      <c r="T475" s="52"/>
      <c r="U475" s="52"/>
      <c r="V475" s="52"/>
      <c r="W475" s="52"/>
    </row>
    <row r="476" spans="1:23" hidden="1" x14ac:dyDescent="0.35">
      <c r="A476" s="52" t="s">
        <v>78</v>
      </c>
      <c r="B476" s="52" t="s">
        <v>79</v>
      </c>
      <c r="C476" s="3">
        <v>10</v>
      </c>
      <c r="D476" s="52" t="s">
        <v>83</v>
      </c>
      <c r="E476" s="52" t="s">
        <v>26</v>
      </c>
      <c r="F476" s="52" t="s">
        <v>81</v>
      </c>
      <c r="G476" s="52" t="s">
        <v>82</v>
      </c>
      <c r="H476" s="4">
        <v>1</v>
      </c>
      <c r="I476" s="2">
        <v>14.65</v>
      </c>
      <c r="J476" s="52" t="s">
        <v>2973</v>
      </c>
      <c r="K476" s="71" t="s">
        <v>2974</v>
      </c>
      <c r="L476" s="52" t="s">
        <v>2063</v>
      </c>
      <c r="M476" s="72">
        <v>8449</v>
      </c>
      <c r="N476" s="52"/>
      <c r="O476" s="52"/>
      <c r="P476" s="52"/>
      <c r="Q476" s="52"/>
      <c r="R476" s="52"/>
      <c r="S476" s="52"/>
      <c r="T476" s="52"/>
      <c r="U476" s="52"/>
      <c r="V476" s="52"/>
      <c r="W476" s="52"/>
    </row>
    <row r="477" spans="1:23" hidden="1" x14ac:dyDescent="0.35">
      <c r="A477" s="52" t="s">
        <v>78</v>
      </c>
      <c r="B477" s="52" t="s">
        <v>79</v>
      </c>
      <c r="C477" s="3">
        <v>20</v>
      </c>
      <c r="D477" s="52" t="s">
        <v>87</v>
      </c>
      <c r="E477" s="52" t="s">
        <v>26</v>
      </c>
      <c r="F477" s="52" t="s">
        <v>81</v>
      </c>
      <c r="G477" s="52" t="s">
        <v>82</v>
      </c>
      <c r="H477" s="4">
        <v>1</v>
      </c>
      <c r="I477" s="2">
        <v>14.65</v>
      </c>
      <c r="J477" s="52" t="s">
        <v>2975</v>
      </c>
      <c r="K477" s="71" t="s">
        <v>2976</v>
      </c>
      <c r="L477" s="52" t="s">
        <v>2063</v>
      </c>
      <c r="M477" s="72">
        <v>2568</v>
      </c>
      <c r="N477" s="52" t="s">
        <v>2066</v>
      </c>
      <c r="O477" s="52" t="s">
        <v>2067</v>
      </c>
      <c r="P477" s="52"/>
      <c r="Q477" s="52"/>
      <c r="R477" s="52"/>
      <c r="S477" s="52"/>
      <c r="T477" s="52"/>
      <c r="U477" s="52"/>
      <c r="V477" s="52"/>
      <c r="W477" s="52"/>
    </row>
    <row r="478" spans="1:23" hidden="1" x14ac:dyDescent="0.35">
      <c r="A478" s="52" t="s">
        <v>78</v>
      </c>
      <c r="B478" s="52" t="s">
        <v>79</v>
      </c>
      <c r="C478" s="3">
        <v>10</v>
      </c>
      <c r="D478" s="52" t="s">
        <v>2021</v>
      </c>
      <c r="E478" s="52" t="s">
        <v>26</v>
      </c>
      <c r="F478" s="52" t="s">
        <v>81</v>
      </c>
      <c r="G478" s="52" t="s">
        <v>82</v>
      </c>
      <c r="H478" s="4">
        <v>1</v>
      </c>
      <c r="I478" s="2">
        <v>14.65</v>
      </c>
      <c r="J478" s="52" t="s">
        <v>2199</v>
      </c>
      <c r="K478" s="71" t="s">
        <v>2977</v>
      </c>
      <c r="L478" s="52" t="s">
        <v>2063</v>
      </c>
      <c r="M478" s="72">
        <v>1755</v>
      </c>
      <c r="N478" s="52" t="s">
        <v>2072</v>
      </c>
      <c r="O478" s="52" t="s">
        <v>2073</v>
      </c>
      <c r="P478" s="52"/>
      <c r="Q478" s="52"/>
      <c r="R478" s="52"/>
      <c r="S478" s="52"/>
      <c r="T478" s="52"/>
      <c r="U478" s="52"/>
      <c r="V478" s="52"/>
      <c r="W478" s="52"/>
    </row>
    <row r="479" spans="1:23" hidden="1" x14ac:dyDescent="0.35">
      <c r="A479" s="52" t="s">
        <v>78</v>
      </c>
      <c r="B479" s="52" t="s">
        <v>79</v>
      </c>
      <c r="C479" s="3">
        <v>20</v>
      </c>
      <c r="D479" s="52" t="s">
        <v>80</v>
      </c>
      <c r="E479" s="52" t="s">
        <v>26</v>
      </c>
      <c r="F479" s="52" t="s">
        <v>81</v>
      </c>
      <c r="G479" s="52" t="s">
        <v>82</v>
      </c>
      <c r="H479" s="4">
        <v>1</v>
      </c>
      <c r="I479" s="2">
        <v>14.65</v>
      </c>
      <c r="J479" s="52" t="s">
        <v>2061</v>
      </c>
      <c r="K479" s="71" t="s">
        <v>2978</v>
      </c>
      <c r="L479" s="52" t="s">
        <v>2063</v>
      </c>
      <c r="M479" s="72">
        <v>729</v>
      </c>
      <c r="N479" s="52"/>
      <c r="O479" s="52"/>
      <c r="P479" s="52"/>
      <c r="Q479" s="52"/>
      <c r="R479" s="52"/>
      <c r="S479" s="52"/>
      <c r="T479" s="52"/>
      <c r="U479" s="52"/>
      <c r="V479" s="52"/>
      <c r="W479" s="52"/>
    </row>
    <row r="480" spans="1:23" hidden="1" x14ac:dyDescent="0.35">
      <c r="A480" s="52" t="s">
        <v>78</v>
      </c>
      <c r="B480" s="52" t="s">
        <v>79</v>
      </c>
      <c r="C480" s="3">
        <v>20</v>
      </c>
      <c r="D480" s="52" t="s">
        <v>2022</v>
      </c>
      <c r="E480" s="52" t="s">
        <v>26</v>
      </c>
      <c r="F480" s="52" t="s">
        <v>81</v>
      </c>
      <c r="G480" s="52" t="s">
        <v>82</v>
      </c>
      <c r="H480" s="4">
        <v>1</v>
      </c>
      <c r="I480" s="2">
        <v>14.65</v>
      </c>
      <c r="J480" s="52" t="s">
        <v>2979</v>
      </c>
      <c r="K480" s="71" t="s">
        <v>2980</v>
      </c>
      <c r="L480" s="52" t="s">
        <v>2063</v>
      </c>
      <c r="M480" s="72">
        <v>886</v>
      </c>
      <c r="N480" s="52"/>
      <c r="O480" s="52"/>
      <c r="P480" s="52"/>
      <c r="Q480" s="52"/>
      <c r="R480" s="52"/>
      <c r="S480" s="52"/>
      <c r="T480" s="52"/>
      <c r="U480" s="52"/>
      <c r="V480" s="52"/>
      <c r="W480" s="52"/>
    </row>
    <row r="481" spans="1:23" x14ac:dyDescent="0.35">
      <c r="A481" s="52" t="s">
        <v>78</v>
      </c>
      <c r="B481" s="52" t="s">
        <v>79</v>
      </c>
      <c r="C481" s="3">
        <v>20</v>
      </c>
      <c r="D481" s="52" t="s">
        <v>80</v>
      </c>
      <c r="E481" s="52" t="s">
        <v>26</v>
      </c>
      <c r="F481" s="52" t="s">
        <v>81</v>
      </c>
      <c r="G481" s="52" t="s">
        <v>82</v>
      </c>
      <c r="H481" s="4">
        <v>1</v>
      </c>
      <c r="I481" s="2">
        <v>14.65</v>
      </c>
      <c r="J481" s="52" t="s">
        <v>2981</v>
      </c>
      <c r="K481" s="71" t="s">
        <v>2982</v>
      </c>
      <c r="L481" s="52" t="s">
        <v>2063</v>
      </c>
      <c r="M481" s="72">
        <v>2907</v>
      </c>
      <c r="N481" s="52" t="s">
        <v>2076</v>
      </c>
      <c r="O481" s="52" t="s">
        <v>2077</v>
      </c>
      <c r="P481" s="52"/>
      <c r="Q481" s="52"/>
      <c r="R481" s="52"/>
      <c r="S481" s="52"/>
      <c r="T481" s="52"/>
      <c r="U481" s="52"/>
      <c r="V481" s="52"/>
      <c r="W481" s="52"/>
    </row>
    <row r="482" spans="1:23" hidden="1" x14ac:dyDescent="0.35">
      <c r="A482" s="52" t="s">
        <v>78</v>
      </c>
      <c r="B482" s="52" t="s">
        <v>79</v>
      </c>
      <c r="C482" s="3">
        <v>10</v>
      </c>
      <c r="D482" s="52" t="s">
        <v>2021</v>
      </c>
      <c r="E482" s="52" t="s">
        <v>26</v>
      </c>
      <c r="F482" s="52" t="s">
        <v>81</v>
      </c>
      <c r="G482" s="52" t="s">
        <v>82</v>
      </c>
      <c r="H482" s="4">
        <v>1</v>
      </c>
      <c r="I482" s="2">
        <v>14.65</v>
      </c>
      <c r="J482" s="52" t="s">
        <v>2983</v>
      </c>
      <c r="K482" s="71" t="s">
        <v>2984</v>
      </c>
      <c r="L482" s="52" t="s">
        <v>2063</v>
      </c>
      <c r="M482" s="72">
        <v>7041</v>
      </c>
      <c r="N482" s="52"/>
      <c r="O482" s="52"/>
      <c r="P482" s="52"/>
      <c r="Q482" s="52"/>
      <c r="R482" s="52"/>
      <c r="S482" s="52"/>
      <c r="T482" s="52"/>
      <c r="U482" s="52"/>
      <c r="V482" s="52"/>
      <c r="W482" s="52"/>
    </row>
    <row r="483" spans="1:23" hidden="1" x14ac:dyDescent="0.35">
      <c r="A483" s="52" t="s">
        <v>78</v>
      </c>
      <c r="B483" s="52" t="s">
        <v>79</v>
      </c>
      <c r="C483" s="3">
        <v>20</v>
      </c>
      <c r="D483" s="52" t="s">
        <v>2024</v>
      </c>
      <c r="E483" s="52" t="s">
        <v>26</v>
      </c>
      <c r="F483" s="52" t="s">
        <v>81</v>
      </c>
      <c r="G483" s="52" t="s">
        <v>82</v>
      </c>
      <c r="H483" s="4">
        <v>1</v>
      </c>
      <c r="I483" s="2">
        <v>14.65</v>
      </c>
      <c r="J483" s="52" t="s">
        <v>2985</v>
      </c>
      <c r="K483" s="71" t="s">
        <v>2986</v>
      </c>
      <c r="L483" s="52" t="s">
        <v>2063</v>
      </c>
      <c r="M483" s="72">
        <v>9907</v>
      </c>
      <c r="N483" s="52" t="s">
        <v>2072</v>
      </c>
      <c r="O483" s="52" t="s">
        <v>2073</v>
      </c>
      <c r="P483" s="52"/>
      <c r="Q483" s="52"/>
      <c r="R483" s="52"/>
      <c r="S483" s="52"/>
      <c r="T483" s="52"/>
      <c r="U483" s="52"/>
      <c r="V483" s="52"/>
      <c r="W483" s="52"/>
    </row>
    <row r="484" spans="1:23" hidden="1" x14ac:dyDescent="0.35">
      <c r="A484" s="52" t="s">
        <v>78</v>
      </c>
      <c r="B484" s="52" t="s">
        <v>79</v>
      </c>
      <c r="C484" s="3">
        <v>10</v>
      </c>
      <c r="D484" s="52" t="s">
        <v>2020</v>
      </c>
      <c r="E484" s="52" t="s">
        <v>26</v>
      </c>
      <c r="F484" s="52" t="s">
        <v>81</v>
      </c>
      <c r="G484" s="52" t="s">
        <v>82</v>
      </c>
      <c r="H484" s="4">
        <v>1</v>
      </c>
      <c r="I484" s="2">
        <v>14.65</v>
      </c>
      <c r="J484" s="52" t="s">
        <v>2987</v>
      </c>
      <c r="K484" s="71" t="s">
        <v>2988</v>
      </c>
      <c r="L484" s="52" t="s">
        <v>2063</v>
      </c>
      <c r="M484" s="72">
        <v>1486</v>
      </c>
      <c r="N484" s="52"/>
      <c r="O484" s="52"/>
      <c r="P484" s="52"/>
      <c r="Q484" s="52"/>
      <c r="R484" s="52"/>
      <c r="S484" s="52"/>
      <c r="T484" s="52"/>
      <c r="U484" s="52"/>
      <c r="V484" s="52"/>
      <c r="W484" s="52"/>
    </row>
    <row r="485" spans="1:23" hidden="1" x14ac:dyDescent="0.35">
      <c r="A485" s="52" t="s">
        <v>78</v>
      </c>
      <c r="B485" s="52" t="s">
        <v>79</v>
      </c>
      <c r="C485" s="3">
        <v>20</v>
      </c>
      <c r="D485" s="52" t="s">
        <v>86</v>
      </c>
      <c r="E485" s="52" t="s">
        <v>26</v>
      </c>
      <c r="F485" s="52" t="s">
        <v>81</v>
      </c>
      <c r="G485" s="52" t="s">
        <v>82</v>
      </c>
      <c r="H485" s="4">
        <v>1</v>
      </c>
      <c r="I485" s="2">
        <v>14.65</v>
      </c>
      <c r="J485" s="52" t="s">
        <v>2989</v>
      </c>
      <c r="K485" s="71" t="s">
        <v>2990</v>
      </c>
      <c r="L485" s="52" t="s">
        <v>2063</v>
      </c>
      <c r="M485" s="72">
        <v>1990</v>
      </c>
      <c r="N485" s="52" t="s">
        <v>2072</v>
      </c>
      <c r="O485" s="52" t="s">
        <v>2073</v>
      </c>
      <c r="P485" s="52"/>
      <c r="Q485" s="52"/>
      <c r="R485" s="52"/>
      <c r="S485" s="52"/>
      <c r="T485" s="52"/>
      <c r="U485" s="52"/>
      <c r="V485" s="52"/>
      <c r="W485" s="52"/>
    </row>
    <row r="486" spans="1:23" hidden="1" x14ac:dyDescent="0.35">
      <c r="A486" s="52" t="s">
        <v>78</v>
      </c>
      <c r="B486" s="52" t="s">
        <v>79</v>
      </c>
      <c r="C486" s="3">
        <v>10</v>
      </c>
      <c r="D486" s="52" t="s">
        <v>2023</v>
      </c>
      <c r="E486" s="52" t="s">
        <v>26</v>
      </c>
      <c r="F486" s="52" t="s">
        <v>81</v>
      </c>
      <c r="G486" s="52" t="s">
        <v>82</v>
      </c>
      <c r="H486" s="4">
        <v>1</v>
      </c>
      <c r="I486" s="2">
        <v>14.65</v>
      </c>
      <c r="J486" s="52" t="s">
        <v>2991</v>
      </c>
      <c r="K486" s="71" t="s">
        <v>2992</v>
      </c>
      <c r="L486" s="52" t="s">
        <v>2063</v>
      </c>
      <c r="M486" s="72">
        <v>5857</v>
      </c>
      <c r="N486" s="52" t="s">
        <v>2072</v>
      </c>
      <c r="O486" s="52" t="s">
        <v>2073</v>
      </c>
      <c r="P486" s="52"/>
      <c r="Q486" s="52"/>
      <c r="R486" s="52"/>
      <c r="S486" s="52"/>
      <c r="T486" s="52"/>
      <c r="U486" s="52"/>
      <c r="V486" s="52"/>
      <c r="W486" s="52"/>
    </row>
    <row r="487" spans="1:23" hidden="1" x14ac:dyDescent="0.35">
      <c r="A487" s="52" t="s">
        <v>78</v>
      </c>
      <c r="B487" s="52" t="s">
        <v>79</v>
      </c>
      <c r="C487" s="3">
        <v>20</v>
      </c>
      <c r="D487" s="52" t="s">
        <v>2020</v>
      </c>
      <c r="E487" s="52" t="s">
        <v>26</v>
      </c>
      <c r="F487" s="52" t="s">
        <v>81</v>
      </c>
      <c r="G487" s="52" t="s">
        <v>82</v>
      </c>
      <c r="H487" s="4">
        <v>1</v>
      </c>
      <c r="I487" s="2">
        <v>14.65</v>
      </c>
      <c r="J487" s="52" t="s">
        <v>2234</v>
      </c>
      <c r="K487" s="71" t="s">
        <v>2993</v>
      </c>
      <c r="L487" s="52" t="s">
        <v>2063</v>
      </c>
      <c r="M487" s="72">
        <v>9462</v>
      </c>
      <c r="N487" s="52" t="s">
        <v>2066</v>
      </c>
      <c r="O487" s="52" t="s">
        <v>2067</v>
      </c>
      <c r="P487" s="52"/>
      <c r="Q487" s="52"/>
      <c r="R487" s="52"/>
      <c r="S487" s="52"/>
      <c r="T487" s="52"/>
      <c r="U487" s="52"/>
      <c r="V487" s="52"/>
      <c r="W487" s="52"/>
    </row>
    <row r="488" spans="1:23" hidden="1" x14ac:dyDescent="0.35">
      <c r="A488" s="52" t="s">
        <v>78</v>
      </c>
      <c r="B488" s="52" t="s">
        <v>79</v>
      </c>
      <c r="C488" s="3">
        <v>20</v>
      </c>
      <c r="D488" s="52" t="s">
        <v>2022</v>
      </c>
      <c r="E488" s="52" t="s">
        <v>26</v>
      </c>
      <c r="F488" s="52" t="s">
        <v>81</v>
      </c>
      <c r="G488" s="52" t="s">
        <v>82</v>
      </c>
      <c r="H488" s="4">
        <v>1</v>
      </c>
      <c r="I488" s="2">
        <v>14.65</v>
      </c>
      <c r="J488" s="52" t="s">
        <v>2994</v>
      </c>
      <c r="K488" s="71" t="s">
        <v>2995</v>
      </c>
      <c r="L488" s="52" t="s">
        <v>2063</v>
      </c>
      <c r="M488" s="72">
        <v>1625</v>
      </c>
      <c r="N488" s="52" t="s">
        <v>2072</v>
      </c>
      <c r="O488" s="52" t="s">
        <v>2073</v>
      </c>
      <c r="P488" s="52"/>
      <c r="Q488" s="52"/>
      <c r="R488" s="52"/>
      <c r="S488" s="52"/>
      <c r="T488" s="52"/>
      <c r="U488" s="52"/>
      <c r="V488" s="52"/>
      <c r="W488" s="52"/>
    </row>
    <row r="489" spans="1:23" hidden="1" x14ac:dyDescent="0.35">
      <c r="A489" s="52" t="s">
        <v>78</v>
      </c>
      <c r="B489" s="52" t="s">
        <v>79</v>
      </c>
      <c r="C489" s="3">
        <v>10</v>
      </c>
      <c r="D489" s="52" t="s">
        <v>83</v>
      </c>
      <c r="E489" s="52" t="s">
        <v>26</v>
      </c>
      <c r="F489" s="52" t="s">
        <v>81</v>
      </c>
      <c r="G489" s="52" t="s">
        <v>82</v>
      </c>
      <c r="H489" s="4">
        <v>1</v>
      </c>
      <c r="I489" s="2">
        <v>14.65</v>
      </c>
      <c r="J489" s="52" t="s">
        <v>2996</v>
      </c>
      <c r="K489" s="71" t="s">
        <v>2997</v>
      </c>
      <c r="L489" s="52" t="s">
        <v>2063</v>
      </c>
      <c r="M489" s="72">
        <v>5341</v>
      </c>
      <c r="N489" s="52" t="s">
        <v>2066</v>
      </c>
      <c r="O489" s="52" t="s">
        <v>2067</v>
      </c>
      <c r="P489" s="52"/>
      <c r="Q489" s="52"/>
      <c r="R489" s="52"/>
      <c r="S489" s="52"/>
      <c r="T489" s="52"/>
      <c r="U489" s="52"/>
      <c r="V489" s="52"/>
      <c r="W489" s="52"/>
    </row>
    <row r="490" spans="1:23" hidden="1" x14ac:dyDescent="0.35">
      <c r="A490" s="52" t="s">
        <v>78</v>
      </c>
      <c r="B490" s="52" t="s">
        <v>79</v>
      </c>
      <c r="C490" s="3">
        <v>20</v>
      </c>
      <c r="D490" s="52" t="s">
        <v>2021</v>
      </c>
      <c r="E490" s="52" t="s">
        <v>26</v>
      </c>
      <c r="F490" s="52" t="s">
        <v>81</v>
      </c>
      <c r="G490" s="52" t="s">
        <v>82</v>
      </c>
      <c r="H490" s="4">
        <v>1</v>
      </c>
      <c r="I490" s="2">
        <v>14.65</v>
      </c>
      <c r="J490" s="52" t="s">
        <v>2998</v>
      </c>
      <c r="K490" s="71" t="s">
        <v>2999</v>
      </c>
      <c r="L490" s="52" t="s">
        <v>2063</v>
      </c>
      <c r="M490" s="72">
        <v>9473</v>
      </c>
      <c r="N490" s="52" t="s">
        <v>2072</v>
      </c>
      <c r="O490" s="52" t="s">
        <v>2073</v>
      </c>
      <c r="P490" s="52"/>
      <c r="Q490" s="52"/>
      <c r="R490" s="52"/>
      <c r="S490" s="52"/>
      <c r="T490" s="52"/>
      <c r="U490" s="52"/>
      <c r="V490" s="52"/>
      <c r="W490" s="52"/>
    </row>
    <row r="491" spans="1:23" hidden="1" x14ac:dyDescent="0.35">
      <c r="A491" s="52" t="s">
        <v>78</v>
      </c>
      <c r="B491" s="52" t="s">
        <v>79</v>
      </c>
      <c r="C491" s="3">
        <v>20</v>
      </c>
      <c r="D491" s="52" t="s">
        <v>83</v>
      </c>
      <c r="E491" s="52" t="s">
        <v>26</v>
      </c>
      <c r="F491" s="52" t="s">
        <v>81</v>
      </c>
      <c r="G491" s="52" t="s">
        <v>82</v>
      </c>
      <c r="H491" s="4">
        <v>1</v>
      </c>
      <c r="I491" s="2">
        <v>14.65</v>
      </c>
      <c r="J491" s="52" t="s">
        <v>2265</v>
      </c>
      <c r="K491" s="71" t="s">
        <v>3000</v>
      </c>
      <c r="L491" s="52" t="s">
        <v>2063</v>
      </c>
      <c r="M491" s="72">
        <v>8773</v>
      </c>
      <c r="N491" s="52"/>
      <c r="O491" s="52"/>
      <c r="P491" s="52"/>
      <c r="Q491" s="52"/>
      <c r="R491" s="52"/>
      <c r="S491" s="52"/>
      <c r="T491" s="52"/>
      <c r="U491" s="52"/>
      <c r="V491" s="52"/>
      <c r="W491" s="52"/>
    </row>
    <row r="492" spans="1:23" x14ac:dyDescent="0.35">
      <c r="A492" s="52" t="s">
        <v>78</v>
      </c>
      <c r="B492" s="52" t="s">
        <v>79</v>
      </c>
      <c r="C492" s="3">
        <v>20</v>
      </c>
      <c r="D492" s="52" t="s">
        <v>2024</v>
      </c>
      <c r="E492" s="52" t="s">
        <v>26</v>
      </c>
      <c r="F492" s="52" t="s">
        <v>81</v>
      </c>
      <c r="G492" s="52" t="s">
        <v>82</v>
      </c>
      <c r="H492" s="4">
        <v>1</v>
      </c>
      <c r="I492" s="2">
        <v>14.65</v>
      </c>
      <c r="J492" s="52" t="s">
        <v>3001</v>
      </c>
      <c r="K492" s="71" t="s">
        <v>3002</v>
      </c>
      <c r="L492" s="52" t="s">
        <v>2063</v>
      </c>
      <c r="M492" s="72">
        <v>3138</v>
      </c>
      <c r="N492" s="52" t="s">
        <v>2076</v>
      </c>
      <c r="O492" s="52" t="s">
        <v>2077</v>
      </c>
      <c r="P492" s="52"/>
      <c r="Q492" s="52"/>
      <c r="R492" s="52"/>
      <c r="S492" s="52"/>
      <c r="T492" s="52"/>
      <c r="U492" s="52"/>
      <c r="V492" s="52"/>
      <c r="W492" s="52"/>
    </row>
    <row r="493" spans="1:23" hidden="1" x14ac:dyDescent="0.35">
      <c r="A493" s="52" t="s">
        <v>78</v>
      </c>
      <c r="B493" s="52" t="s">
        <v>79</v>
      </c>
      <c r="C493" s="3">
        <v>10</v>
      </c>
      <c r="D493" s="52" t="s">
        <v>2020</v>
      </c>
      <c r="E493" s="52" t="s">
        <v>26</v>
      </c>
      <c r="F493" s="52" t="s">
        <v>81</v>
      </c>
      <c r="G493" s="52" t="s">
        <v>82</v>
      </c>
      <c r="H493" s="4">
        <v>1</v>
      </c>
      <c r="I493" s="2">
        <v>14.65</v>
      </c>
      <c r="J493" s="52" t="s">
        <v>2543</v>
      </c>
      <c r="K493" s="71" t="s">
        <v>3003</v>
      </c>
      <c r="L493" s="52" t="s">
        <v>2095</v>
      </c>
      <c r="M493" s="72">
        <v>3850</v>
      </c>
      <c r="N493" s="52"/>
      <c r="O493" s="52"/>
      <c r="P493" s="52"/>
      <c r="Q493" s="52"/>
      <c r="R493" s="52"/>
      <c r="S493" s="52"/>
      <c r="T493" s="52"/>
      <c r="U493" s="52"/>
      <c r="V493" s="52"/>
      <c r="W493" s="52"/>
    </row>
    <row r="494" spans="1:23" hidden="1" x14ac:dyDescent="0.35">
      <c r="A494" s="52" t="s">
        <v>78</v>
      </c>
      <c r="B494" s="52" t="s">
        <v>79</v>
      </c>
      <c r="C494" s="3">
        <v>20</v>
      </c>
      <c r="D494" s="52" t="s">
        <v>87</v>
      </c>
      <c r="E494" s="52" t="s">
        <v>26</v>
      </c>
      <c r="F494" s="52" t="s">
        <v>81</v>
      </c>
      <c r="G494" s="52" t="s">
        <v>82</v>
      </c>
      <c r="H494" s="4">
        <v>1</v>
      </c>
      <c r="I494" s="2">
        <v>14.65</v>
      </c>
      <c r="J494" s="52" t="s">
        <v>3004</v>
      </c>
      <c r="K494" s="71" t="s">
        <v>3005</v>
      </c>
      <c r="L494" s="52" t="s">
        <v>2063</v>
      </c>
      <c r="M494" s="72">
        <v>5603</v>
      </c>
      <c r="N494" s="52" t="s">
        <v>2066</v>
      </c>
      <c r="O494" s="52" t="s">
        <v>2067</v>
      </c>
      <c r="P494" s="52"/>
      <c r="Q494" s="52"/>
      <c r="R494" s="52"/>
      <c r="S494" s="52"/>
      <c r="T494" s="52"/>
      <c r="U494" s="52"/>
      <c r="V494" s="52"/>
      <c r="W494" s="52"/>
    </row>
    <row r="495" spans="1:23" hidden="1" x14ac:dyDescent="0.35">
      <c r="A495" s="52" t="s">
        <v>78</v>
      </c>
      <c r="B495" s="52" t="s">
        <v>79</v>
      </c>
      <c r="C495" s="3">
        <v>211</v>
      </c>
      <c r="D495" s="52" t="s">
        <v>2024</v>
      </c>
      <c r="E495" s="52" t="s">
        <v>26</v>
      </c>
      <c r="F495" s="52" t="s">
        <v>81</v>
      </c>
      <c r="G495" s="52" t="s">
        <v>82</v>
      </c>
      <c r="H495" s="4">
        <v>1</v>
      </c>
      <c r="I495" s="2">
        <v>14.65</v>
      </c>
      <c r="J495" s="52" t="s">
        <v>3006</v>
      </c>
      <c r="K495" s="71" t="s">
        <v>3007</v>
      </c>
      <c r="L495" s="52" t="s">
        <v>2063</v>
      </c>
      <c r="M495" s="72">
        <v>7551</v>
      </c>
      <c r="N495" s="52"/>
      <c r="O495" s="52"/>
      <c r="P495" s="52"/>
      <c r="Q495" s="52"/>
      <c r="R495" s="52"/>
      <c r="S495" s="52"/>
      <c r="T495" s="52"/>
      <c r="U495" s="52"/>
      <c r="V495" s="52"/>
      <c r="W495" s="52"/>
    </row>
    <row r="496" spans="1:23" hidden="1" x14ac:dyDescent="0.35">
      <c r="A496" s="52" t="s">
        <v>78</v>
      </c>
      <c r="B496" s="52" t="s">
        <v>79</v>
      </c>
      <c r="C496" s="3">
        <v>20</v>
      </c>
      <c r="D496" s="52" t="s">
        <v>86</v>
      </c>
      <c r="E496" s="52" t="s">
        <v>26</v>
      </c>
      <c r="F496" s="52" t="s">
        <v>81</v>
      </c>
      <c r="G496" s="52" t="s">
        <v>82</v>
      </c>
      <c r="H496" s="4">
        <v>1</v>
      </c>
      <c r="I496" s="2">
        <v>14.65</v>
      </c>
      <c r="J496" s="52" t="s">
        <v>3008</v>
      </c>
      <c r="K496" s="71" t="s">
        <v>3009</v>
      </c>
      <c r="L496" s="52" t="s">
        <v>2063</v>
      </c>
      <c r="M496" s="72">
        <v>3152</v>
      </c>
      <c r="N496" s="52" t="s">
        <v>2072</v>
      </c>
      <c r="O496" s="52" t="s">
        <v>2073</v>
      </c>
      <c r="P496" s="52"/>
      <c r="Q496" s="52"/>
      <c r="R496" s="52"/>
      <c r="S496" s="52"/>
      <c r="T496" s="52"/>
      <c r="U496" s="52"/>
      <c r="V496" s="52"/>
      <c r="W496" s="52"/>
    </row>
    <row r="497" spans="1:23" hidden="1" x14ac:dyDescent="0.35">
      <c r="A497" s="52" t="s">
        <v>78</v>
      </c>
      <c r="B497" s="52" t="s">
        <v>79</v>
      </c>
      <c r="C497" s="3">
        <v>20</v>
      </c>
      <c r="D497" s="52" t="s">
        <v>86</v>
      </c>
      <c r="E497" s="52" t="s">
        <v>26</v>
      </c>
      <c r="F497" s="52" t="s">
        <v>81</v>
      </c>
      <c r="G497" s="52" t="s">
        <v>82</v>
      </c>
      <c r="H497" s="4">
        <v>1</v>
      </c>
      <c r="I497" s="2">
        <v>14.65</v>
      </c>
      <c r="J497" s="52" t="s">
        <v>3010</v>
      </c>
      <c r="K497" s="71" t="s">
        <v>3011</v>
      </c>
      <c r="L497" s="52" t="s">
        <v>2063</v>
      </c>
      <c r="M497" s="72">
        <v>7232</v>
      </c>
      <c r="N497" s="52" t="s">
        <v>2072</v>
      </c>
      <c r="O497" s="52" t="s">
        <v>2073</v>
      </c>
      <c r="P497" s="52"/>
      <c r="Q497" s="52"/>
      <c r="R497" s="52"/>
      <c r="S497" s="52"/>
      <c r="T497" s="52"/>
      <c r="U497" s="52"/>
      <c r="V497" s="52"/>
      <c r="W497" s="52"/>
    </row>
    <row r="498" spans="1:23" hidden="1" x14ac:dyDescent="0.35">
      <c r="A498" s="52" t="s">
        <v>78</v>
      </c>
      <c r="B498" s="52" t="s">
        <v>79</v>
      </c>
      <c r="C498" s="3">
        <v>20</v>
      </c>
      <c r="D498" s="52" t="s">
        <v>87</v>
      </c>
      <c r="E498" s="52" t="s">
        <v>26</v>
      </c>
      <c r="F498" s="52" t="s">
        <v>81</v>
      </c>
      <c r="G498" s="52" t="s">
        <v>82</v>
      </c>
      <c r="H498" s="4">
        <v>1</v>
      </c>
      <c r="I498" s="2">
        <v>14.65</v>
      </c>
      <c r="J498" s="52" t="s">
        <v>3012</v>
      </c>
      <c r="K498" s="71" t="s">
        <v>3013</v>
      </c>
      <c r="L498" s="52" t="s">
        <v>2063</v>
      </c>
      <c r="M498" s="72">
        <v>8506</v>
      </c>
      <c r="N498" s="52"/>
      <c r="O498" s="52"/>
      <c r="P498" s="52"/>
      <c r="Q498" s="52"/>
      <c r="R498" s="52"/>
      <c r="S498" s="52"/>
      <c r="T498" s="52"/>
      <c r="U498" s="52"/>
      <c r="V498" s="52"/>
      <c r="W498" s="52"/>
    </row>
    <row r="499" spans="1:23" hidden="1" x14ac:dyDescent="0.35">
      <c r="A499" s="52" t="s">
        <v>78</v>
      </c>
      <c r="B499" s="52" t="s">
        <v>79</v>
      </c>
      <c r="C499" s="3">
        <v>20</v>
      </c>
      <c r="D499" s="52" t="s">
        <v>84</v>
      </c>
      <c r="E499" s="52" t="s">
        <v>26</v>
      </c>
      <c r="F499" s="52" t="s">
        <v>81</v>
      </c>
      <c r="G499" s="52" t="s">
        <v>82</v>
      </c>
      <c r="H499" s="4">
        <v>1</v>
      </c>
      <c r="I499" s="2">
        <v>14.65</v>
      </c>
      <c r="J499" s="52" t="s">
        <v>3014</v>
      </c>
      <c r="K499" s="71" t="s">
        <v>3015</v>
      </c>
      <c r="L499" s="52" t="s">
        <v>2063</v>
      </c>
      <c r="M499" s="72">
        <v>4632</v>
      </c>
      <c r="N499" s="52" t="s">
        <v>2072</v>
      </c>
      <c r="O499" s="52" t="s">
        <v>2073</v>
      </c>
      <c r="P499" s="52"/>
      <c r="Q499" s="52"/>
      <c r="R499" s="52"/>
      <c r="S499" s="52"/>
      <c r="T499" s="52"/>
      <c r="U499" s="52"/>
      <c r="V499" s="52"/>
      <c r="W499" s="52"/>
    </row>
    <row r="500" spans="1:23" hidden="1" x14ac:dyDescent="0.35">
      <c r="A500" s="52" t="s">
        <v>78</v>
      </c>
      <c r="B500" s="52" t="s">
        <v>79</v>
      </c>
      <c r="C500" s="3">
        <v>20</v>
      </c>
      <c r="D500" s="52" t="s">
        <v>85</v>
      </c>
      <c r="E500" s="52" t="s">
        <v>26</v>
      </c>
      <c r="F500" s="52" t="s">
        <v>81</v>
      </c>
      <c r="G500" s="52" t="s">
        <v>82</v>
      </c>
      <c r="H500" s="4">
        <v>1</v>
      </c>
      <c r="I500" s="2">
        <v>14.65</v>
      </c>
      <c r="J500" s="52" t="s">
        <v>3016</v>
      </c>
      <c r="K500" s="71" t="s">
        <v>3017</v>
      </c>
      <c r="L500" s="52" t="s">
        <v>2063</v>
      </c>
      <c r="M500" s="72">
        <v>4772</v>
      </c>
      <c r="N500" s="52" t="s">
        <v>2066</v>
      </c>
      <c r="O500" s="52" t="s">
        <v>2067</v>
      </c>
      <c r="P500" s="52"/>
      <c r="Q500" s="52"/>
      <c r="R500" s="52"/>
      <c r="S500" s="52"/>
      <c r="T500" s="52"/>
      <c r="U500" s="52"/>
      <c r="V500" s="52"/>
      <c r="W500" s="52"/>
    </row>
    <row r="501" spans="1:23" hidden="1" x14ac:dyDescent="0.35">
      <c r="A501" s="52" t="s">
        <v>78</v>
      </c>
      <c r="B501" s="52" t="s">
        <v>79</v>
      </c>
      <c r="C501" s="3">
        <v>10</v>
      </c>
      <c r="D501" s="52" t="s">
        <v>84</v>
      </c>
      <c r="E501" s="52" t="s">
        <v>26</v>
      </c>
      <c r="F501" s="52" t="s">
        <v>81</v>
      </c>
      <c r="G501" s="52" t="s">
        <v>82</v>
      </c>
      <c r="H501" s="4">
        <v>1</v>
      </c>
      <c r="I501" s="2">
        <v>14.65</v>
      </c>
      <c r="J501" s="52" t="s">
        <v>3018</v>
      </c>
      <c r="K501" s="71" t="s">
        <v>3019</v>
      </c>
      <c r="L501" s="52" t="s">
        <v>2063</v>
      </c>
      <c r="M501" s="72">
        <v>5399</v>
      </c>
      <c r="N501" s="52" t="s">
        <v>2072</v>
      </c>
      <c r="O501" s="52" t="s">
        <v>2073</v>
      </c>
      <c r="P501" s="52"/>
      <c r="Q501" s="52"/>
      <c r="R501" s="52"/>
      <c r="S501" s="52"/>
      <c r="T501" s="52"/>
      <c r="U501" s="52"/>
      <c r="V501" s="52"/>
      <c r="W501" s="52"/>
    </row>
    <row r="502" spans="1:23" hidden="1" x14ac:dyDescent="0.35">
      <c r="A502" s="52" t="s">
        <v>78</v>
      </c>
      <c r="B502" s="52" t="s">
        <v>79</v>
      </c>
      <c r="C502" s="3">
        <v>211</v>
      </c>
      <c r="D502" s="52" t="s">
        <v>2023</v>
      </c>
      <c r="E502" s="52" t="s">
        <v>26</v>
      </c>
      <c r="F502" s="52" t="s">
        <v>81</v>
      </c>
      <c r="G502" s="52" t="s">
        <v>82</v>
      </c>
      <c r="H502" s="4">
        <v>1</v>
      </c>
      <c r="I502" s="2">
        <v>14.65</v>
      </c>
      <c r="J502" s="52" t="s">
        <v>3020</v>
      </c>
      <c r="K502" s="71" t="s">
        <v>3021</v>
      </c>
      <c r="L502" s="52" t="s">
        <v>2063</v>
      </c>
      <c r="M502" s="72">
        <v>1092</v>
      </c>
      <c r="N502" s="52" t="s">
        <v>2072</v>
      </c>
      <c r="O502" s="52" t="s">
        <v>2073</v>
      </c>
      <c r="P502" s="52"/>
      <c r="Q502" s="52"/>
      <c r="R502" s="52"/>
      <c r="S502" s="52"/>
      <c r="T502" s="52"/>
      <c r="U502" s="52"/>
      <c r="V502" s="52"/>
      <c r="W502" s="52"/>
    </row>
    <row r="503" spans="1:23" hidden="1" x14ac:dyDescent="0.35">
      <c r="A503" s="52" t="s">
        <v>78</v>
      </c>
      <c r="B503" s="52" t="s">
        <v>79</v>
      </c>
      <c r="C503" s="3">
        <v>20</v>
      </c>
      <c r="D503" s="52" t="s">
        <v>84</v>
      </c>
      <c r="E503" s="52" t="s">
        <v>26</v>
      </c>
      <c r="F503" s="52" t="s">
        <v>81</v>
      </c>
      <c r="G503" s="52" t="s">
        <v>82</v>
      </c>
      <c r="H503" s="4">
        <v>1</v>
      </c>
      <c r="I503" s="2">
        <v>14.65</v>
      </c>
      <c r="J503" s="52" t="s">
        <v>3022</v>
      </c>
      <c r="K503" s="71" t="s">
        <v>3023</v>
      </c>
      <c r="L503" s="52" t="s">
        <v>2063</v>
      </c>
      <c r="M503" s="72">
        <v>5308</v>
      </c>
      <c r="N503" s="52" t="s">
        <v>2072</v>
      </c>
      <c r="O503" s="52" t="s">
        <v>2073</v>
      </c>
      <c r="P503" s="52"/>
      <c r="Q503" s="52"/>
      <c r="R503" s="52"/>
      <c r="S503" s="52"/>
      <c r="T503" s="52"/>
      <c r="U503" s="52"/>
      <c r="V503" s="52"/>
      <c r="W503" s="52"/>
    </row>
    <row r="504" spans="1:23" x14ac:dyDescent="0.35">
      <c r="A504" s="52" t="s">
        <v>78</v>
      </c>
      <c r="B504" s="52" t="s">
        <v>79</v>
      </c>
      <c r="C504" s="3">
        <v>10</v>
      </c>
      <c r="D504" s="52" t="s">
        <v>85</v>
      </c>
      <c r="E504" s="52" t="s">
        <v>26</v>
      </c>
      <c r="F504" s="52" t="s">
        <v>81</v>
      </c>
      <c r="G504" s="52" t="s">
        <v>82</v>
      </c>
      <c r="H504" s="4">
        <v>1</v>
      </c>
      <c r="I504" s="2">
        <v>14.65</v>
      </c>
      <c r="J504" s="52" t="s">
        <v>3024</v>
      </c>
      <c r="K504" s="71" t="s">
        <v>3025</v>
      </c>
      <c r="L504" s="52" t="s">
        <v>2063</v>
      </c>
      <c r="M504" s="72">
        <v>3569</v>
      </c>
      <c r="N504" s="52" t="s">
        <v>2238</v>
      </c>
      <c r="O504" s="52" t="s">
        <v>2239</v>
      </c>
      <c r="P504" s="52" t="s">
        <v>2238</v>
      </c>
      <c r="Q504" s="52" t="s">
        <v>2239</v>
      </c>
      <c r="R504" s="52"/>
      <c r="S504" s="52"/>
      <c r="T504" s="52"/>
      <c r="U504" s="52"/>
      <c r="V504" s="52"/>
      <c r="W504" s="52"/>
    </row>
    <row r="505" spans="1:23" hidden="1" x14ac:dyDescent="0.35">
      <c r="A505" s="52" t="s">
        <v>78</v>
      </c>
      <c r="B505" s="52" t="s">
        <v>79</v>
      </c>
      <c r="C505" s="3">
        <v>20</v>
      </c>
      <c r="D505" s="52" t="s">
        <v>86</v>
      </c>
      <c r="E505" s="52" t="s">
        <v>26</v>
      </c>
      <c r="F505" s="52" t="s">
        <v>81</v>
      </c>
      <c r="G505" s="52" t="s">
        <v>82</v>
      </c>
      <c r="H505" s="4">
        <v>1</v>
      </c>
      <c r="I505" s="2">
        <v>14.65</v>
      </c>
      <c r="J505" s="52" t="s">
        <v>3026</v>
      </c>
      <c r="K505" s="71" t="s">
        <v>3027</v>
      </c>
      <c r="L505" s="52" t="s">
        <v>2063</v>
      </c>
      <c r="M505" s="72">
        <v>2700</v>
      </c>
      <c r="N505" s="52" t="s">
        <v>2066</v>
      </c>
      <c r="O505" s="52" t="s">
        <v>2067</v>
      </c>
      <c r="P505" s="52"/>
      <c r="Q505" s="52"/>
      <c r="R505" s="52"/>
      <c r="S505" s="52"/>
      <c r="T505" s="52"/>
      <c r="U505" s="52"/>
      <c r="V505" s="52"/>
      <c r="W505" s="52"/>
    </row>
    <row r="506" spans="1:23" hidden="1" x14ac:dyDescent="0.35">
      <c r="A506" s="52" t="s">
        <v>78</v>
      </c>
      <c r="B506" s="52" t="s">
        <v>79</v>
      </c>
      <c r="C506" s="3">
        <v>10</v>
      </c>
      <c r="D506" s="52" t="s">
        <v>2022</v>
      </c>
      <c r="E506" s="52" t="s">
        <v>26</v>
      </c>
      <c r="F506" s="52" t="s">
        <v>81</v>
      </c>
      <c r="G506" s="52" t="s">
        <v>82</v>
      </c>
      <c r="H506" s="4">
        <v>1</v>
      </c>
      <c r="I506" s="2">
        <v>14.65</v>
      </c>
      <c r="J506" s="52" t="s">
        <v>3028</v>
      </c>
      <c r="K506" s="71" t="s">
        <v>3029</v>
      </c>
      <c r="L506" s="52" t="s">
        <v>2063</v>
      </c>
      <c r="M506" s="72">
        <v>4555</v>
      </c>
      <c r="N506" s="52"/>
      <c r="O506" s="52"/>
      <c r="P506" s="52"/>
      <c r="Q506" s="52"/>
      <c r="R506" s="52"/>
      <c r="S506" s="52"/>
      <c r="T506" s="52"/>
      <c r="U506" s="52"/>
      <c r="V506" s="52"/>
      <c r="W506" s="52"/>
    </row>
    <row r="507" spans="1:23" hidden="1" x14ac:dyDescent="0.35">
      <c r="A507" s="52" t="s">
        <v>78</v>
      </c>
      <c r="B507" s="52" t="s">
        <v>79</v>
      </c>
      <c r="C507" s="3">
        <v>20</v>
      </c>
      <c r="D507" s="52" t="s">
        <v>2020</v>
      </c>
      <c r="E507" s="52" t="s">
        <v>26</v>
      </c>
      <c r="F507" s="52" t="s">
        <v>81</v>
      </c>
      <c r="G507" s="52" t="s">
        <v>82</v>
      </c>
      <c r="H507" s="4">
        <v>1</v>
      </c>
      <c r="I507" s="2">
        <v>14.65</v>
      </c>
      <c r="J507" s="52" t="s">
        <v>3030</v>
      </c>
      <c r="K507" s="71" t="s">
        <v>3031</v>
      </c>
      <c r="L507" s="52" t="s">
        <v>2063</v>
      </c>
      <c r="M507" s="72">
        <v>7223</v>
      </c>
      <c r="N507" s="52"/>
      <c r="O507" s="52"/>
      <c r="P507" s="52"/>
      <c r="Q507" s="52"/>
      <c r="R507" s="52"/>
      <c r="S507" s="52"/>
      <c r="T507" s="52"/>
      <c r="U507" s="52"/>
      <c r="V507" s="52"/>
      <c r="W507" s="52"/>
    </row>
    <row r="508" spans="1:23" hidden="1" x14ac:dyDescent="0.35">
      <c r="A508" s="52" t="s">
        <v>78</v>
      </c>
      <c r="B508" s="52" t="s">
        <v>79</v>
      </c>
      <c r="C508" s="3">
        <v>20</v>
      </c>
      <c r="D508" s="52" t="s">
        <v>2021</v>
      </c>
      <c r="E508" s="52" t="s">
        <v>26</v>
      </c>
      <c r="F508" s="52" t="s">
        <v>81</v>
      </c>
      <c r="G508" s="52" t="s">
        <v>82</v>
      </c>
      <c r="H508" s="4">
        <v>1</v>
      </c>
      <c r="I508" s="2">
        <v>14.65</v>
      </c>
      <c r="J508" s="52" t="s">
        <v>3032</v>
      </c>
      <c r="K508" s="71" t="s">
        <v>3033</v>
      </c>
      <c r="L508" s="52" t="s">
        <v>2063</v>
      </c>
      <c r="M508" s="72">
        <v>5524</v>
      </c>
      <c r="N508" s="52" t="s">
        <v>2072</v>
      </c>
      <c r="O508" s="52" t="s">
        <v>2073</v>
      </c>
      <c r="P508" s="52"/>
      <c r="Q508" s="52"/>
      <c r="R508" s="52"/>
      <c r="S508" s="52"/>
      <c r="T508" s="52"/>
      <c r="U508" s="52"/>
      <c r="V508" s="52"/>
      <c r="W508" s="52"/>
    </row>
    <row r="509" spans="1:23" x14ac:dyDescent="0.35">
      <c r="A509" s="52" t="s">
        <v>78</v>
      </c>
      <c r="B509" s="52" t="s">
        <v>79</v>
      </c>
      <c r="C509" s="3">
        <v>20</v>
      </c>
      <c r="D509" s="52" t="s">
        <v>2024</v>
      </c>
      <c r="E509" s="52" t="s">
        <v>26</v>
      </c>
      <c r="F509" s="52" t="s">
        <v>81</v>
      </c>
      <c r="G509" s="52" t="s">
        <v>82</v>
      </c>
      <c r="H509" s="4">
        <v>1</v>
      </c>
      <c r="I509" s="2">
        <v>14.65</v>
      </c>
      <c r="J509" s="52" t="s">
        <v>3034</v>
      </c>
      <c r="K509" s="71" t="s">
        <v>3035</v>
      </c>
      <c r="L509" s="52" t="s">
        <v>2063</v>
      </c>
      <c r="M509" s="72">
        <v>771</v>
      </c>
      <c r="N509" s="52" t="s">
        <v>2076</v>
      </c>
      <c r="O509" s="52" t="s">
        <v>2077</v>
      </c>
      <c r="P509" s="52"/>
      <c r="Q509" s="52"/>
      <c r="R509" s="52"/>
      <c r="S509" s="52"/>
      <c r="T509" s="52"/>
      <c r="U509" s="52"/>
      <c r="V509" s="52"/>
      <c r="W509" s="52"/>
    </row>
    <row r="510" spans="1:23" hidden="1" x14ac:dyDescent="0.35">
      <c r="A510" s="52" t="s">
        <v>78</v>
      </c>
      <c r="B510" s="52" t="s">
        <v>79</v>
      </c>
      <c r="C510" s="3">
        <v>10</v>
      </c>
      <c r="D510" s="52" t="s">
        <v>80</v>
      </c>
      <c r="E510" s="52" t="s">
        <v>26</v>
      </c>
      <c r="F510" s="52" t="s">
        <v>81</v>
      </c>
      <c r="G510" s="52" t="s">
        <v>82</v>
      </c>
      <c r="H510" s="4">
        <v>1</v>
      </c>
      <c r="I510" s="2">
        <v>14.65</v>
      </c>
      <c r="J510" s="52" t="s">
        <v>3036</v>
      </c>
      <c r="K510" s="71" t="s">
        <v>3037</v>
      </c>
      <c r="L510" s="52" t="s">
        <v>2063</v>
      </c>
      <c r="M510" s="72">
        <v>1230</v>
      </c>
      <c r="N510" s="52" t="s">
        <v>2072</v>
      </c>
      <c r="O510" s="52" t="s">
        <v>2073</v>
      </c>
      <c r="P510" s="52"/>
      <c r="Q510" s="52"/>
      <c r="R510" s="52"/>
      <c r="S510" s="52"/>
      <c r="T510" s="52"/>
      <c r="U510" s="52"/>
      <c r="V510" s="52"/>
      <c r="W510" s="52"/>
    </row>
    <row r="511" spans="1:23" x14ac:dyDescent="0.35">
      <c r="A511" s="52" t="s">
        <v>78</v>
      </c>
      <c r="B511" s="52" t="s">
        <v>79</v>
      </c>
      <c r="C511" s="3">
        <v>20</v>
      </c>
      <c r="D511" s="52" t="s">
        <v>2023</v>
      </c>
      <c r="E511" s="52" t="s">
        <v>26</v>
      </c>
      <c r="F511" s="52" t="s">
        <v>81</v>
      </c>
      <c r="G511" s="52" t="s">
        <v>82</v>
      </c>
      <c r="H511" s="4">
        <v>1</v>
      </c>
      <c r="I511" s="2">
        <v>14.65</v>
      </c>
      <c r="J511" s="52" t="s">
        <v>3038</v>
      </c>
      <c r="K511" s="71" t="s">
        <v>3039</v>
      </c>
      <c r="L511" s="52" t="s">
        <v>2063</v>
      </c>
      <c r="M511" s="72">
        <v>4929</v>
      </c>
      <c r="N511" s="52" t="s">
        <v>2259</v>
      </c>
      <c r="O511" s="52" t="s">
        <v>2260</v>
      </c>
      <c r="P511" s="52"/>
      <c r="Q511" s="52"/>
      <c r="R511" s="52"/>
      <c r="S511" s="52"/>
      <c r="T511" s="52"/>
      <c r="U511" s="52"/>
      <c r="V511" s="52"/>
      <c r="W511" s="52"/>
    </row>
    <row r="512" spans="1:23" hidden="1" x14ac:dyDescent="0.35">
      <c r="A512" s="52" t="s">
        <v>78</v>
      </c>
      <c r="B512" s="52" t="s">
        <v>79</v>
      </c>
      <c r="C512" s="3">
        <v>10</v>
      </c>
      <c r="D512" s="52" t="s">
        <v>2023</v>
      </c>
      <c r="E512" s="52" t="s">
        <v>26</v>
      </c>
      <c r="F512" s="52" t="s">
        <v>81</v>
      </c>
      <c r="G512" s="52" t="s">
        <v>82</v>
      </c>
      <c r="H512" s="4">
        <v>1</v>
      </c>
      <c r="I512" s="2">
        <v>14.65</v>
      </c>
      <c r="J512" s="52" t="s">
        <v>2255</v>
      </c>
      <c r="K512" s="71" t="s">
        <v>3040</v>
      </c>
      <c r="L512" s="52" t="s">
        <v>2063</v>
      </c>
      <c r="M512" s="72">
        <v>4507</v>
      </c>
      <c r="N512" s="52" t="s">
        <v>2066</v>
      </c>
      <c r="O512" s="52" t="s">
        <v>2067</v>
      </c>
      <c r="P512" s="52"/>
      <c r="Q512" s="52"/>
      <c r="R512" s="52"/>
      <c r="S512" s="52"/>
      <c r="T512" s="52"/>
      <c r="U512" s="52"/>
      <c r="V512" s="52"/>
      <c r="W512" s="52"/>
    </row>
    <row r="513" spans="1:23" hidden="1" x14ac:dyDescent="0.35">
      <c r="A513" s="52" t="s">
        <v>78</v>
      </c>
      <c r="B513" s="52" t="s">
        <v>79</v>
      </c>
      <c r="C513" s="3">
        <v>10</v>
      </c>
      <c r="D513" s="52" t="s">
        <v>80</v>
      </c>
      <c r="E513" s="52" t="s">
        <v>26</v>
      </c>
      <c r="F513" s="52" t="s">
        <v>81</v>
      </c>
      <c r="G513" s="52" t="s">
        <v>82</v>
      </c>
      <c r="H513" s="4">
        <v>1</v>
      </c>
      <c r="I513" s="2">
        <v>14.65</v>
      </c>
      <c r="J513" s="52" t="s">
        <v>2862</v>
      </c>
      <c r="K513" s="71" t="s">
        <v>3041</v>
      </c>
      <c r="L513" s="52" t="s">
        <v>2063</v>
      </c>
      <c r="M513" s="72">
        <v>895</v>
      </c>
      <c r="N513" s="52"/>
      <c r="O513" s="52"/>
      <c r="P513" s="52"/>
      <c r="Q513" s="52"/>
      <c r="R513" s="52"/>
      <c r="S513" s="52"/>
      <c r="T513" s="52"/>
      <c r="U513" s="52"/>
      <c r="V513" s="52"/>
      <c r="W513" s="52"/>
    </row>
    <row r="514" spans="1:23" hidden="1" x14ac:dyDescent="0.35">
      <c r="A514" s="52" t="s">
        <v>78</v>
      </c>
      <c r="B514" s="52" t="s">
        <v>79</v>
      </c>
      <c r="C514" s="3">
        <v>20</v>
      </c>
      <c r="D514" s="52" t="s">
        <v>2024</v>
      </c>
      <c r="E514" s="52" t="s">
        <v>26</v>
      </c>
      <c r="F514" s="52" t="s">
        <v>81</v>
      </c>
      <c r="G514" s="52" t="s">
        <v>82</v>
      </c>
      <c r="H514" s="4">
        <v>1</v>
      </c>
      <c r="I514" s="2">
        <v>14.65</v>
      </c>
      <c r="J514" s="52" t="s">
        <v>3042</v>
      </c>
      <c r="K514" s="71" t="s">
        <v>3043</v>
      </c>
      <c r="L514" s="52" t="s">
        <v>2063</v>
      </c>
      <c r="M514" s="72">
        <v>3858</v>
      </c>
      <c r="N514" s="52"/>
      <c r="O514" s="52"/>
      <c r="P514" s="52"/>
      <c r="Q514" s="52"/>
      <c r="R514" s="52"/>
      <c r="S514" s="52"/>
      <c r="T514" s="52"/>
      <c r="U514" s="52"/>
      <c r="V514" s="52"/>
      <c r="W514" s="52"/>
    </row>
    <row r="515" spans="1:23" hidden="1" x14ac:dyDescent="0.35">
      <c r="A515" s="52" t="s">
        <v>78</v>
      </c>
      <c r="B515" s="52" t="s">
        <v>79</v>
      </c>
      <c r="C515" s="3">
        <v>20</v>
      </c>
      <c r="D515" s="52" t="s">
        <v>85</v>
      </c>
      <c r="E515" s="52" t="s">
        <v>26</v>
      </c>
      <c r="F515" s="52" t="s">
        <v>81</v>
      </c>
      <c r="G515" s="52" t="s">
        <v>82</v>
      </c>
      <c r="H515" s="4">
        <v>1</v>
      </c>
      <c r="I515" s="2">
        <v>14.65</v>
      </c>
      <c r="J515" s="52" t="s">
        <v>3044</v>
      </c>
      <c r="K515" s="71" t="s">
        <v>3045</v>
      </c>
      <c r="L515" s="52" t="s">
        <v>2063</v>
      </c>
      <c r="M515" s="72">
        <v>1629</v>
      </c>
      <c r="N515" s="52" t="s">
        <v>2066</v>
      </c>
      <c r="O515" s="52" t="s">
        <v>2067</v>
      </c>
      <c r="P515" s="52"/>
      <c r="Q515" s="52"/>
      <c r="R515" s="52"/>
      <c r="S515" s="52"/>
      <c r="T515" s="52"/>
      <c r="U515" s="52"/>
      <c r="V515" s="52"/>
      <c r="W515" s="52"/>
    </row>
    <row r="516" spans="1:23" hidden="1" x14ac:dyDescent="0.35">
      <c r="A516" s="52" t="s">
        <v>78</v>
      </c>
      <c r="B516" s="52" t="s">
        <v>79</v>
      </c>
      <c r="C516" s="3">
        <v>10</v>
      </c>
      <c r="D516" s="52" t="s">
        <v>84</v>
      </c>
      <c r="E516" s="52" t="s">
        <v>26</v>
      </c>
      <c r="F516" s="52" t="s">
        <v>81</v>
      </c>
      <c r="G516" s="52" t="s">
        <v>82</v>
      </c>
      <c r="H516" s="4">
        <v>1</v>
      </c>
      <c r="I516" s="2">
        <v>14.65</v>
      </c>
      <c r="J516" s="52" t="s">
        <v>2093</v>
      </c>
      <c r="K516" s="71" t="s">
        <v>3046</v>
      </c>
      <c r="L516" s="52" t="s">
        <v>2063</v>
      </c>
      <c r="M516" s="72">
        <v>1372</v>
      </c>
      <c r="N516" s="52" t="s">
        <v>2072</v>
      </c>
      <c r="O516" s="52" t="s">
        <v>2073</v>
      </c>
      <c r="P516" s="52"/>
      <c r="Q516" s="52"/>
      <c r="R516" s="52"/>
      <c r="S516" s="52"/>
      <c r="T516" s="52"/>
      <c r="U516" s="52"/>
      <c r="V516" s="52"/>
      <c r="W516" s="52"/>
    </row>
    <row r="517" spans="1:23" hidden="1" x14ac:dyDescent="0.35">
      <c r="A517" s="52" t="s">
        <v>78</v>
      </c>
      <c r="B517" s="52" t="s">
        <v>79</v>
      </c>
      <c r="C517" s="3">
        <v>10</v>
      </c>
      <c r="D517" s="52" t="s">
        <v>80</v>
      </c>
      <c r="E517" s="52" t="s">
        <v>26</v>
      </c>
      <c r="F517" s="52" t="s">
        <v>81</v>
      </c>
      <c r="G517" s="52" t="s">
        <v>82</v>
      </c>
      <c r="H517" s="4">
        <v>1</v>
      </c>
      <c r="I517" s="2">
        <v>14.65</v>
      </c>
      <c r="J517" s="52" t="s">
        <v>3047</v>
      </c>
      <c r="K517" s="71" t="s">
        <v>3048</v>
      </c>
      <c r="L517" s="52" t="s">
        <v>2095</v>
      </c>
      <c r="M517" s="72">
        <v>263</v>
      </c>
      <c r="N517" s="52"/>
      <c r="O517" s="52"/>
      <c r="P517" s="52"/>
      <c r="Q517" s="52"/>
      <c r="R517" s="52"/>
      <c r="S517" s="52"/>
      <c r="T517" s="52"/>
      <c r="U517" s="52"/>
      <c r="V517" s="52"/>
      <c r="W517" s="52"/>
    </row>
    <row r="518" spans="1:23" hidden="1" x14ac:dyDescent="0.35">
      <c r="A518" s="52" t="s">
        <v>78</v>
      </c>
      <c r="B518" s="52" t="s">
        <v>79</v>
      </c>
      <c r="C518" s="3">
        <v>10</v>
      </c>
      <c r="D518" s="52" t="s">
        <v>84</v>
      </c>
      <c r="E518" s="52" t="s">
        <v>26</v>
      </c>
      <c r="F518" s="52" t="s">
        <v>81</v>
      </c>
      <c r="G518" s="52" t="s">
        <v>82</v>
      </c>
      <c r="H518" s="4">
        <v>1</v>
      </c>
      <c r="I518" s="2">
        <v>14.65</v>
      </c>
      <c r="J518" s="52" t="s">
        <v>2093</v>
      </c>
      <c r="K518" s="71" t="s">
        <v>3049</v>
      </c>
      <c r="L518" s="52" t="s">
        <v>2063</v>
      </c>
      <c r="M518" s="72">
        <v>7731</v>
      </c>
      <c r="N518" s="52" t="s">
        <v>2072</v>
      </c>
      <c r="O518" s="52" t="s">
        <v>2073</v>
      </c>
      <c r="P518" s="52"/>
      <c r="Q518" s="52"/>
      <c r="R518" s="52"/>
      <c r="S518" s="52"/>
      <c r="T518" s="52"/>
      <c r="U518" s="52"/>
      <c r="V518" s="52"/>
      <c r="W518" s="52"/>
    </row>
    <row r="519" spans="1:23" hidden="1" x14ac:dyDescent="0.35">
      <c r="A519" s="52" t="s">
        <v>78</v>
      </c>
      <c r="B519" s="52" t="s">
        <v>79</v>
      </c>
      <c r="C519" s="3">
        <v>10</v>
      </c>
      <c r="D519" s="52" t="s">
        <v>84</v>
      </c>
      <c r="E519" s="52" t="s">
        <v>26</v>
      </c>
      <c r="F519" s="52" t="s">
        <v>81</v>
      </c>
      <c r="G519" s="52" t="s">
        <v>82</v>
      </c>
      <c r="H519" s="4">
        <v>1</v>
      </c>
      <c r="I519" s="2">
        <v>14.65</v>
      </c>
      <c r="J519" s="52" t="s">
        <v>3050</v>
      </c>
      <c r="K519" s="71" t="s">
        <v>3051</v>
      </c>
      <c r="L519" s="52" t="s">
        <v>2063</v>
      </c>
      <c r="M519" s="72">
        <v>5713</v>
      </c>
      <c r="N519" s="52" t="s">
        <v>2072</v>
      </c>
      <c r="O519" s="52" t="s">
        <v>2073</v>
      </c>
      <c r="P519" s="52"/>
      <c r="Q519" s="52"/>
      <c r="R519" s="52"/>
      <c r="S519" s="52"/>
      <c r="T519" s="52"/>
      <c r="U519" s="52"/>
      <c r="V519" s="52"/>
      <c r="W519" s="52"/>
    </row>
    <row r="520" spans="1:23" hidden="1" x14ac:dyDescent="0.35">
      <c r="A520" s="52" t="s">
        <v>78</v>
      </c>
      <c r="B520" s="52" t="s">
        <v>79</v>
      </c>
      <c r="C520" s="3">
        <v>10</v>
      </c>
      <c r="D520" s="52" t="s">
        <v>87</v>
      </c>
      <c r="E520" s="52" t="s">
        <v>26</v>
      </c>
      <c r="F520" s="52" t="s">
        <v>81</v>
      </c>
      <c r="G520" s="52" t="s">
        <v>82</v>
      </c>
      <c r="H520" s="4">
        <v>1</v>
      </c>
      <c r="I520" s="2">
        <v>14.65</v>
      </c>
      <c r="J520" s="52" t="s">
        <v>3052</v>
      </c>
      <c r="K520" s="71" t="s">
        <v>3053</v>
      </c>
      <c r="L520" s="52" t="s">
        <v>2063</v>
      </c>
      <c r="M520" s="72">
        <v>5545</v>
      </c>
      <c r="N520" s="52"/>
      <c r="O520" s="52"/>
      <c r="P520" s="52"/>
      <c r="Q520" s="52"/>
      <c r="R520" s="52"/>
      <c r="S520" s="52"/>
      <c r="T520" s="52"/>
      <c r="U520" s="52"/>
      <c r="V520" s="52"/>
      <c r="W520" s="52"/>
    </row>
    <row r="521" spans="1:23" hidden="1" x14ac:dyDescent="0.35">
      <c r="A521" s="52" t="s">
        <v>78</v>
      </c>
      <c r="B521" s="52" t="s">
        <v>79</v>
      </c>
      <c r="C521" s="3">
        <v>20</v>
      </c>
      <c r="D521" s="52" t="s">
        <v>80</v>
      </c>
      <c r="E521" s="52" t="s">
        <v>26</v>
      </c>
      <c r="F521" s="52" t="s">
        <v>81</v>
      </c>
      <c r="G521" s="52" t="s">
        <v>82</v>
      </c>
      <c r="H521" s="4">
        <v>1</v>
      </c>
      <c r="I521" s="2">
        <v>14.65</v>
      </c>
      <c r="J521" s="52" t="s">
        <v>3054</v>
      </c>
      <c r="K521" s="71" t="s">
        <v>3055</v>
      </c>
      <c r="L521" s="52" t="s">
        <v>2063</v>
      </c>
      <c r="M521" s="72">
        <v>2959</v>
      </c>
      <c r="N521" s="52" t="s">
        <v>2072</v>
      </c>
      <c r="O521" s="52" t="s">
        <v>2073</v>
      </c>
      <c r="P521" s="52"/>
      <c r="Q521" s="52"/>
      <c r="R521" s="52"/>
      <c r="S521" s="52"/>
      <c r="T521" s="52"/>
      <c r="U521" s="52"/>
      <c r="V521" s="52"/>
      <c r="W521" s="52"/>
    </row>
    <row r="522" spans="1:23" hidden="1" x14ac:dyDescent="0.35">
      <c r="A522" s="52" t="s">
        <v>78</v>
      </c>
      <c r="B522" s="52" t="s">
        <v>79</v>
      </c>
      <c r="C522" s="3">
        <v>20</v>
      </c>
      <c r="D522" s="52" t="s">
        <v>86</v>
      </c>
      <c r="E522" s="52" t="s">
        <v>26</v>
      </c>
      <c r="F522" s="52" t="s">
        <v>81</v>
      </c>
      <c r="G522" s="52" t="s">
        <v>82</v>
      </c>
      <c r="H522" s="4">
        <v>1</v>
      </c>
      <c r="I522" s="2">
        <v>14.65</v>
      </c>
      <c r="J522" s="52" t="s">
        <v>3056</v>
      </c>
      <c r="K522" s="71" t="s">
        <v>3057</v>
      </c>
      <c r="L522" s="52" t="s">
        <v>2063</v>
      </c>
      <c r="M522" s="72">
        <v>4240</v>
      </c>
      <c r="N522" s="52" t="s">
        <v>2072</v>
      </c>
      <c r="O522" s="52" t="s">
        <v>2073</v>
      </c>
      <c r="P522" s="52"/>
      <c r="Q522" s="52"/>
      <c r="R522" s="52"/>
      <c r="S522" s="52"/>
      <c r="T522" s="52"/>
      <c r="U522" s="52"/>
      <c r="V522" s="52"/>
      <c r="W522" s="52"/>
    </row>
    <row r="523" spans="1:23" hidden="1" x14ac:dyDescent="0.35">
      <c r="A523" s="52" t="s">
        <v>78</v>
      </c>
      <c r="B523" s="52" t="s">
        <v>79</v>
      </c>
      <c r="C523" s="3">
        <v>10</v>
      </c>
      <c r="D523" s="52" t="s">
        <v>2019</v>
      </c>
      <c r="E523" s="52" t="s">
        <v>26</v>
      </c>
      <c r="F523" s="52" t="s">
        <v>81</v>
      </c>
      <c r="G523" s="52" t="s">
        <v>82</v>
      </c>
      <c r="H523" s="4">
        <v>1</v>
      </c>
      <c r="I523" s="2">
        <v>14.65</v>
      </c>
      <c r="J523" s="52" t="s">
        <v>3058</v>
      </c>
      <c r="K523" s="71" t="s">
        <v>3059</v>
      </c>
      <c r="L523" s="52" t="s">
        <v>2063</v>
      </c>
      <c r="M523" s="72">
        <v>2549</v>
      </c>
      <c r="N523" s="52"/>
      <c r="O523" s="52"/>
      <c r="P523" s="52"/>
      <c r="Q523" s="52"/>
      <c r="R523" s="52"/>
      <c r="S523" s="52"/>
      <c r="T523" s="52"/>
      <c r="U523" s="52"/>
      <c r="V523" s="52"/>
      <c r="W523" s="52"/>
    </row>
    <row r="524" spans="1:23" hidden="1" x14ac:dyDescent="0.35">
      <c r="A524" s="52" t="s">
        <v>78</v>
      </c>
      <c r="B524" s="52" t="s">
        <v>79</v>
      </c>
      <c r="C524" s="3">
        <v>20</v>
      </c>
      <c r="D524" s="52" t="s">
        <v>85</v>
      </c>
      <c r="E524" s="52" t="s">
        <v>26</v>
      </c>
      <c r="F524" s="52" t="s">
        <v>81</v>
      </c>
      <c r="G524" s="52" t="s">
        <v>82</v>
      </c>
      <c r="H524" s="4">
        <v>1</v>
      </c>
      <c r="I524" s="2">
        <v>14.65</v>
      </c>
      <c r="J524" s="52" t="s">
        <v>3060</v>
      </c>
      <c r="K524" s="71" t="s">
        <v>3061</v>
      </c>
      <c r="L524" s="52" t="s">
        <v>2063</v>
      </c>
      <c r="M524" s="72">
        <v>1784</v>
      </c>
      <c r="N524" s="52"/>
      <c r="O524" s="52"/>
      <c r="P524" s="52"/>
      <c r="Q524" s="52"/>
      <c r="R524" s="52"/>
      <c r="S524" s="52"/>
      <c r="T524" s="52"/>
      <c r="U524" s="52"/>
      <c r="V524" s="52"/>
      <c r="W524" s="52"/>
    </row>
    <row r="525" spans="1:23" x14ac:dyDescent="0.35">
      <c r="A525" s="52" t="s">
        <v>78</v>
      </c>
      <c r="B525" s="52" t="s">
        <v>79</v>
      </c>
      <c r="C525" s="3">
        <v>20</v>
      </c>
      <c r="D525" s="52" t="s">
        <v>87</v>
      </c>
      <c r="E525" s="52" t="s">
        <v>26</v>
      </c>
      <c r="F525" s="52" t="s">
        <v>81</v>
      </c>
      <c r="G525" s="52" t="s">
        <v>82</v>
      </c>
      <c r="H525" s="4">
        <v>1</v>
      </c>
      <c r="I525" s="2">
        <v>14.65</v>
      </c>
      <c r="J525" s="52" t="s">
        <v>2887</v>
      </c>
      <c r="K525" s="71" t="s">
        <v>3062</v>
      </c>
      <c r="L525" s="52" t="s">
        <v>2063</v>
      </c>
      <c r="M525" s="72">
        <v>1238</v>
      </c>
      <c r="N525" s="52" t="s">
        <v>2259</v>
      </c>
      <c r="O525" s="52" t="s">
        <v>2260</v>
      </c>
      <c r="P525" s="52"/>
      <c r="Q525" s="52"/>
      <c r="R525" s="52"/>
      <c r="S525" s="52"/>
      <c r="T525" s="52"/>
      <c r="U525" s="52"/>
      <c r="V525" s="52"/>
      <c r="W525" s="52"/>
    </row>
    <row r="526" spans="1:23" hidden="1" x14ac:dyDescent="0.35">
      <c r="A526" s="52" t="s">
        <v>78</v>
      </c>
      <c r="B526" s="52" t="s">
        <v>79</v>
      </c>
      <c r="C526" s="3">
        <v>20</v>
      </c>
      <c r="D526" s="52" t="s">
        <v>83</v>
      </c>
      <c r="E526" s="52" t="s">
        <v>26</v>
      </c>
      <c r="F526" s="52" t="s">
        <v>81</v>
      </c>
      <c r="G526" s="52" t="s">
        <v>82</v>
      </c>
      <c r="H526" s="4">
        <v>1</v>
      </c>
      <c r="I526" s="2">
        <v>14.65</v>
      </c>
      <c r="J526" s="52" t="s">
        <v>3063</v>
      </c>
      <c r="K526" s="71" t="s">
        <v>3064</v>
      </c>
      <c r="L526" s="52" t="s">
        <v>2063</v>
      </c>
      <c r="M526" s="72">
        <v>3325</v>
      </c>
      <c r="N526" s="52"/>
      <c r="O526" s="52"/>
      <c r="P526" s="52"/>
      <c r="Q526" s="52"/>
      <c r="R526" s="52"/>
      <c r="S526" s="52"/>
      <c r="T526" s="52"/>
      <c r="U526" s="52"/>
      <c r="V526" s="52"/>
      <c r="W526" s="52"/>
    </row>
    <row r="527" spans="1:23" x14ac:dyDescent="0.35">
      <c r="A527" s="52" t="s">
        <v>78</v>
      </c>
      <c r="B527" s="52" t="s">
        <v>79</v>
      </c>
      <c r="C527" s="3">
        <v>20</v>
      </c>
      <c r="D527" s="52" t="s">
        <v>87</v>
      </c>
      <c r="E527" s="52" t="s">
        <v>26</v>
      </c>
      <c r="F527" s="52" t="s">
        <v>81</v>
      </c>
      <c r="G527" s="52" t="s">
        <v>82</v>
      </c>
      <c r="H527" s="4">
        <v>1</v>
      </c>
      <c r="I527" s="2">
        <v>14.65</v>
      </c>
      <c r="J527" s="52" t="s">
        <v>2887</v>
      </c>
      <c r="K527" s="71" t="s">
        <v>3065</v>
      </c>
      <c r="L527" s="52" t="s">
        <v>2063</v>
      </c>
      <c r="M527" s="72">
        <v>1733</v>
      </c>
      <c r="N527" s="52" t="s">
        <v>2259</v>
      </c>
      <c r="O527" s="52" t="s">
        <v>2260</v>
      </c>
      <c r="P527" s="52"/>
      <c r="Q527" s="52"/>
      <c r="R527" s="52"/>
      <c r="S527" s="52"/>
      <c r="T527" s="52"/>
      <c r="U527" s="52"/>
      <c r="V527" s="52"/>
      <c r="W527" s="52"/>
    </row>
    <row r="528" spans="1:23" hidden="1" x14ac:dyDescent="0.35">
      <c r="A528" s="52" t="s">
        <v>78</v>
      </c>
      <c r="B528" s="52" t="s">
        <v>79</v>
      </c>
      <c r="C528" s="3">
        <v>10</v>
      </c>
      <c r="D528" s="52" t="s">
        <v>2020</v>
      </c>
      <c r="E528" s="52" t="s">
        <v>26</v>
      </c>
      <c r="F528" s="52" t="s">
        <v>81</v>
      </c>
      <c r="G528" s="52" t="s">
        <v>82</v>
      </c>
      <c r="H528" s="4">
        <v>1</v>
      </c>
      <c r="I528" s="2">
        <v>14.65</v>
      </c>
      <c r="J528" s="52" t="s">
        <v>2367</v>
      </c>
      <c r="K528" s="71" t="s">
        <v>3066</v>
      </c>
      <c r="L528" s="52" t="s">
        <v>2063</v>
      </c>
      <c r="M528" s="72">
        <v>6106</v>
      </c>
      <c r="N528" s="52"/>
      <c r="O528" s="52"/>
      <c r="P528" s="52"/>
      <c r="Q528" s="52"/>
      <c r="R528" s="52"/>
      <c r="S528" s="52"/>
      <c r="T528" s="52"/>
      <c r="U528" s="52"/>
      <c r="V528" s="52"/>
      <c r="W528" s="52"/>
    </row>
    <row r="529" spans="1:23" hidden="1" x14ac:dyDescent="0.35">
      <c r="A529" s="52" t="s">
        <v>78</v>
      </c>
      <c r="B529" s="52" t="s">
        <v>79</v>
      </c>
      <c r="C529" s="3">
        <v>20</v>
      </c>
      <c r="D529" s="52" t="s">
        <v>2024</v>
      </c>
      <c r="E529" s="52" t="s">
        <v>26</v>
      </c>
      <c r="F529" s="52" t="s">
        <v>81</v>
      </c>
      <c r="G529" s="52" t="s">
        <v>82</v>
      </c>
      <c r="H529" s="4">
        <v>1</v>
      </c>
      <c r="I529" s="2">
        <v>14.65</v>
      </c>
      <c r="J529" s="52" t="s">
        <v>3067</v>
      </c>
      <c r="K529" s="71" t="s">
        <v>3068</v>
      </c>
      <c r="L529" s="52" t="s">
        <v>2063</v>
      </c>
      <c r="M529" s="72">
        <v>2442</v>
      </c>
      <c r="N529" s="52" t="s">
        <v>2072</v>
      </c>
      <c r="O529" s="52" t="s">
        <v>2073</v>
      </c>
      <c r="P529" s="52"/>
      <c r="Q529" s="52"/>
      <c r="R529" s="52"/>
      <c r="S529" s="52"/>
      <c r="T529" s="52"/>
      <c r="U529" s="52"/>
      <c r="V529" s="52"/>
      <c r="W529" s="52"/>
    </row>
    <row r="530" spans="1:23" hidden="1" x14ac:dyDescent="0.35">
      <c r="A530" s="52" t="s">
        <v>78</v>
      </c>
      <c r="B530" s="52" t="s">
        <v>79</v>
      </c>
      <c r="C530" s="3">
        <v>10</v>
      </c>
      <c r="D530" s="52" t="s">
        <v>2023</v>
      </c>
      <c r="E530" s="52" t="s">
        <v>26</v>
      </c>
      <c r="F530" s="52" t="s">
        <v>81</v>
      </c>
      <c r="G530" s="52" t="s">
        <v>82</v>
      </c>
      <c r="H530" s="4">
        <v>1</v>
      </c>
      <c r="I530" s="2">
        <v>14.65</v>
      </c>
      <c r="J530" s="52" t="s">
        <v>2991</v>
      </c>
      <c r="K530" s="71" t="s">
        <v>3069</v>
      </c>
      <c r="L530" s="52" t="s">
        <v>2063</v>
      </c>
      <c r="M530" s="72">
        <v>4647</v>
      </c>
      <c r="N530" s="52" t="s">
        <v>2072</v>
      </c>
      <c r="O530" s="52" t="s">
        <v>2073</v>
      </c>
      <c r="P530" s="52"/>
      <c r="Q530" s="52"/>
      <c r="R530" s="52"/>
      <c r="S530" s="52"/>
      <c r="T530" s="52"/>
      <c r="U530" s="52"/>
      <c r="V530" s="52"/>
      <c r="W530" s="52"/>
    </row>
    <row r="531" spans="1:23" hidden="1" x14ac:dyDescent="0.35">
      <c r="A531" s="52" t="s">
        <v>78</v>
      </c>
      <c r="B531" s="52" t="s">
        <v>79</v>
      </c>
      <c r="C531" s="3">
        <v>20</v>
      </c>
      <c r="D531" s="52" t="s">
        <v>2022</v>
      </c>
      <c r="E531" s="52" t="s">
        <v>26</v>
      </c>
      <c r="F531" s="52" t="s">
        <v>81</v>
      </c>
      <c r="G531" s="52" t="s">
        <v>82</v>
      </c>
      <c r="H531" s="4">
        <v>1</v>
      </c>
      <c r="I531" s="2">
        <v>14.65</v>
      </c>
      <c r="J531" s="52" t="s">
        <v>3070</v>
      </c>
      <c r="K531" s="71" t="s">
        <v>3071</v>
      </c>
      <c r="L531" s="52" t="s">
        <v>2063</v>
      </c>
      <c r="M531" s="72">
        <v>4954</v>
      </c>
      <c r="N531" s="52" t="s">
        <v>2066</v>
      </c>
      <c r="O531" s="52" t="s">
        <v>2067</v>
      </c>
      <c r="P531" s="52"/>
      <c r="Q531" s="52"/>
      <c r="R531" s="52"/>
      <c r="S531" s="52"/>
      <c r="T531" s="52"/>
      <c r="U531" s="52"/>
      <c r="V531" s="52"/>
      <c r="W531" s="52"/>
    </row>
    <row r="532" spans="1:23" hidden="1" x14ac:dyDescent="0.35">
      <c r="A532" s="52" t="s">
        <v>78</v>
      </c>
      <c r="B532" s="52" t="s">
        <v>79</v>
      </c>
      <c r="C532" s="3">
        <v>20</v>
      </c>
      <c r="D532" s="52" t="s">
        <v>2021</v>
      </c>
      <c r="E532" s="52" t="s">
        <v>26</v>
      </c>
      <c r="F532" s="52" t="s">
        <v>81</v>
      </c>
      <c r="G532" s="52" t="s">
        <v>82</v>
      </c>
      <c r="H532" s="4">
        <v>1</v>
      </c>
      <c r="I532" s="2">
        <v>14.65</v>
      </c>
      <c r="J532" s="52" t="s">
        <v>2701</v>
      </c>
      <c r="K532" s="71" t="s">
        <v>3072</v>
      </c>
      <c r="L532" s="52" t="s">
        <v>2063</v>
      </c>
      <c r="M532" s="72">
        <v>6156</v>
      </c>
      <c r="N532" s="52"/>
      <c r="O532" s="52"/>
      <c r="P532" s="52"/>
      <c r="Q532" s="52"/>
      <c r="R532" s="52"/>
      <c r="S532" s="52"/>
      <c r="T532" s="52"/>
      <c r="U532" s="52"/>
      <c r="V532" s="52"/>
      <c r="W532" s="52"/>
    </row>
    <row r="533" spans="1:23" hidden="1" x14ac:dyDescent="0.35">
      <c r="A533" s="52" t="s">
        <v>78</v>
      </c>
      <c r="B533" s="52" t="s">
        <v>79</v>
      </c>
      <c r="C533" s="3">
        <v>10</v>
      </c>
      <c r="D533" s="52" t="s">
        <v>84</v>
      </c>
      <c r="E533" s="52" t="s">
        <v>26</v>
      </c>
      <c r="F533" s="52" t="s">
        <v>81</v>
      </c>
      <c r="G533" s="52" t="s">
        <v>82</v>
      </c>
      <c r="H533" s="4">
        <v>1</v>
      </c>
      <c r="I533" s="2">
        <v>14.65</v>
      </c>
      <c r="J533" s="52" t="s">
        <v>2463</v>
      </c>
      <c r="K533" s="71" t="s">
        <v>3073</v>
      </c>
      <c r="L533" s="52" t="s">
        <v>2063</v>
      </c>
      <c r="M533" s="72">
        <v>3797</v>
      </c>
      <c r="N533" s="52"/>
      <c r="O533" s="52"/>
      <c r="P533" s="52"/>
      <c r="Q533" s="52"/>
      <c r="R533" s="52"/>
      <c r="S533" s="52"/>
      <c r="T533" s="52"/>
      <c r="U533" s="52"/>
      <c r="V533" s="52"/>
      <c r="W533" s="52"/>
    </row>
    <row r="534" spans="1:23" hidden="1" x14ac:dyDescent="0.35">
      <c r="A534" s="52" t="s">
        <v>78</v>
      </c>
      <c r="B534" s="52" t="s">
        <v>79</v>
      </c>
      <c r="C534" s="3">
        <v>20</v>
      </c>
      <c r="D534" s="52" t="s">
        <v>2021</v>
      </c>
      <c r="E534" s="52" t="s">
        <v>26</v>
      </c>
      <c r="F534" s="52" t="s">
        <v>81</v>
      </c>
      <c r="G534" s="52" t="s">
        <v>82</v>
      </c>
      <c r="H534" s="4">
        <v>1</v>
      </c>
      <c r="I534" s="2">
        <v>14.65</v>
      </c>
      <c r="J534" s="52" t="s">
        <v>3074</v>
      </c>
      <c r="K534" s="71" t="s">
        <v>3075</v>
      </c>
      <c r="L534" s="52" t="s">
        <v>2063</v>
      </c>
      <c r="M534" s="72">
        <v>1277</v>
      </c>
      <c r="N534" s="52" t="s">
        <v>2072</v>
      </c>
      <c r="O534" s="52" t="s">
        <v>2073</v>
      </c>
      <c r="P534" s="52"/>
      <c r="Q534" s="52"/>
      <c r="R534" s="52"/>
      <c r="S534" s="52"/>
      <c r="T534" s="52"/>
      <c r="U534" s="52"/>
      <c r="V534" s="52"/>
      <c r="W534" s="52"/>
    </row>
    <row r="535" spans="1:23" x14ac:dyDescent="0.35">
      <c r="A535" s="52" t="s">
        <v>78</v>
      </c>
      <c r="B535" s="52" t="s">
        <v>79</v>
      </c>
      <c r="C535" s="3">
        <v>10</v>
      </c>
      <c r="D535" s="52" t="s">
        <v>2019</v>
      </c>
      <c r="E535" s="52" t="s">
        <v>26</v>
      </c>
      <c r="F535" s="52" t="s">
        <v>81</v>
      </c>
      <c r="G535" s="52" t="s">
        <v>82</v>
      </c>
      <c r="H535" s="4">
        <v>1</v>
      </c>
      <c r="I535" s="2">
        <v>14.65</v>
      </c>
      <c r="J535" s="52" t="s">
        <v>3076</v>
      </c>
      <c r="K535" s="71" t="s">
        <v>3077</v>
      </c>
      <c r="L535" s="52" t="s">
        <v>2063</v>
      </c>
      <c r="M535" s="72">
        <v>2502</v>
      </c>
      <c r="N535" s="52" t="s">
        <v>2076</v>
      </c>
      <c r="O535" s="52" t="s">
        <v>2077</v>
      </c>
      <c r="P535" s="52"/>
      <c r="Q535" s="52"/>
      <c r="R535" s="52"/>
      <c r="S535" s="52"/>
      <c r="T535" s="52"/>
      <c r="U535" s="52"/>
      <c r="V535" s="52"/>
      <c r="W535" s="52"/>
    </row>
    <row r="536" spans="1:23" hidden="1" x14ac:dyDescent="0.35">
      <c r="A536" s="52" t="s">
        <v>78</v>
      </c>
      <c r="B536" s="52" t="s">
        <v>79</v>
      </c>
      <c r="C536" s="3">
        <v>10</v>
      </c>
      <c r="D536" s="52" t="s">
        <v>2024</v>
      </c>
      <c r="E536" s="52" t="s">
        <v>26</v>
      </c>
      <c r="F536" s="52" t="s">
        <v>81</v>
      </c>
      <c r="G536" s="52" t="s">
        <v>82</v>
      </c>
      <c r="H536" s="4">
        <v>1</v>
      </c>
      <c r="I536" s="2">
        <v>14.65</v>
      </c>
      <c r="J536" s="52" t="s">
        <v>3078</v>
      </c>
      <c r="K536" s="71" t="s">
        <v>3079</v>
      </c>
      <c r="L536" s="52" t="s">
        <v>2063</v>
      </c>
      <c r="M536" s="72">
        <v>6711</v>
      </c>
      <c r="N536" s="52" t="s">
        <v>2072</v>
      </c>
      <c r="O536" s="52" t="s">
        <v>2073</v>
      </c>
      <c r="P536" s="52"/>
      <c r="Q536" s="52"/>
      <c r="R536" s="52"/>
      <c r="S536" s="52"/>
      <c r="T536" s="52"/>
      <c r="U536" s="52"/>
      <c r="V536" s="52"/>
      <c r="W536" s="52"/>
    </row>
    <row r="537" spans="1:23" hidden="1" x14ac:dyDescent="0.35">
      <c r="A537" s="52" t="s">
        <v>78</v>
      </c>
      <c r="B537" s="52" t="s">
        <v>79</v>
      </c>
      <c r="C537" s="3">
        <v>10</v>
      </c>
      <c r="D537" s="52" t="s">
        <v>84</v>
      </c>
      <c r="E537" s="52" t="s">
        <v>26</v>
      </c>
      <c r="F537" s="52" t="s">
        <v>81</v>
      </c>
      <c r="G537" s="52" t="s">
        <v>82</v>
      </c>
      <c r="H537" s="4">
        <v>1</v>
      </c>
      <c r="I537" s="2">
        <v>14.65</v>
      </c>
      <c r="J537" s="52" t="s">
        <v>3080</v>
      </c>
      <c r="K537" s="71" t="s">
        <v>3081</v>
      </c>
      <c r="L537" s="52" t="s">
        <v>2063</v>
      </c>
      <c r="M537" s="72">
        <v>9873</v>
      </c>
      <c r="N537" s="52" t="s">
        <v>2066</v>
      </c>
      <c r="O537" s="52" t="s">
        <v>2067</v>
      </c>
      <c r="P537" s="52"/>
      <c r="Q537" s="52"/>
      <c r="R537" s="52"/>
      <c r="S537" s="52"/>
      <c r="T537" s="52"/>
      <c r="U537" s="52"/>
      <c r="V537" s="52"/>
      <c r="W537" s="52"/>
    </row>
    <row r="538" spans="1:23" hidden="1" x14ac:dyDescent="0.35">
      <c r="A538" s="52" t="s">
        <v>78</v>
      </c>
      <c r="B538" s="52" t="s">
        <v>79</v>
      </c>
      <c r="C538" s="3">
        <v>10</v>
      </c>
      <c r="D538" s="52" t="s">
        <v>2022</v>
      </c>
      <c r="E538" s="52" t="s">
        <v>26</v>
      </c>
      <c r="F538" s="52" t="s">
        <v>81</v>
      </c>
      <c r="G538" s="52" t="s">
        <v>82</v>
      </c>
      <c r="H538" s="4">
        <v>1</v>
      </c>
      <c r="I538" s="2">
        <v>14.65</v>
      </c>
      <c r="J538" s="52" t="s">
        <v>2991</v>
      </c>
      <c r="K538" s="71" t="s">
        <v>3082</v>
      </c>
      <c r="L538" s="52" t="s">
        <v>2063</v>
      </c>
      <c r="M538" s="72">
        <v>8654</v>
      </c>
      <c r="N538" s="52" t="s">
        <v>2072</v>
      </c>
      <c r="O538" s="52" t="s">
        <v>2073</v>
      </c>
      <c r="P538" s="52"/>
      <c r="Q538" s="52"/>
      <c r="R538" s="52"/>
      <c r="S538" s="52"/>
      <c r="T538" s="52"/>
      <c r="U538" s="52"/>
      <c r="V538" s="52"/>
      <c r="W538" s="52"/>
    </row>
    <row r="539" spans="1:23" hidden="1" x14ac:dyDescent="0.35">
      <c r="A539" s="52" t="s">
        <v>78</v>
      </c>
      <c r="B539" s="52" t="s">
        <v>79</v>
      </c>
      <c r="C539" s="3">
        <v>10</v>
      </c>
      <c r="D539" s="52" t="s">
        <v>2022</v>
      </c>
      <c r="E539" s="52" t="s">
        <v>26</v>
      </c>
      <c r="F539" s="52" t="s">
        <v>81</v>
      </c>
      <c r="G539" s="52" t="s">
        <v>82</v>
      </c>
      <c r="H539" s="4">
        <v>1</v>
      </c>
      <c r="I539" s="2">
        <v>14.65</v>
      </c>
      <c r="J539" s="52" t="s">
        <v>3083</v>
      </c>
      <c r="K539" s="71" t="s">
        <v>3084</v>
      </c>
      <c r="L539" s="52" t="s">
        <v>2063</v>
      </c>
      <c r="M539" s="72">
        <v>8864</v>
      </c>
      <c r="N539" s="52" t="s">
        <v>2072</v>
      </c>
      <c r="O539" s="52" t="s">
        <v>2073</v>
      </c>
      <c r="P539" s="52"/>
      <c r="Q539" s="52"/>
      <c r="R539" s="52"/>
      <c r="S539" s="52"/>
      <c r="T539" s="52"/>
      <c r="U539" s="52"/>
      <c r="V539" s="52"/>
      <c r="W539" s="52"/>
    </row>
    <row r="540" spans="1:23" hidden="1" x14ac:dyDescent="0.35">
      <c r="A540" s="52" t="s">
        <v>78</v>
      </c>
      <c r="B540" s="52" t="s">
        <v>79</v>
      </c>
      <c r="C540" s="3">
        <v>10</v>
      </c>
      <c r="D540" s="52" t="s">
        <v>84</v>
      </c>
      <c r="E540" s="52" t="s">
        <v>26</v>
      </c>
      <c r="F540" s="52" t="s">
        <v>81</v>
      </c>
      <c r="G540" s="52" t="s">
        <v>82</v>
      </c>
      <c r="H540" s="4">
        <v>1</v>
      </c>
      <c r="I540" s="2">
        <v>14.65</v>
      </c>
      <c r="J540" s="52" t="s">
        <v>2093</v>
      </c>
      <c r="K540" s="71" t="s">
        <v>3085</v>
      </c>
      <c r="L540" s="52" t="s">
        <v>2095</v>
      </c>
      <c r="M540" s="72">
        <v>1866</v>
      </c>
      <c r="N540" s="52" t="s">
        <v>2072</v>
      </c>
      <c r="O540" s="52" t="s">
        <v>2073</v>
      </c>
      <c r="P540" s="52"/>
      <c r="Q540" s="52"/>
      <c r="R540" s="52"/>
      <c r="S540" s="52"/>
      <c r="T540" s="52"/>
      <c r="U540" s="52"/>
      <c r="V540" s="52"/>
      <c r="W540" s="52"/>
    </row>
    <row r="541" spans="1:23" hidden="1" x14ac:dyDescent="0.35">
      <c r="A541" s="52" t="s">
        <v>78</v>
      </c>
      <c r="B541" s="52" t="s">
        <v>79</v>
      </c>
      <c r="C541" s="3">
        <v>10</v>
      </c>
      <c r="D541" s="52" t="s">
        <v>2021</v>
      </c>
      <c r="E541" s="52" t="s">
        <v>26</v>
      </c>
      <c r="F541" s="52" t="s">
        <v>81</v>
      </c>
      <c r="G541" s="52" t="s">
        <v>82</v>
      </c>
      <c r="H541" s="4">
        <v>1</v>
      </c>
      <c r="I541" s="2">
        <v>14.65</v>
      </c>
      <c r="J541" s="52" t="s">
        <v>3086</v>
      </c>
      <c r="K541" s="71" t="s">
        <v>3087</v>
      </c>
      <c r="L541" s="52" t="s">
        <v>2063</v>
      </c>
      <c r="M541" s="72">
        <v>9078</v>
      </c>
      <c r="N541" s="52" t="s">
        <v>2072</v>
      </c>
      <c r="O541" s="52" t="s">
        <v>2073</v>
      </c>
      <c r="P541" s="52"/>
      <c r="Q541" s="52"/>
      <c r="R541" s="52"/>
      <c r="S541" s="52"/>
      <c r="T541" s="52"/>
      <c r="U541" s="52"/>
      <c r="V541" s="52"/>
      <c r="W541" s="52"/>
    </row>
    <row r="542" spans="1:23" hidden="1" x14ac:dyDescent="0.35">
      <c r="A542" s="52" t="s">
        <v>78</v>
      </c>
      <c r="B542" s="52" t="s">
        <v>79</v>
      </c>
      <c r="C542" s="3">
        <v>20</v>
      </c>
      <c r="D542" s="52" t="s">
        <v>83</v>
      </c>
      <c r="E542" s="52" t="s">
        <v>26</v>
      </c>
      <c r="F542" s="52" t="s">
        <v>81</v>
      </c>
      <c r="G542" s="52" t="s">
        <v>82</v>
      </c>
      <c r="H542" s="4">
        <v>1</v>
      </c>
      <c r="I542" s="2">
        <v>14.65</v>
      </c>
      <c r="J542" s="52" t="s">
        <v>2787</v>
      </c>
      <c r="K542" s="71" t="s">
        <v>3088</v>
      </c>
      <c r="L542" s="52" t="s">
        <v>2063</v>
      </c>
      <c r="M542" s="72">
        <v>6695</v>
      </c>
      <c r="N542" s="52" t="s">
        <v>2072</v>
      </c>
      <c r="O542" s="52" t="s">
        <v>2073</v>
      </c>
      <c r="P542" s="52"/>
      <c r="Q542" s="52"/>
      <c r="R542" s="52"/>
      <c r="S542" s="52"/>
      <c r="T542" s="52"/>
      <c r="U542" s="52"/>
      <c r="V542" s="52"/>
      <c r="W542" s="52"/>
    </row>
    <row r="543" spans="1:23" hidden="1" x14ac:dyDescent="0.35">
      <c r="A543" s="52" t="s">
        <v>78</v>
      </c>
      <c r="B543" s="52" t="s">
        <v>79</v>
      </c>
      <c r="C543" s="3">
        <v>20</v>
      </c>
      <c r="D543" s="52" t="s">
        <v>85</v>
      </c>
      <c r="E543" s="52" t="s">
        <v>26</v>
      </c>
      <c r="F543" s="52" t="s">
        <v>81</v>
      </c>
      <c r="G543" s="52" t="s">
        <v>82</v>
      </c>
      <c r="H543" s="4">
        <v>1</v>
      </c>
      <c r="I543" s="2">
        <v>14.65</v>
      </c>
      <c r="J543" s="52" t="s">
        <v>3089</v>
      </c>
      <c r="K543" s="71" t="s">
        <v>3090</v>
      </c>
      <c r="L543" s="52" t="s">
        <v>2063</v>
      </c>
      <c r="M543" s="72">
        <v>4484</v>
      </c>
      <c r="N543" s="52" t="s">
        <v>3091</v>
      </c>
      <c r="O543" s="52" t="s">
        <v>3092</v>
      </c>
      <c r="P543" s="52"/>
      <c r="Q543" s="52"/>
      <c r="R543" s="52"/>
      <c r="S543" s="52"/>
      <c r="T543" s="52"/>
      <c r="U543" s="52"/>
      <c r="V543" s="52"/>
      <c r="W543" s="52"/>
    </row>
    <row r="544" spans="1:23" hidden="1" x14ac:dyDescent="0.35">
      <c r="A544" s="52" t="s">
        <v>78</v>
      </c>
      <c r="B544" s="52" t="s">
        <v>79</v>
      </c>
      <c r="C544" s="3">
        <v>10</v>
      </c>
      <c r="D544" s="52" t="s">
        <v>86</v>
      </c>
      <c r="E544" s="52" t="s">
        <v>26</v>
      </c>
      <c r="F544" s="52" t="s">
        <v>81</v>
      </c>
      <c r="G544" s="52" t="s">
        <v>82</v>
      </c>
      <c r="H544" s="4">
        <v>1</v>
      </c>
      <c r="I544" s="2">
        <v>14.65</v>
      </c>
      <c r="J544" s="52" t="s">
        <v>3093</v>
      </c>
      <c r="K544" s="71" t="s">
        <v>3094</v>
      </c>
      <c r="L544" s="52" t="s">
        <v>2063</v>
      </c>
      <c r="M544" s="72">
        <v>5377</v>
      </c>
      <c r="N544" s="52" t="s">
        <v>2072</v>
      </c>
      <c r="O544" s="52" t="s">
        <v>2073</v>
      </c>
      <c r="P544" s="52"/>
      <c r="Q544" s="52"/>
      <c r="R544" s="52"/>
      <c r="S544" s="52"/>
      <c r="T544" s="52"/>
      <c r="U544" s="52"/>
      <c r="V544" s="52"/>
      <c r="W544" s="52"/>
    </row>
    <row r="545" spans="1:23" hidden="1" x14ac:dyDescent="0.35">
      <c r="A545" s="52" t="s">
        <v>78</v>
      </c>
      <c r="B545" s="52" t="s">
        <v>79</v>
      </c>
      <c r="C545" s="3">
        <v>10</v>
      </c>
      <c r="D545" s="52" t="s">
        <v>2024</v>
      </c>
      <c r="E545" s="52" t="s">
        <v>26</v>
      </c>
      <c r="F545" s="52" t="s">
        <v>81</v>
      </c>
      <c r="G545" s="52" t="s">
        <v>82</v>
      </c>
      <c r="H545" s="4">
        <v>1</v>
      </c>
      <c r="I545" s="2">
        <v>14.65</v>
      </c>
      <c r="J545" s="52" t="s">
        <v>2891</v>
      </c>
      <c r="K545" s="71" t="s">
        <v>3095</v>
      </c>
      <c r="L545" s="52" t="s">
        <v>2063</v>
      </c>
      <c r="M545" s="72">
        <v>8654</v>
      </c>
      <c r="N545" s="52" t="s">
        <v>2072</v>
      </c>
      <c r="O545" s="52" t="s">
        <v>2073</v>
      </c>
      <c r="P545" s="52"/>
      <c r="Q545" s="52"/>
      <c r="R545" s="52"/>
      <c r="S545" s="52"/>
      <c r="T545" s="52"/>
      <c r="U545" s="52"/>
      <c r="V545" s="52"/>
      <c r="W545" s="52"/>
    </row>
    <row r="546" spans="1:23" hidden="1" x14ac:dyDescent="0.35">
      <c r="A546" s="52" t="s">
        <v>78</v>
      </c>
      <c r="B546" s="52" t="s">
        <v>79</v>
      </c>
      <c r="C546" s="3">
        <v>20</v>
      </c>
      <c r="D546" s="52" t="s">
        <v>2024</v>
      </c>
      <c r="E546" s="52" t="s">
        <v>26</v>
      </c>
      <c r="F546" s="52" t="s">
        <v>81</v>
      </c>
      <c r="G546" s="52" t="s">
        <v>82</v>
      </c>
      <c r="H546" s="4">
        <v>1</v>
      </c>
      <c r="I546" s="2">
        <v>14.65</v>
      </c>
      <c r="J546" s="52" t="s">
        <v>3096</v>
      </c>
      <c r="K546" s="71" t="s">
        <v>3097</v>
      </c>
      <c r="L546" s="52" t="s">
        <v>2063</v>
      </c>
      <c r="M546" s="72">
        <v>9825</v>
      </c>
      <c r="N546" s="52"/>
      <c r="O546" s="52"/>
      <c r="P546" s="52"/>
      <c r="Q546" s="52"/>
      <c r="R546" s="52"/>
      <c r="S546" s="52"/>
      <c r="T546" s="52"/>
      <c r="U546" s="52"/>
      <c r="V546" s="52"/>
      <c r="W546" s="52"/>
    </row>
    <row r="547" spans="1:23" hidden="1" x14ac:dyDescent="0.35">
      <c r="A547" s="52" t="s">
        <v>78</v>
      </c>
      <c r="B547" s="52" t="s">
        <v>79</v>
      </c>
      <c r="C547" s="3">
        <v>20</v>
      </c>
      <c r="D547" s="52" t="s">
        <v>2022</v>
      </c>
      <c r="E547" s="52" t="s">
        <v>26</v>
      </c>
      <c r="F547" s="52" t="s">
        <v>81</v>
      </c>
      <c r="G547" s="52" t="s">
        <v>82</v>
      </c>
      <c r="H547" s="4">
        <v>1</v>
      </c>
      <c r="I547" s="2">
        <v>14.65</v>
      </c>
      <c r="J547" s="52" t="s">
        <v>3098</v>
      </c>
      <c r="K547" s="71" t="s">
        <v>3099</v>
      </c>
      <c r="L547" s="52" t="s">
        <v>2063</v>
      </c>
      <c r="M547" s="72">
        <v>6397</v>
      </c>
      <c r="N547" s="52" t="s">
        <v>2066</v>
      </c>
      <c r="O547" s="52" t="s">
        <v>2067</v>
      </c>
      <c r="P547" s="52"/>
      <c r="Q547" s="52"/>
      <c r="R547" s="52"/>
      <c r="S547" s="52"/>
      <c r="T547" s="52"/>
      <c r="U547" s="52"/>
      <c r="V547" s="52"/>
      <c r="W547" s="52"/>
    </row>
    <row r="548" spans="1:23" hidden="1" x14ac:dyDescent="0.35">
      <c r="A548" s="52" t="s">
        <v>78</v>
      </c>
      <c r="B548" s="52" t="s">
        <v>79</v>
      </c>
      <c r="C548" s="3">
        <v>211</v>
      </c>
      <c r="D548" s="52" t="s">
        <v>83</v>
      </c>
      <c r="E548" s="52" t="s">
        <v>26</v>
      </c>
      <c r="F548" s="52" t="s">
        <v>81</v>
      </c>
      <c r="G548" s="52" t="s">
        <v>82</v>
      </c>
      <c r="H548" s="4">
        <v>1</v>
      </c>
      <c r="I548" s="2">
        <v>14.65</v>
      </c>
      <c r="J548" s="52" t="s">
        <v>3100</v>
      </c>
      <c r="K548" s="71" t="s">
        <v>3101</v>
      </c>
      <c r="L548" s="52" t="s">
        <v>2063</v>
      </c>
      <c r="M548" s="72">
        <v>1139</v>
      </c>
      <c r="N548" s="52" t="s">
        <v>2066</v>
      </c>
      <c r="O548" s="52" t="s">
        <v>2067</v>
      </c>
      <c r="P548" s="52"/>
      <c r="Q548" s="52"/>
      <c r="R548" s="52"/>
      <c r="S548" s="52"/>
      <c r="T548" s="52"/>
      <c r="U548" s="52"/>
      <c r="V548" s="52"/>
      <c r="W548" s="52"/>
    </row>
    <row r="549" spans="1:23" hidden="1" x14ac:dyDescent="0.35">
      <c r="A549" s="52" t="s">
        <v>78</v>
      </c>
      <c r="B549" s="52" t="s">
        <v>79</v>
      </c>
      <c r="C549" s="3">
        <v>20</v>
      </c>
      <c r="D549" s="52" t="s">
        <v>87</v>
      </c>
      <c r="E549" s="52" t="s">
        <v>26</v>
      </c>
      <c r="F549" s="52" t="s">
        <v>81</v>
      </c>
      <c r="G549" s="52" t="s">
        <v>82</v>
      </c>
      <c r="H549" s="4">
        <v>1</v>
      </c>
      <c r="I549" s="2">
        <v>14.65</v>
      </c>
      <c r="J549" s="52" t="s">
        <v>3102</v>
      </c>
      <c r="K549" s="71" t="s">
        <v>3103</v>
      </c>
      <c r="L549" s="52" t="s">
        <v>2063</v>
      </c>
      <c r="M549" s="72">
        <v>5182</v>
      </c>
      <c r="N549" s="52" t="s">
        <v>2072</v>
      </c>
      <c r="O549" s="52" t="s">
        <v>2073</v>
      </c>
      <c r="P549" s="52"/>
      <c r="Q549" s="52"/>
      <c r="R549" s="52"/>
      <c r="S549" s="52"/>
      <c r="T549" s="52"/>
      <c r="U549" s="52"/>
      <c r="V549" s="52"/>
      <c r="W549" s="52"/>
    </row>
    <row r="550" spans="1:23" hidden="1" x14ac:dyDescent="0.35">
      <c r="A550" s="52" t="s">
        <v>78</v>
      </c>
      <c r="B550" s="52" t="s">
        <v>79</v>
      </c>
      <c r="C550" s="3">
        <v>20</v>
      </c>
      <c r="D550" s="52" t="s">
        <v>2021</v>
      </c>
      <c r="E550" s="52" t="s">
        <v>26</v>
      </c>
      <c r="F550" s="52" t="s">
        <v>81</v>
      </c>
      <c r="G550" s="52" t="s">
        <v>82</v>
      </c>
      <c r="H550" s="4">
        <v>1</v>
      </c>
      <c r="I550" s="2">
        <v>14.65</v>
      </c>
      <c r="J550" s="52" t="s">
        <v>3104</v>
      </c>
      <c r="K550" s="71" t="s">
        <v>3105</v>
      </c>
      <c r="L550" s="52" t="s">
        <v>2063</v>
      </c>
      <c r="M550" s="72">
        <v>2395</v>
      </c>
      <c r="N550" s="52" t="s">
        <v>2072</v>
      </c>
      <c r="O550" s="52" t="s">
        <v>2073</v>
      </c>
      <c r="P550" s="52"/>
      <c r="Q550" s="52"/>
      <c r="R550" s="52"/>
      <c r="S550" s="52"/>
      <c r="T550" s="52"/>
      <c r="U550" s="52"/>
      <c r="V550" s="52"/>
      <c r="W550" s="52"/>
    </row>
    <row r="551" spans="1:23" hidden="1" x14ac:dyDescent="0.35">
      <c r="A551" s="52" t="s">
        <v>78</v>
      </c>
      <c r="B551" s="52" t="s">
        <v>79</v>
      </c>
      <c r="C551" s="3">
        <v>10</v>
      </c>
      <c r="D551" s="52" t="s">
        <v>2023</v>
      </c>
      <c r="E551" s="52" t="s">
        <v>26</v>
      </c>
      <c r="F551" s="52" t="s">
        <v>81</v>
      </c>
      <c r="G551" s="52" t="s">
        <v>82</v>
      </c>
      <c r="H551" s="4">
        <v>1</v>
      </c>
      <c r="I551" s="2">
        <v>14.65</v>
      </c>
      <c r="J551" s="52" t="s">
        <v>3106</v>
      </c>
      <c r="K551" s="71" t="s">
        <v>3107</v>
      </c>
      <c r="L551" s="52" t="s">
        <v>2095</v>
      </c>
      <c r="M551" s="72">
        <v>9416</v>
      </c>
      <c r="N551" s="52"/>
      <c r="O551" s="52"/>
      <c r="P551" s="52"/>
      <c r="Q551" s="52"/>
      <c r="R551" s="52"/>
      <c r="S551" s="52"/>
      <c r="T551" s="52"/>
      <c r="U551" s="52"/>
      <c r="V551" s="52"/>
      <c r="W551" s="52"/>
    </row>
    <row r="552" spans="1:23" x14ac:dyDescent="0.35">
      <c r="A552" s="52" t="s">
        <v>78</v>
      </c>
      <c r="B552" s="52" t="s">
        <v>79</v>
      </c>
      <c r="C552" s="3">
        <v>10</v>
      </c>
      <c r="D552" s="52" t="s">
        <v>84</v>
      </c>
      <c r="E552" s="52" t="s">
        <v>26</v>
      </c>
      <c r="F552" s="52" t="s">
        <v>81</v>
      </c>
      <c r="G552" s="52" t="s">
        <v>82</v>
      </c>
      <c r="H552" s="4">
        <v>1</v>
      </c>
      <c r="I552" s="2">
        <v>14.65</v>
      </c>
      <c r="J552" s="52" t="s">
        <v>2582</v>
      </c>
      <c r="K552" s="71" t="s">
        <v>3108</v>
      </c>
      <c r="L552" s="52" t="s">
        <v>2063</v>
      </c>
      <c r="M552" s="72">
        <v>3848</v>
      </c>
      <c r="N552" s="52" t="s">
        <v>2259</v>
      </c>
      <c r="O552" s="52" t="s">
        <v>2260</v>
      </c>
      <c r="P552" s="52"/>
      <c r="Q552" s="52"/>
      <c r="R552" s="52"/>
      <c r="S552" s="52"/>
      <c r="T552" s="52"/>
      <c r="U552" s="52"/>
      <c r="V552" s="52"/>
      <c r="W552" s="52"/>
    </row>
    <row r="553" spans="1:23" hidden="1" x14ac:dyDescent="0.35">
      <c r="A553" s="52" t="s">
        <v>78</v>
      </c>
      <c r="B553" s="52" t="s">
        <v>79</v>
      </c>
      <c r="C553" s="3">
        <v>10</v>
      </c>
      <c r="D553" s="52" t="s">
        <v>2021</v>
      </c>
      <c r="E553" s="52" t="s">
        <v>26</v>
      </c>
      <c r="F553" s="52" t="s">
        <v>81</v>
      </c>
      <c r="G553" s="52" t="s">
        <v>82</v>
      </c>
      <c r="H553" s="4">
        <v>1</v>
      </c>
      <c r="I553" s="2">
        <v>14.65</v>
      </c>
      <c r="J553" s="52" t="s">
        <v>3109</v>
      </c>
      <c r="K553" s="71" t="s">
        <v>3110</v>
      </c>
      <c r="L553" s="52" t="s">
        <v>2063</v>
      </c>
      <c r="M553" s="72">
        <v>8875</v>
      </c>
      <c r="N553" s="52" t="s">
        <v>2072</v>
      </c>
      <c r="O553" s="52" t="s">
        <v>2073</v>
      </c>
      <c r="P553" s="52"/>
      <c r="Q553" s="52"/>
      <c r="R553" s="52"/>
      <c r="S553" s="52"/>
      <c r="T553" s="52"/>
      <c r="U553" s="52"/>
      <c r="V553" s="52"/>
      <c r="W553" s="52"/>
    </row>
    <row r="554" spans="1:23" hidden="1" x14ac:dyDescent="0.35">
      <c r="A554" s="52" t="s">
        <v>78</v>
      </c>
      <c r="B554" s="52" t="s">
        <v>79</v>
      </c>
      <c r="C554" s="3">
        <v>10</v>
      </c>
      <c r="D554" s="52" t="s">
        <v>2019</v>
      </c>
      <c r="E554" s="52" t="s">
        <v>26</v>
      </c>
      <c r="F554" s="52" t="s">
        <v>81</v>
      </c>
      <c r="G554" s="52" t="s">
        <v>82</v>
      </c>
      <c r="H554" s="4">
        <v>1</v>
      </c>
      <c r="I554" s="2">
        <v>14.65</v>
      </c>
      <c r="J554" s="52" t="s">
        <v>2511</v>
      </c>
      <c r="K554" s="71" t="s">
        <v>3111</v>
      </c>
      <c r="L554" s="52" t="s">
        <v>2063</v>
      </c>
      <c r="M554" s="72">
        <v>505</v>
      </c>
      <c r="N554" s="52" t="s">
        <v>2072</v>
      </c>
      <c r="O554" s="52" t="s">
        <v>2073</v>
      </c>
      <c r="P554" s="52"/>
      <c r="Q554" s="52"/>
      <c r="R554" s="52"/>
      <c r="S554" s="52"/>
      <c r="T554" s="52"/>
      <c r="U554" s="52"/>
      <c r="V554" s="52"/>
      <c r="W554" s="52"/>
    </row>
    <row r="555" spans="1:23" hidden="1" x14ac:dyDescent="0.35">
      <c r="A555" s="52" t="s">
        <v>78</v>
      </c>
      <c r="B555" s="52" t="s">
        <v>79</v>
      </c>
      <c r="C555" s="3">
        <v>20</v>
      </c>
      <c r="D555" s="52" t="s">
        <v>83</v>
      </c>
      <c r="E555" s="52" t="s">
        <v>26</v>
      </c>
      <c r="F555" s="52" t="s">
        <v>81</v>
      </c>
      <c r="G555" s="52" t="s">
        <v>82</v>
      </c>
      <c r="H555" s="4">
        <v>1</v>
      </c>
      <c r="I555" s="2">
        <v>14.65</v>
      </c>
      <c r="J555" s="52" t="s">
        <v>3112</v>
      </c>
      <c r="K555" s="71" t="s">
        <v>3113</v>
      </c>
      <c r="L555" s="52" t="s">
        <v>2063</v>
      </c>
      <c r="M555" s="72">
        <v>4071</v>
      </c>
      <c r="N555" s="52" t="s">
        <v>2072</v>
      </c>
      <c r="O555" s="52" t="s">
        <v>2073</v>
      </c>
      <c r="P555" s="52"/>
      <c r="Q555" s="52"/>
      <c r="R555" s="52"/>
      <c r="S555" s="52"/>
      <c r="T555" s="52"/>
      <c r="U555" s="52"/>
      <c r="V555" s="52"/>
      <c r="W555" s="52"/>
    </row>
    <row r="556" spans="1:23" hidden="1" x14ac:dyDescent="0.35">
      <c r="A556" s="52" t="s">
        <v>78</v>
      </c>
      <c r="B556" s="52" t="s">
        <v>79</v>
      </c>
      <c r="C556" s="3">
        <v>20</v>
      </c>
      <c r="D556" s="52" t="s">
        <v>2021</v>
      </c>
      <c r="E556" s="52" t="s">
        <v>26</v>
      </c>
      <c r="F556" s="52" t="s">
        <v>81</v>
      </c>
      <c r="G556" s="52" t="s">
        <v>82</v>
      </c>
      <c r="H556" s="4">
        <v>1</v>
      </c>
      <c r="I556" s="2">
        <v>14.65</v>
      </c>
      <c r="J556" s="52" t="s">
        <v>3114</v>
      </c>
      <c r="K556" s="71" t="s">
        <v>3115</v>
      </c>
      <c r="L556" s="52" t="s">
        <v>2063</v>
      </c>
      <c r="M556" s="72">
        <v>2822</v>
      </c>
      <c r="N556" s="52" t="s">
        <v>2072</v>
      </c>
      <c r="O556" s="52" t="s">
        <v>2073</v>
      </c>
      <c r="P556" s="52"/>
      <c r="Q556" s="52"/>
      <c r="R556" s="52"/>
      <c r="S556" s="52"/>
      <c r="T556" s="52"/>
      <c r="U556" s="52"/>
      <c r="V556" s="52"/>
      <c r="W556" s="52"/>
    </row>
    <row r="557" spans="1:23" hidden="1" x14ac:dyDescent="0.35">
      <c r="A557" s="52" t="s">
        <v>78</v>
      </c>
      <c r="B557" s="52" t="s">
        <v>79</v>
      </c>
      <c r="C557" s="3">
        <v>20</v>
      </c>
      <c r="D557" s="52" t="s">
        <v>83</v>
      </c>
      <c r="E557" s="52" t="s">
        <v>26</v>
      </c>
      <c r="F557" s="52" t="s">
        <v>81</v>
      </c>
      <c r="G557" s="52" t="s">
        <v>82</v>
      </c>
      <c r="H557" s="4">
        <v>1</v>
      </c>
      <c r="I557" s="2">
        <v>14.65</v>
      </c>
      <c r="J557" s="52" t="s">
        <v>3116</v>
      </c>
      <c r="K557" s="71" t="s">
        <v>3117</v>
      </c>
      <c r="L557" s="52" t="s">
        <v>2063</v>
      </c>
      <c r="M557" s="72">
        <v>7882</v>
      </c>
      <c r="N557" s="52" t="s">
        <v>2158</v>
      </c>
      <c r="O557" s="52" t="s">
        <v>2159</v>
      </c>
      <c r="P557" s="52"/>
      <c r="Q557" s="52"/>
      <c r="R557" s="52"/>
      <c r="S557" s="52"/>
      <c r="T557" s="52"/>
      <c r="U557" s="52"/>
      <c r="V557" s="52"/>
      <c r="W557" s="52"/>
    </row>
    <row r="558" spans="1:23" hidden="1" x14ac:dyDescent="0.35">
      <c r="A558" s="52" t="s">
        <v>78</v>
      </c>
      <c r="B558" s="52" t="s">
        <v>79</v>
      </c>
      <c r="C558" s="3">
        <v>10</v>
      </c>
      <c r="D558" s="52" t="s">
        <v>2019</v>
      </c>
      <c r="E558" s="52" t="s">
        <v>26</v>
      </c>
      <c r="F558" s="52" t="s">
        <v>81</v>
      </c>
      <c r="G558" s="52" t="s">
        <v>82</v>
      </c>
      <c r="H558" s="4">
        <v>1</v>
      </c>
      <c r="I558" s="2">
        <v>14.65</v>
      </c>
      <c r="J558" s="52" t="s">
        <v>3118</v>
      </c>
      <c r="K558" s="71" t="s">
        <v>3119</v>
      </c>
      <c r="L558" s="52" t="s">
        <v>2063</v>
      </c>
      <c r="M558" s="72">
        <v>7610</v>
      </c>
      <c r="N558" s="52" t="s">
        <v>2066</v>
      </c>
      <c r="O558" s="52" t="s">
        <v>2067</v>
      </c>
      <c r="P558" s="52"/>
      <c r="Q558" s="52"/>
      <c r="R558" s="52"/>
      <c r="S558" s="52"/>
      <c r="T558" s="52"/>
      <c r="U558" s="52"/>
      <c r="V558" s="52"/>
      <c r="W558" s="52"/>
    </row>
    <row r="559" spans="1:23" hidden="1" x14ac:dyDescent="0.35">
      <c r="A559" s="52" t="s">
        <v>78</v>
      </c>
      <c r="B559" s="52" t="s">
        <v>79</v>
      </c>
      <c r="C559" s="3">
        <v>20</v>
      </c>
      <c r="D559" s="52" t="s">
        <v>84</v>
      </c>
      <c r="E559" s="52" t="s">
        <v>26</v>
      </c>
      <c r="F559" s="52" t="s">
        <v>81</v>
      </c>
      <c r="G559" s="52" t="s">
        <v>82</v>
      </c>
      <c r="H559" s="4">
        <v>1</v>
      </c>
      <c r="I559" s="2">
        <v>14.65</v>
      </c>
      <c r="J559" s="52" t="s">
        <v>3120</v>
      </c>
      <c r="K559" s="71" t="s">
        <v>3121</v>
      </c>
      <c r="L559" s="52" t="s">
        <v>2063</v>
      </c>
      <c r="M559" s="72">
        <v>7958</v>
      </c>
      <c r="N559" s="52" t="s">
        <v>2154</v>
      </c>
      <c r="O559" s="52" t="s">
        <v>2155</v>
      </c>
      <c r="P559" s="52"/>
      <c r="Q559" s="52"/>
      <c r="R559" s="52"/>
      <c r="S559" s="52"/>
      <c r="T559" s="52"/>
      <c r="U559" s="52"/>
      <c r="V559" s="52"/>
      <c r="W559" s="52"/>
    </row>
    <row r="560" spans="1:23" hidden="1" x14ac:dyDescent="0.35">
      <c r="A560" s="52" t="s">
        <v>78</v>
      </c>
      <c r="B560" s="52" t="s">
        <v>79</v>
      </c>
      <c r="C560" s="3">
        <v>20</v>
      </c>
      <c r="D560" s="52" t="s">
        <v>80</v>
      </c>
      <c r="E560" s="52" t="s">
        <v>26</v>
      </c>
      <c r="F560" s="52" t="s">
        <v>81</v>
      </c>
      <c r="G560" s="52" t="s">
        <v>82</v>
      </c>
      <c r="H560" s="4">
        <v>1</v>
      </c>
      <c r="I560" s="2">
        <v>14.65</v>
      </c>
      <c r="J560" s="52" t="s">
        <v>3122</v>
      </c>
      <c r="K560" s="71" t="s">
        <v>3123</v>
      </c>
      <c r="L560" s="52" t="s">
        <v>2063</v>
      </c>
      <c r="M560" s="72">
        <v>6363</v>
      </c>
      <c r="N560" s="52" t="s">
        <v>2066</v>
      </c>
      <c r="O560" s="52" t="s">
        <v>2067</v>
      </c>
      <c r="P560" s="52"/>
      <c r="Q560" s="52"/>
      <c r="R560" s="52"/>
      <c r="S560" s="52"/>
      <c r="T560" s="52"/>
      <c r="U560" s="52"/>
      <c r="V560" s="52"/>
      <c r="W560" s="52"/>
    </row>
    <row r="561" spans="1:23" hidden="1" x14ac:dyDescent="0.35">
      <c r="A561" s="52" t="s">
        <v>78</v>
      </c>
      <c r="B561" s="52" t="s">
        <v>79</v>
      </c>
      <c r="C561" s="3">
        <v>20</v>
      </c>
      <c r="D561" s="52" t="s">
        <v>83</v>
      </c>
      <c r="E561" s="52" t="s">
        <v>26</v>
      </c>
      <c r="F561" s="52" t="s">
        <v>81</v>
      </c>
      <c r="G561" s="52" t="s">
        <v>82</v>
      </c>
      <c r="H561" s="4">
        <v>1</v>
      </c>
      <c r="I561" s="2">
        <v>14.65</v>
      </c>
      <c r="J561" s="52" t="s">
        <v>3124</v>
      </c>
      <c r="K561" s="71" t="s">
        <v>3125</v>
      </c>
      <c r="L561" s="52" t="s">
        <v>2063</v>
      </c>
      <c r="M561" s="72">
        <v>3805</v>
      </c>
      <c r="N561" s="52" t="s">
        <v>2158</v>
      </c>
      <c r="O561" s="52" t="s">
        <v>2159</v>
      </c>
      <c r="P561" s="52"/>
      <c r="Q561" s="52"/>
      <c r="R561" s="52"/>
      <c r="S561" s="52"/>
      <c r="T561" s="52"/>
      <c r="U561" s="52"/>
      <c r="V561" s="52"/>
      <c r="W561" s="52"/>
    </row>
    <row r="562" spans="1:23" hidden="1" x14ac:dyDescent="0.35">
      <c r="A562" s="52" t="s">
        <v>78</v>
      </c>
      <c r="B562" s="52" t="s">
        <v>79</v>
      </c>
      <c r="C562" s="3">
        <v>10</v>
      </c>
      <c r="D562" s="52" t="s">
        <v>2023</v>
      </c>
      <c r="E562" s="52" t="s">
        <v>26</v>
      </c>
      <c r="F562" s="52" t="s">
        <v>81</v>
      </c>
      <c r="G562" s="52" t="s">
        <v>82</v>
      </c>
      <c r="H562" s="4">
        <v>1</v>
      </c>
      <c r="I562" s="2">
        <v>14.65</v>
      </c>
      <c r="J562" s="52" t="s">
        <v>2093</v>
      </c>
      <c r="K562" s="71" t="s">
        <v>3126</v>
      </c>
      <c r="L562" s="52" t="s">
        <v>2095</v>
      </c>
      <c r="M562" s="72">
        <v>8812</v>
      </c>
      <c r="N562" s="52" t="s">
        <v>2072</v>
      </c>
      <c r="O562" s="52" t="s">
        <v>2073</v>
      </c>
      <c r="P562" s="52"/>
      <c r="Q562" s="52"/>
      <c r="R562" s="52"/>
      <c r="S562" s="52"/>
      <c r="T562" s="52"/>
      <c r="U562" s="52"/>
      <c r="V562" s="52"/>
      <c r="W562" s="52"/>
    </row>
    <row r="563" spans="1:23" hidden="1" x14ac:dyDescent="0.35">
      <c r="A563" s="52" t="s">
        <v>78</v>
      </c>
      <c r="B563" s="52" t="s">
        <v>79</v>
      </c>
      <c r="C563" s="3">
        <v>20</v>
      </c>
      <c r="D563" s="52" t="s">
        <v>2024</v>
      </c>
      <c r="E563" s="52" t="s">
        <v>26</v>
      </c>
      <c r="F563" s="52" t="s">
        <v>81</v>
      </c>
      <c r="G563" s="52" t="s">
        <v>82</v>
      </c>
      <c r="H563" s="4">
        <v>1</v>
      </c>
      <c r="I563" s="2">
        <v>14.65</v>
      </c>
      <c r="J563" s="52" t="s">
        <v>3127</v>
      </c>
      <c r="K563" s="71" t="s">
        <v>3128</v>
      </c>
      <c r="L563" s="52" t="s">
        <v>2063</v>
      </c>
      <c r="M563" s="72">
        <v>651</v>
      </c>
      <c r="N563" s="52" t="s">
        <v>2066</v>
      </c>
      <c r="O563" s="52" t="s">
        <v>2067</v>
      </c>
      <c r="P563" s="52"/>
      <c r="Q563" s="52"/>
      <c r="R563" s="52"/>
      <c r="S563" s="52"/>
      <c r="T563" s="52"/>
      <c r="U563" s="52"/>
      <c r="V563" s="52"/>
      <c r="W563" s="52"/>
    </row>
    <row r="564" spans="1:23" hidden="1" x14ac:dyDescent="0.35">
      <c r="A564" s="52" t="s">
        <v>78</v>
      </c>
      <c r="B564" s="52" t="s">
        <v>79</v>
      </c>
      <c r="C564" s="3">
        <v>20</v>
      </c>
      <c r="D564" s="52" t="s">
        <v>2020</v>
      </c>
      <c r="E564" s="52" t="s">
        <v>26</v>
      </c>
      <c r="F564" s="52" t="s">
        <v>81</v>
      </c>
      <c r="G564" s="52" t="s">
        <v>82</v>
      </c>
      <c r="H564" s="4">
        <v>1</v>
      </c>
      <c r="I564" s="2">
        <v>14.65</v>
      </c>
      <c r="J564" s="52" t="s">
        <v>2325</v>
      </c>
      <c r="K564" s="71" t="s">
        <v>3129</v>
      </c>
      <c r="L564" s="52" t="s">
        <v>2063</v>
      </c>
      <c r="M564" s="72">
        <v>8145</v>
      </c>
      <c r="N564" s="52" t="s">
        <v>2072</v>
      </c>
      <c r="O564" s="52" t="s">
        <v>2073</v>
      </c>
      <c r="P564" s="52"/>
      <c r="Q564" s="52"/>
      <c r="R564" s="52"/>
      <c r="S564" s="52"/>
      <c r="T564" s="52"/>
      <c r="U564" s="52"/>
      <c r="V564" s="52"/>
      <c r="W564" s="52"/>
    </row>
    <row r="565" spans="1:23" hidden="1" x14ac:dyDescent="0.35">
      <c r="A565" s="52" t="s">
        <v>78</v>
      </c>
      <c r="B565" s="52" t="s">
        <v>79</v>
      </c>
      <c r="C565" s="3">
        <v>20</v>
      </c>
      <c r="D565" s="52" t="s">
        <v>80</v>
      </c>
      <c r="E565" s="52" t="s">
        <v>26</v>
      </c>
      <c r="F565" s="52" t="s">
        <v>81</v>
      </c>
      <c r="G565" s="52" t="s">
        <v>82</v>
      </c>
      <c r="H565" s="4">
        <v>1</v>
      </c>
      <c r="I565" s="2">
        <v>14.65</v>
      </c>
      <c r="J565" s="52" t="s">
        <v>3130</v>
      </c>
      <c r="K565" s="71" t="s">
        <v>3131</v>
      </c>
      <c r="L565" s="52" t="s">
        <v>2063</v>
      </c>
      <c r="M565" s="72">
        <v>8848</v>
      </c>
      <c r="N565" s="52" t="s">
        <v>2072</v>
      </c>
      <c r="O565" s="52" t="s">
        <v>2073</v>
      </c>
      <c r="P565" s="52"/>
      <c r="Q565" s="52"/>
      <c r="R565" s="52"/>
      <c r="S565" s="52"/>
      <c r="T565" s="52"/>
      <c r="U565" s="52"/>
      <c r="V565" s="52"/>
      <c r="W565" s="52"/>
    </row>
    <row r="566" spans="1:23" hidden="1" x14ac:dyDescent="0.35">
      <c r="A566" s="52" t="s">
        <v>78</v>
      </c>
      <c r="B566" s="52" t="s">
        <v>79</v>
      </c>
      <c r="C566" s="3">
        <v>20</v>
      </c>
      <c r="D566" s="52" t="s">
        <v>87</v>
      </c>
      <c r="E566" s="52" t="s">
        <v>26</v>
      </c>
      <c r="F566" s="52" t="s">
        <v>81</v>
      </c>
      <c r="G566" s="52" t="s">
        <v>82</v>
      </c>
      <c r="H566" s="4">
        <v>1</v>
      </c>
      <c r="I566" s="2">
        <v>14.65</v>
      </c>
      <c r="J566" s="52" t="s">
        <v>3132</v>
      </c>
      <c r="K566" s="71" t="s">
        <v>3133</v>
      </c>
      <c r="L566" s="52" t="s">
        <v>2063</v>
      </c>
      <c r="M566" s="72">
        <v>5635</v>
      </c>
      <c r="N566" s="52" t="s">
        <v>2072</v>
      </c>
      <c r="O566" s="52" t="s">
        <v>2073</v>
      </c>
      <c r="P566" s="52"/>
      <c r="Q566" s="52"/>
      <c r="R566" s="52"/>
      <c r="S566" s="52"/>
      <c r="T566" s="52"/>
      <c r="U566" s="52"/>
      <c r="V566" s="52"/>
      <c r="W566" s="52"/>
    </row>
    <row r="567" spans="1:23" hidden="1" x14ac:dyDescent="0.35">
      <c r="A567" s="52" t="s">
        <v>78</v>
      </c>
      <c r="B567" s="52" t="s">
        <v>79</v>
      </c>
      <c r="C567" s="3">
        <v>211</v>
      </c>
      <c r="D567" s="52" t="s">
        <v>84</v>
      </c>
      <c r="E567" s="52" t="s">
        <v>26</v>
      </c>
      <c r="F567" s="52" t="s">
        <v>81</v>
      </c>
      <c r="G567" s="52" t="s">
        <v>82</v>
      </c>
      <c r="H567" s="4">
        <v>1</v>
      </c>
      <c r="I567" s="2">
        <v>14.65</v>
      </c>
      <c r="J567" s="52" t="s">
        <v>3134</v>
      </c>
      <c r="K567" s="71" t="s">
        <v>3135</v>
      </c>
      <c r="L567" s="52" t="s">
        <v>2063</v>
      </c>
      <c r="M567" s="72">
        <v>3644</v>
      </c>
      <c r="N567" s="52" t="s">
        <v>2066</v>
      </c>
      <c r="O567" s="52" t="s">
        <v>2067</v>
      </c>
      <c r="P567" s="52"/>
      <c r="Q567" s="52"/>
      <c r="R567" s="52"/>
      <c r="S567" s="52"/>
      <c r="T567" s="52"/>
      <c r="U567" s="52"/>
      <c r="V567" s="52"/>
      <c r="W567" s="52"/>
    </row>
    <row r="568" spans="1:23" hidden="1" x14ac:dyDescent="0.35">
      <c r="A568" s="52" t="s">
        <v>78</v>
      </c>
      <c r="B568" s="52" t="s">
        <v>79</v>
      </c>
      <c r="C568" s="3">
        <v>20</v>
      </c>
      <c r="D568" s="52" t="s">
        <v>84</v>
      </c>
      <c r="E568" s="52" t="s">
        <v>26</v>
      </c>
      <c r="F568" s="52" t="s">
        <v>81</v>
      </c>
      <c r="G568" s="52" t="s">
        <v>82</v>
      </c>
      <c r="H568" s="4">
        <v>1</v>
      </c>
      <c r="I568" s="2">
        <v>14.65</v>
      </c>
      <c r="J568" s="52" t="s">
        <v>3136</v>
      </c>
      <c r="K568" s="71" t="s">
        <v>3137</v>
      </c>
      <c r="L568" s="52" t="s">
        <v>2063</v>
      </c>
      <c r="M568" s="72">
        <v>9594</v>
      </c>
      <c r="N568" s="52"/>
      <c r="O568" s="52"/>
      <c r="P568" s="52"/>
      <c r="Q568" s="52"/>
      <c r="R568" s="52"/>
      <c r="S568" s="52"/>
      <c r="T568" s="52"/>
      <c r="U568" s="52"/>
      <c r="V568" s="52"/>
      <c r="W568" s="52"/>
    </row>
    <row r="569" spans="1:23" hidden="1" x14ac:dyDescent="0.35">
      <c r="A569" s="52" t="s">
        <v>78</v>
      </c>
      <c r="B569" s="52" t="s">
        <v>79</v>
      </c>
      <c r="C569" s="3">
        <v>20</v>
      </c>
      <c r="D569" s="52" t="s">
        <v>2023</v>
      </c>
      <c r="E569" s="52" t="s">
        <v>26</v>
      </c>
      <c r="F569" s="52" t="s">
        <v>81</v>
      </c>
      <c r="G569" s="52" t="s">
        <v>82</v>
      </c>
      <c r="H569" s="4">
        <v>1</v>
      </c>
      <c r="I569" s="2">
        <v>14.65</v>
      </c>
      <c r="J569" s="52" t="s">
        <v>3138</v>
      </c>
      <c r="K569" s="71" t="s">
        <v>3139</v>
      </c>
      <c r="L569" s="52" t="s">
        <v>2063</v>
      </c>
      <c r="M569" s="72">
        <v>57</v>
      </c>
      <c r="N569" s="52" t="s">
        <v>2072</v>
      </c>
      <c r="O569" s="52" t="s">
        <v>2073</v>
      </c>
      <c r="P569" s="52"/>
      <c r="Q569" s="52"/>
      <c r="R569" s="52"/>
      <c r="S569" s="52"/>
      <c r="T569" s="52"/>
      <c r="U569" s="52"/>
      <c r="V569" s="52"/>
      <c r="W569" s="52"/>
    </row>
    <row r="570" spans="1:23" x14ac:dyDescent="0.35">
      <c r="A570" s="52" t="s">
        <v>78</v>
      </c>
      <c r="B570" s="52" t="s">
        <v>79</v>
      </c>
      <c r="C570" s="3">
        <v>20</v>
      </c>
      <c r="D570" s="52" t="s">
        <v>84</v>
      </c>
      <c r="E570" s="52" t="s">
        <v>26</v>
      </c>
      <c r="F570" s="52" t="s">
        <v>81</v>
      </c>
      <c r="G570" s="52" t="s">
        <v>82</v>
      </c>
      <c r="H570" s="4">
        <v>1</v>
      </c>
      <c r="I570" s="2">
        <v>14.65</v>
      </c>
      <c r="J570" s="52" t="s">
        <v>3140</v>
      </c>
      <c r="K570" s="71" t="s">
        <v>3141</v>
      </c>
      <c r="L570" s="52" t="s">
        <v>2063</v>
      </c>
      <c r="M570" s="72">
        <v>7322</v>
      </c>
      <c r="N570" s="52" t="s">
        <v>2259</v>
      </c>
      <c r="O570" s="52" t="s">
        <v>2260</v>
      </c>
      <c r="P570" s="52"/>
      <c r="Q570" s="52"/>
      <c r="R570" s="52"/>
      <c r="S570" s="52"/>
      <c r="T570" s="52"/>
      <c r="U570" s="52"/>
      <c r="V570" s="52"/>
      <c r="W570" s="52"/>
    </row>
    <row r="571" spans="1:23" hidden="1" x14ac:dyDescent="0.35">
      <c r="A571" s="52" t="s">
        <v>78</v>
      </c>
      <c r="B571" s="52" t="s">
        <v>79</v>
      </c>
      <c r="C571" s="3">
        <v>20</v>
      </c>
      <c r="D571" s="52" t="s">
        <v>2021</v>
      </c>
      <c r="E571" s="52" t="s">
        <v>26</v>
      </c>
      <c r="F571" s="52" t="s">
        <v>81</v>
      </c>
      <c r="G571" s="52" t="s">
        <v>82</v>
      </c>
      <c r="H571" s="4">
        <v>1</v>
      </c>
      <c r="I571" s="2">
        <v>14.65</v>
      </c>
      <c r="J571" s="52" t="s">
        <v>3142</v>
      </c>
      <c r="K571" s="71" t="s">
        <v>3143</v>
      </c>
      <c r="L571" s="52" t="s">
        <v>2063</v>
      </c>
      <c r="M571" s="72">
        <v>195</v>
      </c>
      <c r="N571" s="52" t="s">
        <v>2072</v>
      </c>
      <c r="O571" s="52" t="s">
        <v>2073</v>
      </c>
      <c r="P571" s="52"/>
      <c r="Q571" s="52"/>
      <c r="R571" s="52"/>
      <c r="S571" s="52"/>
      <c r="T571" s="52"/>
      <c r="U571" s="52"/>
      <c r="V571" s="52"/>
      <c r="W571" s="52"/>
    </row>
    <row r="572" spans="1:23" hidden="1" x14ac:dyDescent="0.35">
      <c r="A572" s="52" t="s">
        <v>78</v>
      </c>
      <c r="B572" s="52" t="s">
        <v>79</v>
      </c>
      <c r="C572" s="3">
        <v>20</v>
      </c>
      <c r="D572" s="52" t="s">
        <v>2024</v>
      </c>
      <c r="E572" s="52" t="s">
        <v>26</v>
      </c>
      <c r="F572" s="52" t="s">
        <v>81</v>
      </c>
      <c r="G572" s="52" t="s">
        <v>82</v>
      </c>
      <c r="H572" s="4">
        <v>1</v>
      </c>
      <c r="I572" s="2">
        <v>14.65</v>
      </c>
      <c r="J572" s="52" t="s">
        <v>3144</v>
      </c>
      <c r="K572" s="71" t="s">
        <v>3145</v>
      </c>
      <c r="L572" s="52" t="s">
        <v>2063</v>
      </c>
      <c r="M572" s="72">
        <v>5699</v>
      </c>
      <c r="N572" s="52"/>
      <c r="O572" s="52"/>
      <c r="P572" s="52"/>
      <c r="Q572" s="52"/>
      <c r="R572" s="52"/>
      <c r="S572" s="52"/>
      <c r="T572" s="52"/>
      <c r="U572" s="52"/>
      <c r="V572" s="52"/>
      <c r="W572" s="52"/>
    </row>
    <row r="573" spans="1:23" hidden="1" x14ac:dyDescent="0.35">
      <c r="A573" s="52" t="s">
        <v>78</v>
      </c>
      <c r="B573" s="52" t="s">
        <v>79</v>
      </c>
      <c r="C573" s="3">
        <v>10</v>
      </c>
      <c r="D573" s="52" t="s">
        <v>2024</v>
      </c>
      <c r="E573" s="52" t="s">
        <v>26</v>
      </c>
      <c r="F573" s="52" t="s">
        <v>81</v>
      </c>
      <c r="G573" s="52" t="s">
        <v>82</v>
      </c>
      <c r="H573" s="4">
        <v>1</v>
      </c>
      <c r="I573" s="2">
        <v>14.65</v>
      </c>
      <c r="J573" s="52" t="s">
        <v>3146</v>
      </c>
      <c r="K573" s="71" t="s">
        <v>3147</v>
      </c>
      <c r="L573" s="52" t="s">
        <v>2063</v>
      </c>
      <c r="M573" s="72">
        <v>988</v>
      </c>
      <c r="N573" s="52"/>
      <c r="O573" s="52"/>
      <c r="P573" s="52"/>
      <c r="Q573" s="52"/>
      <c r="R573" s="52"/>
      <c r="S573" s="52"/>
      <c r="T573" s="52"/>
      <c r="U573" s="52"/>
      <c r="V573" s="52"/>
      <c r="W573" s="52"/>
    </row>
    <row r="574" spans="1:23" hidden="1" x14ac:dyDescent="0.35">
      <c r="A574" s="52" t="s">
        <v>78</v>
      </c>
      <c r="B574" s="52" t="s">
        <v>79</v>
      </c>
      <c r="C574" s="3">
        <v>10</v>
      </c>
      <c r="D574" s="52" t="s">
        <v>2023</v>
      </c>
      <c r="E574" s="52" t="s">
        <v>26</v>
      </c>
      <c r="F574" s="52" t="s">
        <v>81</v>
      </c>
      <c r="G574" s="52" t="s">
        <v>82</v>
      </c>
      <c r="H574" s="4">
        <v>1</v>
      </c>
      <c r="I574" s="2">
        <v>14.65</v>
      </c>
      <c r="J574" s="52" t="s">
        <v>2093</v>
      </c>
      <c r="K574" s="71" t="s">
        <v>3148</v>
      </c>
      <c r="L574" s="52" t="s">
        <v>2095</v>
      </c>
      <c r="M574" s="72">
        <v>7617</v>
      </c>
      <c r="N574" s="52" t="s">
        <v>2072</v>
      </c>
      <c r="O574" s="52" t="s">
        <v>2073</v>
      </c>
      <c r="P574" s="52"/>
      <c r="Q574" s="52"/>
      <c r="R574" s="52"/>
      <c r="S574" s="52"/>
      <c r="T574" s="52"/>
      <c r="U574" s="52"/>
      <c r="V574" s="52"/>
      <c r="W574" s="52"/>
    </row>
    <row r="575" spans="1:23" hidden="1" x14ac:dyDescent="0.35">
      <c r="A575" s="52" t="s">
        <v>78</v>
      </c>
      <c r="B575" s="52" t="s">
        <v>79</v>
      </c>
      <c r="C575" s="3">
        <v>211</v>
      </c>
      <c r="D575" s="52" t="s">
        <v>2021</v>
      </c>
      <c r="E575" s="52" t="s">
        <v>26</v>
      </c>
      <c r="F575" s="52" t="s">
        <v>81</v>
      </c>
      <c r="G575" s="52" t="s">
        <v>82</v>
      </c>
      <c r="H575" s="4">
        <v>1</v>
      </c>
      <c r="I575" s="2">
        <v>14.65</v>
      </c>
      <c r="J575" s="52" t="s">
        <v>3149</v>
      </c>
      <c r="K575" s="71" t="s">
        <v>3150</v>
      </c>
      <c r="L575" s="52" t="s">
        <v>2063</v>
      </c>
      <c r="M575" s="72">
        <v>9993</v>
      </c>
      <c r="N575" s="52" t="s">
        <v>2154</v>
      </c>
      <c r="O575" s="52" t="s">
        <v>2155</v>
      </c>
      <c r="P575" s="52"/>
      <c r="Q575" s="52"/>
      <c r="R575" s="52"/>
      <c r="S575" s="52"/>
      <c r="T575" s="52"/>
      <c r="U575" s="52"/>
      <c r="V575" s="52"/>
      <c r="W575" s="52"/>
    </row>
    <row r="576" spans="1:23" hidden="1" x14ac:dyDescent="0.35">
      <c r="A576" s="52" t="s">
        <v>78</v>
      </c>
      <c r="B576" s="52" t="s">
        <v>79</v>
      </c>
      <c r="C576" s="3">
        <v>20</v>
      </c>
      <c r="D576" s="52" t="s">
        <v>83</v>
      </c>
      <c r="E576" s="52" t="s">
        <v>26</v>
      </c>
      <c r="F576" s="52" t="s">
        <v>81</v>
      </c>
      <c r="G576" s="52" t="s">
        <v>82</v>
      </c>
      <c r="H576" s="4">
        <v>1</v>
      </c>
      <c r="I576" s="2">
        <v>14.65</v>
      </c>
      <c r="J576" s="52" t="s">
        <v>3151</v>
      </c>
      <c r="K576" s="71" t="s">
        <v>3152</v>
      </c>
      <c r="L576" s="52" t="s">
        <v>2063</v>
      </c>
      <c r="M576" s="72">
        <v>1865</v>
      </c>
      <c r="N576" s="52" t="s">
        <v>2066</v>
      </c>
      <c r="O576" s="52" t="s">
        <v>2067</v>
      </c>
      <c r="P576" s="52"/>
      <c r="Q576" s="52"/>
      <c r="R576" s="52"/>
      <c r="S576" s="52"/>
      <c r="T576" s="52"/>
      <c r="U576" s="52"/>
      <c r="V576" s="52"/>
      <c r="W576" s="52"/>
    </row>
    <row r="577" spans="1:23" hidden="1" x14ac:dyDescent="0.35">
      <c r="A577" s="52" t="s">
        <v>78</v>
      </c>
      <c r="B577" s="52" t="s">
        <v>79</v>
      </c>
      <c r="C577" s="3">
        <v>20</v>
      </c>
      <c r="D577" s="52" t="s">
        <v>87</v>
      </c>
      <c r="E577" s="52" t="s">
        <v>26</v>
      </c>
      <c r="F577" s="52" t="s">
        <v>81</v>
      </c>
      <c r="G577" s="52" t="s">
        <v>82</v>
      </c>
      <c r="H577" s="4">
        <v>1</v>
      </c>
      <c r="I577" s="2">
        <v>14.65</v>
      </c>
      <c r="J577" s="52" t="s">
        <v>2452</v>
      </c>
      <c r="K577" s="71" t="s">
        <v>3153</v>
      </c>
      <c r="L577" s="52" t="s">
        <v>2063</v>
      </c>
      <c r="M577" s="72">
        <v>7715</v>
      </c>
      <c r="N577" s="52" t="s">
        <v>2072</v>
      </c>
      <c r="O577" s="52" t="s">
        <v>2073</v>
      </c>
      <c r="P577" s="52"/>
      <c r="Q577" s="52"/>
      <c r="R577" s="52"/>
      <c r="S577" s="52"/>
      <c r="T577" s="52"/>
      <c r="U577" s="52"/>
      <c r="V577" s="52"/>
      <c r="W577" s="52"/>
    </row>
    <row r="578" spans="1:23" hidden="1" x14ac:dyDescent="0.35">
      <c r="A578" s="52" t="s">
        <v>78</v>
      </c>
      <c r="B578" s="52" t="s">
        <v>79</v>
      </c>
      <c r="C578" s="3">
        <v>20</v>
      </c>
      <c r="D578" s="52" t="s">
        <v>2021</v>
      </c>
      <c r="E578" s="52" t="s">
        <v>26</v>
      </c>
      <c r="F578" s="52" t="s">
        <v>81</v>
      </c>
      <c r="G578" s="52" t="s">
        <v>82</v>
      </c>
      <c r="H578" s="4">
        <v>1</v>
      </c>
      <c r="I578" s="2">
        <v>14.65</v>
      </c>
      <c r="J578" s="52" t="s">
        <v>3154</v>
      </c>
      <c r="K578" s="71" t="s">
        <v>3155</v>
      </c>
      <c r="L578" s="52" t="s">
        <v>2063</v>
      </c>
      <c r="M578" s="72">
        <v>2559</v>
      </c>
      <c r="N578" s="52" t="s">
        <v>2072</v>
      </c>
      <c r="O578" s="52" t="s">
        <v>2073</v>
      </c>
      <c r="P578" s="52"/>
      <c r="Q578" s="52"/>
      <c r="R578" s="52"/>
      <c r="S578" s="52"/>
      <c r="T578" s="52"/>
      <c r="U578" s="52"/>
      <c r="V578" s="52"/>
      <c r="W578" s="52"/>
    </row>
    <row r="579" spans="1:23" hidden="1" x14ac:dyDescent="0.35">
      <c r="A579" s="52" t="s">
        <v>78</v>
      </c>
      <c r="B579" s="52" t="s">
        <v>79</v>
      </c>
      <c r="C579" s="3">
        <v>20</v>
      </c>
      <c r="D579" s="52" t="s">
        <v>2021</v>
      </c>
      <c r="E579" s="52" t="s">
        <v>26</v>
      </c>
      <c r="F579" s="52" t="s">
        <v>81</v>
      </c>
      <c r="G579" s="52" t="s">
        <v>82</v>
      </c>
      <c r="H579" s="4">
        <v>1</v>
      </c>
      <c r="I579" s="2">
        <v>14.65</v>
      </c>
      <c r="J579" s="52" t="s">
        <v>3156</v>
      </c>
      <c r="K579" s="71" t="s">
        <v>3157</v>
      </c>
      <c r="L579" s="52" t="s">
        <v>2063</v>
      </c>
      <c r="M579" s="72">
        <v>1488</v>
      </c>
      <c r="N579" s="52"/>
      <c r="O579" s="52"/>
      <c r="P579" s="52"/>
      <c r="Q579" s="52"/>
      <c r="R579" s="52"/>
      <c r="S579" s="52"/>
      <c r="T579" s="52"/>
      <c r="U579" s="52"/>
      <c r="V579" s="52"/>
      <c r="W579" s="52"/>
    </row>
    <row r="580" spans="1:23" hidden="1" x14ac:dyDescent="0.35">
      <c r="A580" s="52" t="s">
        <v>78</v>
      </c>
      <c r="B580" s="52" t="s">
        <v>79</v>
      </c>
      <c r="C580" s="3">
        <v>20</v>
      </c>
      <c r="D580" s="52" t="s">
        <v>2021</v>
      </c>
      <c r="E580" s="52" t="s">
        <v>26</v>
      </c>
      <c r="F580" s="52" t="s">
        <v>81</v>
      </c>
      <c r="G580" s="52" t="s">
        <v>82</v>
      </c>
      <c r="H580" s="4">
        <v>1</v>
      </c>
      <c r="I580" s="2">
        <v>14.65</v>
      </c>
      <c r="J580" s="52" t="s">
        <v>2209</v>
      </c>
      <c r="K580" s="71" t="s">
        <v>3158</v>
      </c>
      <c r="L580" s="52" t="s">
        <v>2063</v>
      </c>
      <c r="M580" s="72">
        <v>9563</v>
      </c>
      <c r="N580" s="52"/>
      <c r="O580" s="52"/>
      <c r="P580" s="52"/>
      <c r="Q580" s="52"/>
      <c r="R580" s="52"/>
      <c r="S580" s="52"/>
      <c r="T580" s="52"/>
      <c r="U580" s="52"/>
      <c r="V580" s="52"/>
      <c r="W580" s="52"/>
    </row>
    <row r="581" spans="1:23" hidden="1" x14ac:dyDescent="0.35">
      <c r="A581" s="52" t="s">
        <v>78</v>
      </c>
      <c r="B581" s="52" t="s">
        <v>79</v>
      </c>
      <c r="C581" s="3">
        <v>20</v>
      </c>
      <c r="D581" s="52" t="s">
        <v>83</v>
      </c>
      <c r="E581" s="52" t="s">
        <v>26</v>
      </c>
      <c r="F581" s="52" t="s">
        <v>81</v>
      </c>
      <c r="G581" s="52" t="s">
        <v>82</v>
      </c>
      <c r="H581" s="4">
        <v>1</v>
      </c>
      <c r="I581" s="2">
        <v>14.65</v>
      </c>
      <c r="J581" s="52" t="s">
        <v>3159</v>
      </c>
      <c r="K581" s="71" t="s">
        <v>3160</v>
      </c>
      <c r="L581" s="52" t="s">
        <v>2063</v>
      </c>
      <c r="M581" s="72">
        <v>4954</v>
      </c>
      <c r="N581" s="52" t="s">
        <v>2072</v>
      </c>
      <c r="O581" s="52" t="s">
        <v>2073</v>
      </c>
      <c r="P581" s="52"/>
      <c r="Q581" s="52"/>
      <c r="R581" s="52"/>
      <c r="S581" s="52"/>
      <c r="T581" s="52"/>
      <c r="U581" s="52"/>
      <c r="V581" s="52"/>
      <c r="W581" s="52"/>
    </row>
    <row r="582" spans="1:23" hidden="1" x14ac:dyDescent="0.35">
      <c r="A582" s="52" t="s">
        <v>78</v>
      </c>
      <c r="B582" s="52" t="s">
        <v>79</v>
      </c>
      <c r="C582" s="3">
        <v>10</v>
      </c>
      <c r="D582" s="52" t="s">
        <v>2021</v>
      </c>
      <c r="E582" s="52" t="s">
        <v>26</v>
      </c>
      <c r="F582" s="52" t="s">
        <v>81</v>
      </c>
      <c r="G582" s="52" t="s">
        <v>82</v>
      </c>
      <c r="H582" s="4">
        <v>1</v>
      </c>
      <c r="I582" s="2">
        <v>14.65</v>
      </c>
      <c r="J582" s="52" t="s">
        <v>3161</v>
      </c>
      <c r="K582" s="71" t="s">
        <v>3162</v>
      </c>
      <c r="L582" s="52" t="s">
        <v>2063</v>
      </c>
      <c r="M582" s="72">
        <v>4364</v>
      </c>
      <c r="N582" s="52" t="s">
        <v>2072</v>
      </c>
      <c r="O582" s="52" t="s">
        <v>2073</v>
      </c>
      <c r="P582" s="52"/>
      <c r="Q582" s="52"/>
      <c r="R582" s="52"/>
      <c r="S582" s="52"/>
      <c r="T582" s="52"/>
      <c r="U582" s="52"/>
      <c r="V582" s="52"/>
      <c r="W582" s="52"/>
    </row>
    <row r="583" spans="1:23" hidden="1" x14ac:dyDescent="0.35">
      <c r="A583" s="52" t="s">
        <v>78</v>
      </c>
      <c r="B583" s="52" t="s">
        <v>79</v>
      </c>
      <c r="C583" s="3">
        <v>10</v>
      </c>
      <c r="D583" s="52" t="s">
        <v>2022</v>
      </c>
      <c r="E583" s="52" t="s">
        <v>26</v>
      </c>
      <c r="F583" s="52" t="s">
        <v>81</v>
      </c>
      <c r="G583" s="52" t="s">
        <v>82</v>
      </c>
      <c r="H583" s="4">
        <v>1</v>
      </c>
      <c r="I583" s="2">
        <v>14.65</v>
      </c>
      <c r="J583" s="52" t="s">
        <v>2134</v>
      </c>
      <c r="K583" s="71" t="s">
        <v>3163</v>
      </c>
      <c r="L583" s="52" t="s">
        <v>2095</v>
      </c>
      <c r="M583" s="72">
        <v>3315</v>
      </c>
      <c r="N583" s="52" t="s">
        <v>2066</v>
      </c>
      <c r="O583" s="52" t="s">
        <v>2067</v>
      </c>
      <c r="P583" s="52"/>
      <c r="Q583" s="52"/>
      <c r="R583" s="52"/>
      <c r="S583" s="52"/>
      <c r="T583" s="52"/>
      <c r="U583" s="52"/>
      <c r="V583" s="52"/>
      <c r="W583" s="52"/>
    </row>
    <row r="584" spans="1:23" hidden="1" x14ac:dyDescent="0.35">
      <c r="A584" s="52" t="s">
        <v>78</v>
      </c>
      <c r="B584" s="52" t="s">
        <v>79</v>
      </c>
      <c r="C584" s="3">
        <v>20</v>
      </c>
      <c r="D584" s="52" t="s">
        <v>2021</v>
      </c>
      <c r="E584" s="52" t="s">
        <v>26</v>
      </c>
      <c r="F584" s="52" t="s">
        <v>81</v>
      </c>
      <c r="G584" s="52" t="s">
        <v>82</v>
      </c>
      <c r="H584" s="4">
        <v>1</v>
      </c>
      <c r="I584" s="2">
        <v>14.65</v>
      </c>
      <c r="J584" s="52" t="s">
        <v>3164</v>
      </c>
      <c r="K584" s="71" t="s">
        <v>3165</v>
      </c>
      <c r="L584" s="52" t="s">
        <v>2063</v>
      </c>
      <c r="M584" s="72">
        <v>1035</v>
      </c>
      <c r="N584" s="52" t="s">
        <v>2072</v>
      </c>
      <c r="O584" s="52" t="s">
        <v>2073</v>
      </c>
      <c r="P584" s="52" t="s">
        <v>2072</v>
      </c>
      <c r="Q584" s="52" t="s">
        <v>2073</v>
      </c>
      <c r="R584" s="52"/>
      <c r="S584" s="52"/>
      <c r="T584" s="52"/>
      <c r="U584" s="52"/>
      <c r="V584" s="52"/>
      <c r="W584" s="52"/>
    </row>
    <row r="585" spans="1:23" hidden="1" x14ac:dyDescent="0.35">
      <c r="A585" s="52" t="s">
        <v>78</v>
      </c>
      <c r="B585" s="52" t="s">
        <v>79</v>
      </c>
      <c r="C585" s="3">
        <v>20</v>
      </c>
      <c r="D585" s="52" t="s">
        <v>2020</v>
      </c>
      <c r="E585" s="52" t="s">
        <v>26</v>
      </c>
      <c r="F585" s="52" t="s">
        <v>81</v>
      </c>
      <c r="G585" s="52" t="s">
        <v>82</v>
      </c>
      <c r="H585" s="4">
        <v>1</v>
      </c>
      <c r="I585" s="2">
        <v>14.65</v>
      </c>
      <c r="J585" s="52" t="s">
        <v>3166</v>
      </c>
      <c r="K585" s="71" t="s">
        <v>3167</v>
      </c>
      <c r="L585" s="52" t="s">
        <v>2063</v>
      </c>
      <c r="M585" s="72">
        <v>4990</v>
      </c>
      <c r="N585" s="52" t="s">
        <v>2072</v>
      </c>
      <c r="O585" s="52" t="s">
        <v>2073</v>
      </c>
      <c r="P585" s="52" t="s">
        <v>2072</v>
      </c>
      <c r="Q585" s="52" t="s">
        <v>2073</v>
      </c>
      <c r="R585" s="52"/>
      <c r="S585" s="52"/>
      <c r="T585" s="52"/>
      <c r="U585" s="52"/>
      <c r="V585" s="52"/>
      <c r="W585" s="52"/>
    </row>
    <row r="586" spans="1:23" hidden="1" x14ac:dyDescent="0.35">
      <c r="A586" s="52" t="s">
        <v>78</v>
      </c>
      <c r="B586" s="52" t="s">
        <v>79</v>
      </c>
      <c r="C586" s="3">
        <v>20</v>
      </c>
      <c r="D586" s="52" t="s">
        <v>2021</v>
      </c>
      <c r="E586" s="52" t="s">
        <v>26</v>
      </c>
      <c r="F586" s="52" t="s">
        <v>81</v>
      </c>
      <c r="G586" s="52" t="s">
        <v>82</v>
      </c>
      <c r="H586" s="4">
        <v>1</v>
      </c>
      <c r="I586" s="2">
        <v>14.65</v>
      </c>
      <c r="J586" s="52" t="s">
        <v>3168</v>
      </c>
      <c r="K586" s="71" t="s">
        <v>3169</v>
      </c>
      <c r="L586" s="52" t="s">
        <v>2063</v>
      </c>
      <c r="M586" s="72">
        <v>9804</v>
      </c>
      <c r="N586" s="52"/>
      <c r="O586" s="52"/>
      <c r="P586" s="52"/>
      <c r="Q586" s="52"/>
      <c r="R586" s="52"/>
      <c r="S586" s="52"/>
      <c r="T586" s="52"/>
      <c r="U586" s="52"/>
      <c r="V586" s="52"/>
      <c r="W586" s="52"/>
    </row>
    <row r="587" spans="1:23" hidden="1" x14ac:dyDescent="0.35">
      <c r="A587" s="52" t="s">
        <v>78</v>
      </c>
      <c r="B587" s="52" t="s">
        <v>79</v>
      </c>
      <c r="C587" s="3">
        <v>20</v>
      </c>
      <c r="D587" s="52" t="s">
        <v>2021</v>
      </c>
      <c r="E587" s="52" t="s">
        <v>26</v>
      </c>
      <c r="F587" s="52" t="s">
        <v>81</v>
      </c>
      <c r="G587" s="52" t="s">
        <v>82</v>
      </c>
      <c r="H587" s="4">
        <v>1</v>
      </c>
      <c r="I587" s="2">
        <v>14.65</v>
      </c>
      <c r="J587" s="52" t="s">
        <v>3170</v>
      </c>
      <c r="K587" s="71" t="s">
        <v>3171</v>
      </c>
      <c r="L587" s="52" t="s">
        <v>2063</v>
      </c>
      <c r="M587" s="72">
        <v>5401</v>
      </c>
      <c r="N587" s="52" t="s">
        <v>2072</v>
      </c>
      <c r="O587" s="52" t="s">
        <v>2073</v>
      </c>
      <c r="P587" s="52"/>
      <c r="Q587" s="52"/>
      <c r="R587" s="52"/>
      <c r="S587" s="52"/>
      <c r="T587" s="52"/>
      <c r="U587" s="52"/>
      <c r="V587" s="52"/>
      <c r="W587" s="52"/>
    </row>
    <row r="588" spans="1:23" hidden="1" x14ac:dyDescent="0.35">
      <c r="A588" s="52" t="s">
        <v>78</v>
      </c>
      <c r="B588" s="52" t="s">
        <v>79</v>
      </c>
      <c r="C588" s="3">
        <v>20</v>
      </c>
      <c r="D588" s="52" t="s">
        <v>84</v>
      </c>
      <c r="E588" s="52" t="s">
        <v>26</v>
      </c>
      <c r="F588" s="52" t="s">
        <v>81</v>
      </c>
      <c r="G588" s="52" t="s">
        <v>82</v>
      </c>
      <c r="H588" s="4">
        <v>1</v>
      </c>
      <c r="I588" s="2">
        <v>14.65</v>
      </c>
      <c r="J588" s="52" t="s">
        <v>3172</v>
      </c>
      <c r="K588" s="71" t="s">
        <v>3173</v>
      </c>
      <c r="L588" s="52" t="s">
        <v>2063</v>
      </c>
      <c r="M588" s="72">
        <v>1960</v>
      </c>
      <c r="N588" s="52" t="s">
        <v>2072</v>
      </c>
      <c r="O588" s="52" t="s">
        <v>2073</v>
      </c>
      <c r="P588" s="52"/>
      <c r="Q588" s="52"/>
      <c r="R588" s="52"/>
      <c r="S588" s="52"/>
      <c r="T588" s="52"/>
      <c r="U588" s="52"/>
      <c r="V588" s="52"/>
      <c r="W588" s="52"/>
    </row>
    <row r="589" spans="1:23" hidden="1" x14ac:dyDescent="0.35">
      <c r="A589" s="52" t="s">
        <v>78</v>
      </c>
      <c r="B589" s="52" t="s">
        <v>79</v>
      </c>
      <c r="C589" s="3">
        <v>20</v>
      </c>
      <c r="D589" s="52" t="s">
        <v>80</v>
      </c>
      <c r="E589" s="52" t="s">
        <v>26</v>
      </c>
      <c r="F589" s="52" t="s">
        <v>81</v>
      </c>
      <c r="G589" s="52" t="s">
        <v>82</v>
      </c>
      <c r="H589" s="4">
        <v>1</v>
      </c>
      <c r="I589" s="2">
        <v>14.65</v>
      </c>
      <c r="J589" s="52" t="s">
        <v>3174</v>
      </c>
      <c r="K589" s="71" t="s">
        <v>3175</v>
      </c>
      <c r="L589" s="52" t="s">
        <v>2063</v>
      </c>
      <c r="M589" s="72">
        <v>5003</v>
      </c>
      <c r="N589" s="52" t="s">
        <v>2066</v>
      </c>
      <c r="O589" s="52" t="s">
        <v>2067</v>
      </c>
      <c r="P589" s="52"/>
      <c r="Q589" s="52"/>
      <c r="R589" s="52"/>
      <c r="S589" s="52"/>
      <c r="T589" s="52"/>
      <c r="U589" s="52"/>
      <c r="V589" s="52"/>
      <c r="W589" s="52"/>
    </row>
    <row r="590" spans="1:23" x14ac:dyDescent="0.35">
      <c r="A590" s="52" t="s">
        <v>78</v>
      </c>
      <c r="B590" s="52" t="s">
        <v>79</v>
      </c>
      <c r="C590" s="3">
        <v>211</v>
      </c>
      <c r="D590" s="52" t="s">
        <v>86</v>
      </c>
      <c r="E590" s="52" t="s">
        <v>26</v>
      </c>
      <c r="F590" s="52" t="s">
        <v>81</v>
      </c>
      <c r="G590" s="52" t="s">
        <v>82</v>
      </c>
      <c r="H590" s="4">
        <v>1</v>
      </c>
      <c r="I590" s="2">
        <v>14.65</v>
      </c>
      <c r="J590" s="52" t="s">
        <v>3176</v>
      </c>
      <c r="K590" s="71" t="s">
        <v>3177</v>
      </c>
      <c r="L590" s="52" t="s">
        <v>2063</v>
      </c>
      <c r="M590" s="72">
        <v>9620</v>
      </c>
      <c r="N590" s="52" t="s">
        <v>2076</v>
      </c>
      <c r="O590" s="52" t="s">
        <v>2077</v>
      </c>
      <c r="P590" s="52"/>
      <c r="Q590" s="52"/>
      <c r="R590" s="52"/>
      <c r="S590" s="52"/>
      <c r="T590" s="52"/>
      <c r="U590" s="52"/>
      <c r="V590" s="52"/>
      <c r="W590" s="52"/>
    </row>
    <row r="591" spans="1:23" hidden="1" x14ac:dyDescent="0.35">
      <c r="A591" s="52" t="s">
        <v>78</v>
      </c>
      <c r="B591" s="52" t="s">
        <v>79</v>
      </c>
      <c r="C591" s="3">
        <v>20</v>
      </c>
      <c r="D591" s="52" t="s">
        <v>84</v>
      </c>
      <c r="E591" s="52" t="s">
        <v>26</v>
      </c>
      <c r="F591" s="52" t="s">
        <v>81</v>
      </c>
      <c r="G591" s="52" t="s">
        <v>82</v>
      </c>
      <c r="H591" s="4">
        <v>1</v>
      </c>
      <c r="I591" s="2">
        <v>14.65</v>
      </c>
      <c r="J591" s="52" t="s">
        <v>2357</v>
      </c>
      <c r="K591" s="71" t="s">
        <v>3178</v>
      </c>
      <c r="L591" s="52" t="s">
        <v>2063</v>
      </c>
      <c r="M591" s="72">
        <v>7449</v>
      </c>
      <c r="N591" s="52" t="s">
        <v>2072</v>
      </c>
      <c r="O591" s="52" t="s">
        <v>2073</v>
      </c>
      <c r="P591" s="52"/>
      <c r="Q591" s="52"/>
      <c r="R591" s="52"/>
      <c r="S591" s="52"/>
      <c r="T591" s="52"/>
      <c r="U591" s="52"/>
      <c r="V591" s="52"/>
      <c r="W591" s="52"/>
    </row>
    <row r="592" spans="1:23" hidden="1" x14ac:dyDescent="0.35">
      <c r="A592" s="52" t="s">
        <v>78</v>
      </c>
      <c r="B592" s="52" t="s">
        <v>79</v>
      </c>
      <c r="C592" s="3">
        <v>20</v>
      </c>
      <c r="D592" s="52" t="s">
        <v>2023</v>
      </c>
      <c r="E592" s="52" t="s">
        <v>26</v>
      </c>
      <c r="F592" s="52" t="s">
        <v>81</v>
      </c>
      <c r="G592" s="52" t="s">
        <v>82</v>
      </c>
      <c r="H592" s="4">
        <v>1</v>
      </c>
      <c r="I592" s="2">
        <v>14.65</v>
      </c>
      <c r="J592" s="52" t="s">
        <v>3179</v>
      </c>
      <c r="K592" s="71" t="s">
        <v>3180</v>
      </c>
      <c r="L592" s="52" t="s">
        <v>2063</v>
      </c>
      <c r="M592" s="72">
        <v>6388</v>
      </c>
      <c r="N592" s="52" t="s">
        <v>2072</v>
      </c>
      <c r="O592" s="52" t="s">
        <v>2073</v>
      </c>
      <c r="P592" s="52"/>
      <c r="Q592" s="52"/>
      <c r="R592" s="52"/>
      <c r="S592" s="52"/>
      <c r="T592" s="52"/>
      <c r="U592" s="52"/>
      <c r="V592" s="52"/>
      <c r="W592" s="52"/>
    </row>
    <row r="593" spans="1:23" hidden="1" x14ac:dyDescent="0.35">
      <c r="A593" s="52" t="s">
        <v>78</v>
      </c>
      <c r="B593" s="52" t="s">
        <v>79</v>
      </c>
      <c r="C593" s="3">
        <v>10</v>
      </c>
      <c r="D593" s="52" t="s">
        <v>2024</v>
      </c>
      <c r="E593" s="52" t="s">
        <v>26</v>
      </c>
      <c r="F593" s="52" t="s">
        <v>81</v>
      </c>
      <c r="G593" s="52" t="s">
        <v>82</v>
      </c>
      <c r="H593" s="4">
        <v>1</v>
      </c>
      <c r="I593" s="2">
        <v>14.65</v>
      </c>
      <c r="J593" s="52" t="s">
        <v>3181</v>
      </c>
      <c r="K593" s="71" t="s">
        <v>3182</v>
      </c>
      <c r="L593" s="52" t="s">
        <v>2063</v>
      </c>
      <c r="M593" s="72">
        <v>6660</v>
      </c>
      <c r="N593" s="52" t="s">
        <v>2072</v>
      </c>
      <c r="O593" s="52" t="s">
        <v>2073</v>
      </c>
      <c r="P593" s="52"/>
      <c r="Q593" s="52"/>
      <c r="R593" s="52"/>
      <c r="S593" s="52"/>
      <c r="T593" s="52"/>
      <c r="U593" s="52"/>
      <c r="V593" s="52"/>
      <c r="W593" s="52"/>
    </row>
    <row r="594" spans="1:23" hidden="1" x14ac:dyDescent="0.35">
      <c r="A594" s="52" t="s">
        <v>78</v>
      </c>
      <c r="B594" s="52" t="s">
        <v>79</v>
      </c>
      <c r="C594" s="3">
        <v>10</v>
      </c>
      <c r="D594" s="52" t="s">
        <v>2020</v>
      </c>
      <c r="E594" s="52" t="s">
        <v>26</v>
      </c>
      <c r="F594" s="52" t="s">
        <v>81</v>
      </c>
      <c r="G594" s="52" t="s">
        <v>82</v>
      </c>
      <c r="H594" s="4">
        <v>1</v>
      </c>
      <c r="I594" s="2">
        <v>14.65</v>
      </c>
      <c r="J594" s="52" t="s">
        <v>3183</v>
      </c>
      <c r="K594" s="71" t="s">
        <v>3184</v>
      </c>
      <c r="L594" s="52" t="s">
        <v>2063</v>
      </c>
      <c r="M594" s="72">
        <v>6974</v>
      </c>
      <c r="N594" s="52" t="s">
        <v>2072</v>
      </c>
      <c r="O594" s="52" t="s">
        <v>2073</v>
      </c>
      <c r="P594" s="52"/>
      <c r="Q594" s="52"/>
      <c r="R594" s="52"/>
      <c r="S594" s="52"/>
      <c r="T594" s="52"/>
      <c r="U594" s="52"/>
      <c r="V594" s="52"/>
      <c r="W594" s="52"/>
    </row>
    <row r="595" spans="1:23" hidden="1" x14ac:dyDescent="0.35">
      <c r="A595" s="52" t="s">
        <v>78</v>
      </c>
      <c r="B595" s="52" t="s">
        <v>79</v>
      </c>
      <c r="C595" s="3">
        <v>20</v>
      </c>
      <c r="D595" s="52" t="s">
        <v>83</v>
      </c>
      <c r="E595" s="52" t="s">
        <v>26</v>
      </c>
      <c r="F595" s="52" t="s">
        <v>81</v>
      </c>
      <c r="G595" s="52" t="s">
        <v>82</v>
      </c>
      <c r="H595" s="4">
        <v>1</v>
      </c>
      <c r="I595" s="2">
        <v>14.65</v>
      </c>
      <c r="J595" s="52" t="s">
        <v>2915</v>
      </c>
      <c r="K595" s="71" t="s">
        <v>3185</v>
      </c>
      <c r="L595" s="52" t="s">
        <v>2063</v>
      </c>
      <c r="M595" s="72">
        <v>9705</v>
      </c>
      <c r="N595" s="52"/>
      <c r="O595" s="52"/>
      <c r="P595" s="52"/>
      <c r="Q595" s="52"/>
      <c r="R595" s="52"/>
      <c r="S595" s="52"/>
      <c r="T595" s="52"/>
      <c r="U595" s="52"/>
      <c r="V595" s="52"/>
      <c r="W595" s="52"/>
    </row>
    <row r="596" spans="1:23" hidden="1" x14ac:dyDescent="0.35">
      <c r="A596" s="52" t="s">
        <v>78</v>
      </c>
      <c r="B596" s="52" t="s">
        <v>79</v>
      </c>
      <c r="C596" s="3">
        <v>211</v>
      </c>
      <c r="D596" s="52" t="s">
        <v>87</v>
      </c>
      <c r="E596" s="52" t="s">
        <v>26</v>
      </c>
      <c r="F596" s="52" t="s">
        <v>81</v>
      </c>
      <c r="G596" s="52" t="s">
        <v>82</v>
      </c>
      <c r="H596" s="4">
        <v>1</v>
      </c>
      <c r="I596" s="2">
        <v>14.65</v>
      </c>
      <c r="J596" s="52" t="s">
        <v>3186</v>
      </c>
      <c r="K596" s="71" t="s">
        <v>3187</v>
      </c>
      <c r="L596" s="52" t="s">
        <v>2063</v>
      </c>
      <c r="M596" s="72">
        <v>9573</v>
      </c>
      <c r="N596" s="52"/>
      <c r="O596" s="52"/>
      <c r="P596" s="52"/>
      <c r="Q596" s="52"/>
      <c r="R596" s="52"/>
      <c r="S596" s="52"/>
      <c r="T596" s="52"/>
      <c r="U596" s="52"/>
      <c r="V596" s="52"/>
      <c r="W596" s="52"/>
    </row>
    <row r="597" spans="1:23" hidden="1" x14ac:dyDescent="0.35">
      <c r="A597" s="52" t="s">
        <v>78</v>
      </c>
      <c r="B597" s="52" t="s">
        <v>79</v>
      </c>
      <c r="C597" s="3">
        <v>10</v>
      </c>
      <c r="D597" s="52" t="s">
        <v>87</v>
      </c>
      <c r="E597" s="52" t="s">
        <v>26</v>
      </c>
      <c r="F597" s="52" t="s">
        <v>81</v>
      </c>
      <c r="G597" s="52" t="s">
        <v>82</v>
      </c>
      <c r="H597" s="4">
        <v>1</v>
      </c>
      <c r="I597" s="2">
        <v>14.65</v>
      </c>
      <c r="J597" s="52" t="s">
        <v>3188</v>
      </c>
      <c r="K597" s="71" t="s">
        <v>3189</v>
      </c>
      <c r="L597" s="52" t="s">
        <v>2063</v>
      </c>
      <c r="M597" s="72">
        <v>5862</v>
      </c>
      <c r="N597" s="52" t="s">
        <v>2072</v>
      </c>
      <c r="O597" s="52" t="s">
        <v>2073</v>
      </c>
      <c r="P597" s="52"/>
      <c r="Q597" s="52"/>
      <c r="R597" s="52"/>
      <c r="S597" s="52"/>
      <c r="T597" s="52"/>
      <c r="U597" s="52"/>
      <c r="V597" s="52"/>
      <c r="W597" s="52"/>
    </row>
    <row r="598" spans="1:23" hidden="1" x14ac:dyDescent="0.35">
      <c r="A598" s="52" t="s">
        <v>78</v>
      </c>
      <c r="B598" s="52" t="s">
        <v>79</v>
      </c>
      <c r="C598" s="3">
        <v>10</v>
      </c>
      <c r="D598" s="52" t="s">
        <v>84</v>
      </c>
      <c r="E598" s="52" t="s">
        <v>26</v>
      </c>
      <c r="F598" s="52" t="s">
        <v>81</v>
      </c>
      <c r="G598" s="52" t="s">
        <v>82</v>
      </c>
      <c r="H598" s="4">
        <v>1</v>
      </c>
      <c r="I598" s="2">
        <v>14.65</v>
      </c>
      <c r="J598" s="52" t="s">
        <v>3190</v>
      </c>
      <c r="K598" s="71" t="s">
        <v>3191</v>
      </c>
      <c r="L598" s="52" t="s">
        <v>2063</v>
      </c>
      <c r="M598" s="72">
        <v>6813</v>
      </c>
      <c r="N598" s="52"/>
      <c r="O598" s="52"/>
      <c r="P598" s="52"/>
      <c r="Q598" s="52"/>
      <c r="R598" s="52"/>
      <c r="S598" s="52"/>
      <c r="T598" s="52"/>
      <c r="U598" s="52"/>
      <c r="V598" s="52"/>
      <c r="W598" s="52"/>
    </row>
    <row r="599" spans="1:23" hidden="1" x14ac:dyDescent="0.35">
      <c r="A599" s="52" t="s">
        <v>78</v>
      </c>
      <c r="B599" s="52" t="s">
        <v>79</v>
      </c>
      <c r="C599" s="3">
        <v>20</v>
      </c>
      <c r="D599" s="52" t="s">
        <v>2020</v>
      </c>
      <c r="E599" s="52" t="s">
        <v>26</v>
      </c>
      <c r="F599" s="52" t="s">
        <v>81</v>
      </c>
      <c r="G599" s="52" t="s">
        <v>82</v>
      </c>
      <c r="H599" s="4">
        <v>1</v>
      </c>
      <c r="I599" s="2">
        <v>14.65</v>
      </c>
      <c r="J599" s="52" t="s">
        <v>3192</v>
      </c>
      <c r="K599" s="71" t="s">
        <v>3193</v>
      </c>
      <c r="L599" s="52" t="s">
        <v>2063</v>
      </c>
      <c r="M599" s="72">
        <v>745</v>
      </c>
      <c r="N599" s="52" t="s">
        <v>2066</v>
      </c>
      <c r="O599" s="52" t="s">
        <v>2067</v>
      </c>
      <c r="P599" s="52"/>
      <c r="Q599" s="52"/>
      <c r="R599" s="52"/>
      <c r="S599" s="52"/>
      <c r="T599" s="52"/>
      <c r="U599" s="52"/>
      <c r="V599" s="52"/>
      <c r="W599" s="52"/>
    </row>
    <row r="600" spans="1:23" hidden="1" x14ac:dyDescent="0.35">
      <c r="A600" s="52" t="s">
        <v>78</v>
      </c>
      <c r="B600" s="52" t="s">
        <v>79</v>
      </c>
      <c r="C600" s="3">
        <v>20</v>
      </c>
      <c r="D600" s="52" t="s">
        <v>2022</v>
      </c>
      <c r="E600" s="52" t="s">
        <v>26</v>
      </c>
      <c r="F600" s="52" t="s">
        <v>81</v>
      </c>
      <c r="G600" s="52" t="s">
        <v>82</v>
      </c>
      <c r="H600" s="4">
        <v>1</v>
      </c>
      <c r="I600" s="2">
        <v>14.65</v>
      </c>
      <c r="J600" s="52" t="s">
        <v>3194</v>
      </c>
      <c r="K600" s="71" t="s">
        <v>3195</v>
      </c>
      <c r="L600" s="52" t="s">
        <v>2063</v>
      </c>
      <c r="M600" s="72">
        <v>6922</v>
      </c>
      <c r="N600" s="52" t="s">
        <v>2304</v>
      </c>
      <c r="O600" s="52" t="s">
        <v>2305</v>
      </c>
      <c r="P600" s="52"/>
      <c r="Q600" s="52"/>
      <c r="R600" s="52"/>
      <c r="S600" s="52"/>
      <c r="T600" s="52"/>
      <c r="U600" s="52"/>
      <c r="V600" s="52"/>
      <c r="W600" s="52"/>
    </row>
    <row r="601" spans="1:23" hidden="1" x14ac:dyDescent="0.35">
      <c r="A601" s="52" t="s">
        <v>78</v>
      </c>
      <c r="B601" s="52" t="s">
        <v>79</v>
      </c>
      <c r="C601" s="3">
        <v>20</v>
      </c>
      <c r="D601" s="52" t="s">
        <v>2020</v>
      </c>
      <c r="E601" s="52" t="s">
        <v>26</v>
      </c>
      <c r="F601" s="52" t="s">
        <v>81</v>
      </c>
      <c r="G601" s="52" t="s">
        <v>82</v>
      </c>
      <c r="H601" s="4">
        <v>1</v>
      </c>
      <c r="I601" s="2">
        <v>14.65</v>
      </c>
      <c r="J601" s="52" t="s">
        <v>3196</v>
      </c>
      <c r="K601" s="71" t="s">
        <v>3197</v>
      </c>
      <c r="L601" s="52" t="s">
        <v>2063</v>
      </c>
      <c r="M601" s="72">
        <v>9162</v>
      </c>
      <c r="N601" s="52" t="s">
        <v>2066</v>
      </c>
      <c r="O601" s="52" t="s">
        <v>2067</v>
      </c>
      <c r="P601" s="52"/>
      <c r="Q601" s="52"/>
      <c r="R601" s="52"/>
      <c r="S601" s="52"/>
      <c r="T601" s="52"/>
      <c r="U601" s="52"/>
      <c r="V601" s="52"/>
      <c r="W601" s="52"/>
    </row>
    <row r="602" spans="1:23" hidden="1" x14ac:dyDescent="0.35">
      <c r="A602" s="52" t="s">
        <v>78</v>
      </c>
      <c r="B602" s="52" t="s">
        <v>79</v>
      </c>
      <c r="C602" s="3">
        <v>10</v>
      </c>
      <c r="D602" s="52" t="s">
        <v>84</v>
      </c>
      <c r="E602" s="52" t="s">
        <v>26</v>
      </c>
      <c r="F602" s="52" t="s">
        <v>81</v>
      </c>
      <c r="G602" s="52" t="s">
        <v>82</v>
      </c>
      <c r="H602" s="4">
        <v>1</v>
      </c>
      <c r="I602" s="2">
        <v>14.65</v>
      </c>
      <c r="J602" s="52" t="s">
        <v>3198</v>
      </c>
      <c r="K602" s="71" t="s">
        <v>3199</v>
      </c>
      <c r="L602" s="52" t="s">
        <v>2063</v>
      </c>
      <c r="M602" s="72">
        <v>1335</v>
      </c>
      <c r="N602" s="52" t="s">
        <v>2072</v>
      </c>
      <c r="O602" s="52" t="s">
        <v>2073</v>
      </c>
      <c r="P602" s="52"/>
      <c r="Q602" s="52"/>
      <c r="R602" s="52"/>
      <c r="S602" s="52"/>
      <c r="T602" s="52"/>
      <c r="U602" s="52"/>
      <c r="V602" s="52"/>
      <c r="W602" s="52"/>
    </row>
    <row r="603" spans="1:23" hidden="1" x14ac:dyDescent="0.35">
      <c r="A603" s="52" t="s">
        <v>78</v>
      </c>
      <c r="B603" s="52" t="s">
        <v>79</v>
      </c>
      <c r="C603" s="3">
        <v>10</v>
      </c>
      <c r="D603" s="52" t="s">
        <v>84</v>
      </c>
      <c r="E603" s="52" t="s">
        <v>26</v>
      </c>
      <c r="F603" s="52" t="s">
        <v>81</v>
      </c>
      <c r="G603" s="52" t="s">
        <v>82</v>
      </c>
      <c r="H603" s="4">
        <v>1</v>
      </c>
      <c r="I603" s="2">
        <v>14.65</v>
      </c>
      <c r="J603" s="52" t="s">
        <v>3200</v>
      </c>
      <c r="K603" s="71" t="s">
        <v>3201</v>
      </c>
      <c r="L603" s="52" t="s">
        <v>2063</v>
      </c>
      <c r="M603" s="72">
        <v>3958</v>
      </c>
      <c r="N603" s="52" t="s">
        <v>2158</v>
      </c>
      <c r="O603" s="52" t="s">
        <v>2159</v>
      </c>
      <c r="P603" s="52"/>
      <c r="Q603" s="52"/>
      <c r="R603" s="52"/>
      <c r="S603" s="52"/>
      <c r="T603" s="52"/>
      <c r="U603" s="52"/>
      <c r="V603" s="52"/>
      <c r="W603" s="52"/>
    </row>
    <row r="604" spans="1:23" hidden="1" x14ac:dyDescent="0.35">
      <c r="A604" s="52" t="s">
        <v>78</v>
      </c>
      <c r="B604" s="52" t="s">
        <v>79</v>
      </c>
      <c r="C604" s="3">
        <v>20</v>
      </c>
      <c r="D604" s="52" t="s">
        <v>2022</v>
      </c>
      <c r="E604" s="52" t="s">
        <v>26</v>
      </c>
      <c r="F604" s="52" t="s">
        <v>81</v>
      </c>
      <c r="G604" s="52" t="s">
        <v>82</v>
      </c>
      <c r="H604" s="4">
        <v>1</v>
      </c>
      <c r="I604" s="2">
        <v>14.65</v>
      </c>
      <c r="J604" s="52" t="s">
        <v>2721</v>
      </c>
      <c r="K604" s="71" t="s">
        <v>3202</v>
      </c>
      <c r="L604" s="52" t="s">
        <v>2063</v>
      </c>
      <c r="M604" s="72">
        <v>5708</v>
      </c>
      <c r="N604" s="52" t="s">
        <v>2072</v>
      </c>
      <c r="O604" s="52" t="s">
        <v>2073</v>
      </c>
      <c r="P604" s="52"/>
      <c r="Q604" s="52"/>
      <c r="R604" s="52"/>
      <c r="S604" s="52"/>
      <c r="T604" s="52"/>
      <c r="U604" s="52"/>
      <c r="V604" s="52"/>
      <c r="W604" s="52"/>
    </row>
    <row r="605" spans="1:23" hidden="1" x14ac:dyDescent="0.35">
      <c r="A605" s="52" t="s">
        <v>78</v>
      </c>
      <c r="B605" s="52" t="s">
        <v>79</v>
      </c>
      <c r="C605" s="3">
        <v>10</v>
      </c>
      <c r="D605" s="52" t="s">
        <v>2024</v>
      </c>
      <c r="E605" s="52" t="s">
        <v>26</v>
      </c>
      <c r="F605" s="52" t="s">
        <v>81</v>
      </c>
      <c r="G605" s="52" t="s">
        <v>82</v>
      </c>
      <c r="H605" s="4">
        <v>1</v>
      </c>
      <c r="I605" s="2">
        <v>14.65</v>
      </c>
      <c r="J605" s="52" t="s">
        <v>3203</v>
      </c>
      <c r="K605" s="71" t="s">
        <v>3204</v>
      </c>
      <c r="L605" s="52" t="s">
        <v>2063</v>
      </c>
      <c r="M605" s="72">
        <v>1105</v>
      </c>
      <c r="N605" s="52" t="s">
        <v>2072</v>
      </c>
      <c r="O605" s="52" t="s">
        <v>2073</v>
      </c>
      <c r="P605" s="52"/>
      <c r="Q605" s="52"/>
      <c r="R605" s="52"/>
      <c r="S605" s="52"/>
      <c r="T605" s="52"/>
      <c r="U605" s="52"/>
      <c r="V605" s="52"/>
      <c r="W605" s="52"/>
    </row>
    <row r="606" spans="1:23" hidden="1" x14ac:dyDescent="0.35">
      <c r="A606" s="52" t="s">
        <v>78</v>
      </c>
      <c r="B606" s="52" t="s">
        <v>79</v>
      </c>
      <c r="C606" s="3">
        <v>20</v>
      </c>
      <c r="D606" s="52" t="s">
        <v>2020</v>
      </c>
      <c r="E606" s="52" t="s">
        <v>26</v>
      </c>
      <c r="F606" s="52" t="s">
        <v>81</v>
      </c>
      <c r="G606" s="52" t="s">
        <v>82</v>
      </c>
      <c r="H606" s="4">
        <v>1</v>
      </c>
      <c r="I606" s="2">
        <v>14.65</v>
      </c>
      <c r="J606" s="52" t="s">
        <v>3205</v>
      </c>
      <c r="K606" s="71" t="s">
        <v>3206</v>
      </c>
      <c r="L606" s="52" t="s">
        <v>2095</v>
      </c>
      <c r="M606" s="72">
        <v>6704</v>
      </c>
      <c r="N606" s="52"/>
      <c r="O606" s="52"/>
      <c r="P606" s="52"/>
      <c r="Q606" s="52"/>
      <c r="R606" s="52"/>
      <c r="S606" s="52"/>
      <c r="T606" s="52"/>
      <c r="U606" s="52"/>
      <c r="V606" s="52"/>
      <c r="W606" s="52"/>
    </row>
    <row r="607" spans="1:23" hidden="1" x14ac:dyDescent="0.35">
      <c r="A607" s="52" t="s">
        <v>78</v>
      </c>
      <c r="B607" s="52" t="s">
        <v>79</v>
      </c>
      <c r="C607" s="3">
        <v>10</v>
      </c>
      <c r="D607" s="52" t="s">
        <v>84</v>
      </c>
      <c r="E607" s="52" t="s">
        <v>26</v>
      </c>
      <c r="F607" s="52" t="s">
        <v>81</v>
      </c>
      <c r="G607" s="52" t="s">
        <v>82</v>
      </c>
      <c r="H607" s="4">
        <v>1</v>
      </c>
      <c r="I607" s="2">
        <v>14.65</v>
      </c>
      <c r="J607" s="52" t="s">
        <v>3207</v>
      </c>
      <c r="K607" s="71" t="s">
        <v>3208</v>
      </c>
      <c r="L607" s="52" t="s">
        <v>2063</v>
      </c>
      <c r="M607" s="72">
        <v>7681</v>
      </c>
      <c r="N607" s="52" t="s">
        <v>2066</v>
      </c>
      <c r="O607" s="52" t="s">
        <v>2067</v>
      </c>
      <c r="P607" s="52"/>
      <c r="Q607" s="52"/>
      <c r="R607" s="52"/>
      <c r="S607" s="52"/>
      <c r="T607" s="52"/>
      <c r="U607" s="52"/>
      <c r="V607" s="52"/>
      <c r="W607" s="52"/>
    </row>
    <row r="608" spans="1:23" x14ac:dyDescent="0.35">
      <c r="A608" s="52" t="s">
        <v>78</v>
      </c>
      <c r="B608" s="52" t="s">
        <v>79</v>
      </c>
      <c r="C608" s="3">
        <v>211</v>
      </c>
      <c r="D608" s="52" t="s">
        <v>2024</v>
      </c>
      <c r="E608" s="52" t="s">
        <v>26</v>
      </c>
      <c r="F608" s="52" t="s">
        <v>81</v>
      </c>
      <c r="G608" s="52" t="s">
        <v>82</v>
      </c>
      <c r="H608" s="4">
        <v>1</v>
      </c>
      <c r="I608" s="2">
        <v>14.65</v>
      </c>
      <c r="J608" s="52" t="s">
        <v>3209</v>
      </c>
      <c r="K608" s="71" t="s">
        <v>3210</v>
      </c>
      <c r="L608" s="52" t="s">
        <v>2063</v>
      </c>
      <c r="M608" s="72">
        <v>3142</v>
      </c>
      <c r="N608" s="52" t="s">
        <v>2259</v>
      </c>
      <c r="O608" s="52" t="s">
        <v>2260</v>
      </c>
      <c r="P608" s="52"/>
      <c r="Q608" s="52"/>
      <c r="R608" s="52"/>
      <c r="S608" s="52"/>
      <c r="T608" s="52"/>
      <c r="U608" s="52"/>
      <c r="V608" s="52"/>
      <c r="W608" s="52"/>
    </row>
    <row r="609" spans="1:23" hidden="1" x14ac:dyDescent="0.35">
      <c r="A609" s="52" t="s">
        <v>78</v>
      </c>
      <c r="B609" s="52" t="s">
        <v>79</v>
      </c>
      <c r="C609" s="3">
        <v>20</v>
      </c>
      <c r="D609" s="52" t="s">
        <v>2022</v>
      </c>
      <c r="E609" s="52" t="s">
        <v>26</v>
      </c>
      <c r="F609" s="52" t="s">
        <v>81</v>
      </c>
      <c r="G609" s="52" t="s">
        <v>82</v>
      </c>
      <c r="H609" s="4">
        <v>1</v>
      </c>
      <c r="I609" s="2">
        <v>14.65</v>
      </c>
      <c r="J609" s="52" t="s">
        <v>3211</v>
      </c>
      <c r="K609" s="71" t="s">
        <v>3212</v>
      </c>
      <c r="L609" s="52" t="s">
        <v>2063</v>
      </c>
      <c r="M609" s="72">
        <v>2636</v>
      </c>
      <c r="N609" s="52"/>
      <c r="O609" s="52"/>
      <c r="P609" s="52"/>
      <c r="Q609" s="52"/>
      <c r="R609" s="52"/>
      <c r="S609" s="52"/>
      <c r="T609" s="52"/>
      <c r="U609" s="52"/>
      <c r="V609" s="52"/>
      <c r="W609" s="52"/>
    </row>
    <row r="610" spans="1:23" hidden="1" x14ac:dyDescent="0.35">
      <c r="A610" s="52" t="s">
        <v>78</v>
      </c>
      <c r="B610" s="52" t="s">
        <v>79</v>
      </c>
      <c r="C610" s="3">
        <v>10</v>
      </c>
      <c r="D610" s="52" t="s">
        <v>84</v>
      </c>
      <c r="E610" s="52" t="s">
        <v>26</v>
      </c>
      <c r="F610" s="52" t="s">
        <v>81</v>
      </c>
      <c r="G610" s="52" t="s">
        <v>82</v>
      </c>
      <c r="H610" s="4">
        <v>1</v>
      </c>
      <c r="I610" s="2">
        <v>14.65</v>
      </c>
      <c r="J610" s="52" t="s">
        <v>2093</v>
      </c>
      <c r="K610" s="71" t="s">
        <v>3213</v>
      </c>
      <c r="L610" s="52" t="s">
        <v>2095</v>
      </c>
      <c r="M610" s="72">
        <v>7031</v>
      </c>
      <c r="N610" s="52" t="s">
        <v>2072</v>
      </c>
      <c r="O610" s="52" t="s">
        <v>2073</v>
      </c>
      <c r="P610" s="52"/>
      <c r="Q610" s="52"/>
      <c r="R610" s="52"/>
      <c r="S610" s="52"/>
      <c r="T610" s="52"/>
      <c r="U610" s="52"/>
      <c r="V610" s="52"/>
      <c r="W610" s="52"/>
    </row>
    <row r="611" spans="1:23" hidden="1" x14ac:dyDescent="0.35">
      <c r="A611" s="52" t="s">
        <v>78</v>
      </c>
      <c r="B611" s="52" t="s">
        <v>79</v>
      </c>
      <c r="C611" s="3">
        <v>20</v>
      </c>
      <c r="D611" s="52" t="s">
        <v>2019</v>
      </c>
      <c r="E611" s="52" t="s">
        <v>26</v>
      </c>
      <c r="F611" s="52" t="s">
        <v>81</v>
      </c>
      <c r="G611" s="52" t="s">
        <v>82</v>
      </c>
      <c r="H611" s="4">
        <v>1</v>
      </c>
      <c r="I611" s="2">
        <v>14.65</v>
      </c>
      <c r="J611" s="52" t="s">
        <v>2252</v>
      </c>
      <c r="K611" s="71" t="s">
        <v>3214</v>
      </c>
      <c r="L611" s="52" t="s">
        <v>2063</v>
      </c>
      <c r="M611" s="72">
        <v>1548</v>
      </c>
      <c r="N611" s="52"/>
      <c r="O611" s="52"/>
      <c r="P611" s="52"/>
      <c r="Q611" s="52"/>
      <c r="R611" s="52"/>
      <c r="S611" s="52"/>
      <c r="T611" s="52"/>
      <c r="U611" s="52"/>
      <c r="V611" s="52"/>
      <c r="W611" s="52"/>
    </row>
    <row r="612" spans="1:23" hidden="1" x14ac:dyDescent="0.35">
      <c r="A612" s="52" t="s">
        <v>78</v>
      </c>
      <c r="B612" s="52" t="s">
        <v>79</v>
      </c>
      <c r="C612" s="3">
        <v>10</v>
      </c>
      <c r="D612" s="52" t="s">
        <v>83</v>
      </c>
      <c r="E612" s="52" t="s">
        <v>26</v>
      </c>
      <c r="F612" s="52" t="s">
        <v>81</v>
      </c>
      <c r="G612" s="52" t="s">
        <v>82</v>
      </c>
      <c r="H612" s="4">
        <v>1</v>
      </c>
      <c r="I612" s="2">
        <v>14.65</v>
      </c>
      <c r="J612" s="52" t="s">
        <v>3215</v>
      </c>
      <c r="K612" s="71" t="s">
        <v>3216</v>
      </c>
      <c r="L612" s="52" t="s">
        <v>2063</v>
      </c>
      <c r="M612" s="72">
        <v>1374</v>
      </c>
      <c r="N612" s="52" t="s">
        <v>2066</v>
      </c>
      <c r="O612" s="52" t="s">
        <v>2067</v>
      </c>
      <c r="P612" s="52"/>
      <c r="Q612" s="52"/>
      <c r="R612" s="52"/>
      <c r="S612" s="52"/>
      <c r="T612" s="52"/>
      <c r="U612" s="52"/>
      <c r="V612" s="52"/>
      <c r="W612" s="52"/>
    </row>
    <row r="613" spans="1:23" hidden="1" x14ac:dyDescent="0.35">
      <c r="A613" s="52" t="s">
        <v>78</v>
      </c>
      <c r="B613" s="52" t="s">
        <v>79</v>
      </c>
      <c r="C613" s="3">
        <v>20</v>
      </c>
      <c r="D613" s="52" t="s">
        <v>87</v>
      </c>
      <c r="E613" s="52" t="s">
        <v>26</v>
      </c>
      <c r="F613" s="52" t="s">
        <v>81</v>
      </c>
      <c r="G613" s="52" t="s">
        <v>82</v>
      </c>
      <c r="H613" s="4">
        <v>1</v>
      </c>
      <c r="I613" s="2">
        <v>14.65</v>
      </c>
      <c r="J613" s="52" t="s">
        <v>3217</v>
      </c>
      <c r="K613" s="71" t="s">
        <v>3218</v>
      </c>
      <c r="L613" s="52" t="s">
        <v>2063</v>
      </c>
      <c r="M613" s="72">
        <v>224</v>
      </c>
      <c r="N613" s="52" t="s">
        <v>2066</v>
      </c>
      <c r="O613" s="52" t="s">
        <v>2067</v>
      </c>
      <c r="P613" s="52"/>
      <c r="Q613" s="52"/>
      <c r="R613" s="52"/>
      <c r="S613" s="52"/>
      <c r="T613" s="52"/>
      <c r="U613" s="52"/>
      <c r="V613" s="52"/>
      <c r="W613" s="52"/>
    </row>
    <row r="614" spans="1:23" hidden="1" x14ac:dyDescent="0.35">
      <c r="A614" s="52" t="s">
        <v>78</v>
      </c>
      <c r="B614" s="52" t="s">
        <v>79</v>
      </c>
      <c r="C614" s="3">
        <v>211</v>
      </c>
      <c r="D614" s="52" t="s">
        <v>80</v>
      </c>
      <c r="E614" s="52" t="s">
        <v>26</v>
      </c>
      <c r="F614" s="52" t="s">
        <v>81</v>
      </c>
      <c r="G614" s="52" t="s">
        <v>82</v>
      </c>
      <c r="H614" s="4">
        <v>1</v>
      </c>
      <c r="I614" s="2">
        <v>14.65</v>
      </c>
      <c r="J614" s="52" t="s">
        <v>3219</v>
      </c>
      <c r="K614" s="71" t="s">
        <v>3220</v>
      </c>
      <c r="L614" s="52" t="s">
        <v>2063</v>
      </c>
      <c r="M614" s="72">
        <v>7647</v>
      </c>
      <c r="N614" s="52" t="s">
        <v>2304</v>
      </c>
      <c r="O614" s="52" t="s">
        <v>2305</v>
      </c>
      <c r="P614" s="52"/>
      <c r="Q614" s="52"/>
      <c r="R614" s="52"/>
      <c r="S614" s="52"/>
      <c r="T614" s="52"/>
      <c r="U614" s="52"/>
      <c r="V614" s="52"/>
      <c r="W614" s="52"/>
    </row>
    <row r="615" spans="1:23" x14ac:dyDescent="0.35">
      <c r="A615" s="52" t="s">
        <v>78</v>
      </c>
      <c r="B615" s="52" t="s">
        <v>79</v>
      </c>
      <c r="C615" s="3">
        <v>20</v>
      </c>
      <c r="D615" s="52" t="s">
        <v>2022</v>
      </c>
      <c r="E615" s="52" t="s">
        <v>26</v>
      </c>
      <c r="F615" s="52" t="s">
        <v>81</v>
      </c>
      <c r="G615" s="52" t="s">
        <v>82</v>
      </c>
      <c r="H615" s="4">
        <v>1</v>
      </c>
      <c r="I615" s="2">
        <v>14.65</v>
      </c>
      <c r="J615" s="52" t="s">
        <v>3221</v>
      </c>
      <c r="K615" s="71" t="s">
        <v>3222</v>
      </c>
      <c r="L615" s="52" t="s">
        <v>2063</v>
      </c>
      <c r="M615" s="72">
        <v>1576</v>
      </c>
      <c r="N615" s="52" t="s">
        <v>2259</v>
      </c>
      <c r="O615" s="52" t="s">
        <v>2260</v>
      </c>
      <c r="P615" s="52"/>
      <c r="Q615" s="52"/>
      <c r="R615" s="52"/>
      <c r="S615" s="52"/>
      <c r="T615" s="52"/>
      <c r="U615" s="52"/>
      <c r="V615" s="52"/>
      <c r="W615" s="52"/>
    </row>
    <row r="616" spans="1:23" hidden="1" x14ac:dyDescent="0.35">
      <c r="A616" s="52" t="s">
        <v>78</v>
      </c>
      <c r="B616" s="52" t="s">
        <v>79</v>
      </c>
      <c r="C616" s="3">
        <v>10</v>
      </c>
      <c r="D616" s="52" t="s">
        <v>2024</v>
      </c>
      <c r="E616" s="52" t="s">
        <v>26</v>
      </c>
      <c r="F616" s="52" t="s">
        <v>81</v>
      </c>
      <c r="G616" s="52" t="s">
        <v>82</v>
      </c>
      <c r="H616" s="4">
        <v>1</v>
      </c>
      <c r="I616" s="2">
        <v>14.65</v>
      </c>
      <c r="J616" s="52" t="s">
        <v>3223</v>
      </c>
      <c r="K616" s="71" t="s">
        <v>3224</v>
      </c>
      <c r="L616" s="52" t="s">
        <v>2063</v>
      </c>
      <c r="M616" s="72">
        <v>9101</v>
      </c>
      <c r="N616" s="52" t="s">
        <v>2072</v>
      </c>
      <c r="O616" s="52" t="s">
        <v>2073</v>
      </c>
      <c r="P616" s="52"/>
      <c r="Q616" s="52"/>
      <c r="R616" s="52"/>
      <c r="S616" s="52"/>
      <c r="T616" s="52"/>
      <c r="U616" s="52"/>
      <c r="V616" s="52"/>
      <c r="W616" s="52"/>
    </row>
    <row r="617" spans="1:23" x14ac:dyDescent="0.35">
      <c r="A617" s="52" t="s">
        <v>78</v>
      </c>
      <c r="B617" s="52" t="s">
        <v>79</v>
      </c>
      <c r="C617" s="3">
        <v>10</v>
      </c>
      <c r="D617" s="52" t="s">
        <v>2022</v>
      </c>
      <c r="E617" s="52" t="s">
        <v>26</v>
      </c>
      <c r="F617" s="52" t="s">
        <v>81</v>
      </c>
      <c r="G617" s="52" t="s">
        <v>82</v>
      </c>
      <c r="H617" s="4">
        <v>1</v>
      </c>
      <c r="I617" s="2">
        <v>14.65</v>
      </c>
      <c r="J617" s="52" t="s">
        <v>3225</v>
      </c>
      <c r="K617" s="71" t="s">
        <v>3226</v>
      </c>
      <c r="L617" s="52" t="s">
        <v>2063</v>
      </c>
      <c r="M617" s="72">
        <v>2170</v>
      </c>
      <c r="N617" s="52" t="s">
        <v>2259</v>
      </c>
      <c r="O617" s="52" t="s">
        <v>2260</v>
      </c>
      <c r="P617" s="52"/>
      <c r="Q617" s="52"/>
      <c r="R617" s="52"/>
      <c r="S617" s="52"/>
      <c r="T617" s="52"/>
      <c r="U617" s="52"/>
      <c r="V617" s="52"/>
      <c r="W617" s="52"/>
    </row>
    <row r="618" spans="1:23" x14ac:dyDescent="0.35">
      <c r="A618" s="52" t="s">
        <v>78</v>
      </c>
      <c r="B618" s="52" t="s">
        <v>79</v>
      </c>
      <c r="C618" s="3">
        <v>20</v>
      </c>
      <c r="D618" s="52" t="s">
        <v>85</v>
      </c>
      <c r="E618" s="52" t="s">
        <v>26</v>
      </c>
      <c r="F618" s="52" t="s">
        <v>81</v>
      </c>
      <c r="G618" s="52" t="s">
        <v>82</v>
      </c>
      <c r="H618" s="4">
        <v>1</v>
      </c>
      <c r="I618" s="2">
        <v>14.65</v>
      </c>
      <c r="J618" s="52" t="s">
        <v>2430</v>
      </c>
      <c r="K618" s="71" t="s">
        <v>3227</v>
      </c>
      <c r="L618" s="52" t="s">
        <v>2063</v>
      </c>
      <c r="M618" s="72">
        <v>4224</v>
      </c>
      <c r="N618" s="52" t="s">
        <v>2259</v>
      </c>
      <c r="O618" s="52" t="s">
        <v>2260</v>
      </c>
      <c r="P618" s="52"/>
      <c r="Q618" s="52"/>
      <c r="R618" s="52"/>
      <c r="S618" s="52"/>
      <c r="T618" s="52"/>
      <c r="U618" s="52"/>
      <c r="V618" s="52"/>
      <c r="W618" s="52"/>
    </row>
    <row r="619" spans="1:23" hidden="1" x14ac:dyDescent="0.35">
      <c r="A619" s="52" t="s">
        <v>78</v>
      </c>
      <c r="B619" s="52" t="s">
        <v>79</v>
      </c>
      <c r="C619" s="3">
        <v>20</v>
      </c>
      <c r="D619" s="52" t="s">
        <v>2019</v>
      </c>
      <c r="E619" s="52" t="s">
        <v>26</v>
      </c>
      <c r="F619" s="52" t="s">
        <v>81</v>
      </c>
      <c r="G619" s="52" t="s">
        <v>82</v>
      </c>
      <c r="H619" s="4">
        <v>1</v>
      </c>
      <c r="I619" s="2">
        <v>14.65</v>
      </c>
      <c r="J619" s="52" t="s">
        <v>3228</v>
      </c>
      <c r="K619" s="71" t="s">
        <v>3229</v>
      </c>
      <c r="L619" s="52" t="s">
        <v>2063</v>
      </c>
      <c r="M619" s="72">
        <v>8562</v>
      </c>
      <c r="N619" s="52" t="s">
        <v>2072</v>
      </c>
      <c r="O619" s="52" t="s">
        <v>2073</v>
      </c>
      <c r="P619" s="52"/>
      <c r="Q619" s="52"/>
      <c r="R619" s="52"/>
      <c r="S619" s="52"/>
      <c r="T619" s="52"/>
      <c r="U619" s="52"/>
      <c r="V619" s="52"/>
      <c r="W619" s="52"/>
    </row>
    <row r="620" spans="1:23" hidden="1" x14ac:dyDescent="0.35">
      <c r="A620" s="52" t="s">
        <v>78</v>
      </c>
      <c r="B620" s="52" t="s">
        <v>79</v>
      </c>
      <c r="C620" s="3">
        <v>20</v>
      </c>
      <c r="D620" s="52" t="s">
        <v>80</v>
      </c>
      <c r="E620" s="52" t="s">
        <v>26</v>
      </c>
      <c r="F620" s="52" t="s">
        <v>81</v>
      </c>
      <c r="G620" s="52" t="s">
        <v>82</v>
      </c>
      <c r="H620" s="4">
        <v>1</v>
      </c>
      <c r="I620" s="2">
        <v>14.65</v>
      </c>
      <c r="J620" s="52" t="s">
        <v>3230</v>
      </c>
      <c r="K620" s="71" t="s">
        <v>3231</v>
      </c>
      <c r="L620" s="52" t="s">
        <v>2063</v>
      </c>
      <c r="M620" s="72">
        <v>9751</v>
      </c>
      <c r="N620" s="52" t="s">
        <v>2066</v>
      </c>
      <c r="O620" s="52" t="s">
        <v>2067</v>
      </c>
      <c r="P620" s="52"/>
      <c r="Q620" s="52"/>
      <c r="R620" s="52"/>
      <c r="S620" s="52"/>
      <c r="T620" s="52"/>
      <c r="U620" s="52"/>
      <c r="V620" s="52"/>
      <c r="W620" s="52"/>
    </row>
    <row r="621" spans="1:23" x14ac:dyDescent="0.35">
      <c r="A621" s="52" t="s">
        <v>78</v>
      </c>
      <c r="B621" s="52" t="s">
        <v>79</v>
      </c>
      <c r="C621" s="3">
        <v>20</v>
      </c>
      <c r="D621" s="52" t="s">
        <v>2022</v>
      </c>
      <c r="E621" s="52" t="s">
        <v>26</v>
      </c>
      <c r="F621" s="52" t="s">
        <v>81</v>
      </c>
      <c r="G621" s="52" t="s">
        <v>82</v>
      </c>
      <c r="H621" s="4">
        <v>1</v>
      </c>
      <c r="I621" s="2">
        <v>14.65</v>
      </c>
      <c r="J621" s="52" t="s">
        <v>3034</v>
      </c>
      <c r="K621" s="71" t="s">
        <v>3232</v>
      </c>
      <c r="L621" s="52" t="s">
        <v>2063</v>
      </c>
      <c r="M621" s="72">
        <v>5089</v>
      </c>
      <c r="N621" s="52" t="s">
        <v>2076</v>
      </c>
      <c r="O621" s="52" t="s">
        <v>2077</v>
      </c>
      <c r="P621" s="52"/>
      <c r="Q621" s="52"/>
      <c r="R621" s="52"/>
      <c r="S621" s="52"/>
      <c r="T621" s="52"/>
      <c r="U621" s="52"/>
      <c r="V621" s="52"/>
      <c r="W621" s="52"/>
    </row>
    <row r="622" spans="1:23" hidden="1" x14ac:dyDescent="0.35">
      <c r="A622" s="52" t="s">
        <v>78</v>
      </c>
      <c r="B622" s="52" t="s">
        <v>79</v>
      </c>
      <c r="C622" s="3">
        <v>20</v>
      </c>
      <c r="D622" s="52" t="s">
        <v>2024</v>
      </c>
      <c r="E622" s="52" t="s">
        <v>26</v>
      </c>
      <c r="F622" s="52" t="s">
        <v>81</v>
      </c>
      <c r="G622" s="52" t="s">
        <v>82</v>
      </c>
      <c r="H622" s="4">
        <v>1</v>
      </c>
      <c r="I622" s="2">
        <v>14.65</v>
      </c>
      <c r="J622" s="52" t="s">
        <v>3233</v>
      </c>
      <c r="K622" s="71" t="s">
        <v>3234</v>
      </c>
      <c r="L622" s="52" t="s">
        <v>2063</v>
      </c>
      <c r="M622" s="72">
        <v>1478</v>
      </c>
      <c r="N622" s="52" t="s">
        <v>2066</v>
      </c>
      <c r="O622" s="52" t="s">
        <v>2067</v>
      </c>
      <c r="P622" s="52"/>
      <c r="Q622" s="52"/>
      <c r="R622" s="52"/>
      <c r="S622" s="52"/>
      <c r="T622" s="52"/>
      <c r="U622" s="52"/>
      <c r="V622" s="52"/>
      <c r="W622" s="52"/>
    </row>
    <row r="623" spans="1:23" hidden="1" x14ac:dyDescent="0.35">
      <c r="A623" s="52" t="s">
        <v>78</v>
      </c>
      <c r="B623" s="52" t="s">
        <v>79</v>
      </c>
      <c r="C623" s="3">
        <v>20</v>
      </c>
      <c r="D623" s="52" t="s">
        <v>84</v>
      </c>
      <c r="E623" s="52" t="s">
        <v>26</v>
      </c>
      <c r="F623" s="52" t="s">
        <v>81</v>
      </c>
      <c r="G623" s="52" t="s">
        <v>82</v>
      </c>
      <c r="H623" s="4">
        <v>1</v>
      </c>
      <c r="I623" s="2">
        <v>14.65</v>
      </c>
      <c r="J623" s="52" t="s">
        <v>3235</v>
      </c>
      <c r="K623" s="71" t="s">
        <v>3236</v>
      </c>
      <c r="L623" s="52" t="s">
        <v>2063</v>
      </c>
      <c r="M623" s="72">
        <v>1138</v>
      </c>
      <c r="N623" s="52" t="s">
        <v>2072</v>
      </c>
      <c r="O623" s="52" t="s">
        <v>2073</v>
      </c>
      <c r="P623" s="52"/>
      <c r="Q623" s="52"/>
      <c r="R623" s="52"/>
      <c r="S623" s="52"/>
      <c r="T623" s="52"/>
      <c r="U623" s="52"/>
      <c r="V623" s="52"/>
      <c r="W623" s="52"/>
    </row>
    <row r="624" spans="1:23" hidden="1" x14ac:dyDescent="0.35">
      <c r="A624" s="52" t="s">
        <v>78</v>
      </c>
      <c r="B624" s="52" t="s">
        <v>79</v>
      </c>
      <c r="C624" s="3">
        <v>20</v>
      </c>
      <c r="D624" s="52" t="s">
        <v>2020</v>
      </c>
      <c r="E624" s="52" t="s">
        <v>26</v>
      </c>
      <c r="F624" s="52" t="s">
        <v>81</v>
      </c>
      <c r="G624" s="52" t="s">
        <v>82</v>
      </c>
      <c r="H624" s="4">
        <v>1</v>
      </c>
      <c r="I624" s="2">
        <v>14.65</v>
      </c>
      <c r="J624" s="52" t="s">
        <v>3237</v>
      </c>
      <c r="K624" s="71" t="s">
        <v>3238</v>
      </c>
      <c r="L624" s="52" t="s">
        <v>2063</v>
      </c>
      <c r="M624" s="72">
        <v>1477</v>
      </c>
      <c r="N624" s="52" t="s">
        <v>2072</v>
      </c>
      <c r="O624" s="52" t="s">
        <v>2073</v>
      </c>
      <c r="P624" s="52"/>
      <c r="Q624" s="52"/>
      <c r="R624" s="52"/>
      <c r="S624" s="52"/>
      <c r="T624" s="52"/>
      <c r="U624" s="52"/>
      <c r="V624" s="52"/>
      <c r="W624" s="52"/>
    </row>
    <row r="625" spans="1:23" hidden="1" x14ac:dyDescent="0.35">
      <c r="A625" s="52" t="s">
        <v>78</v>
      </c>
      <c r="B625" s="52" t="s">
        <v>79</v>
      </c>
      <c r="C625" s="3">
        <v>20</v>
      </c>
      <c r="D625" s="52" t="s">
        <v>85</v>
      </c>
      <c r="E625" s="52" t="s">
        <v>26</v>
      </c>
      <c r="F625" s="52" t="s">
        <v>81</v>
      </c>
      <c r="G625" s="52" t="s">
        <v>82</v>
      </c>
      <c r="H625" s="4">
        <v>1</v>
      </c>
      <c r="I625" s="2">
        <v>14.65</v>
      </c>
      <c r="J625" s="52" t="s">
        <v>3239</v>
      </c>
      <c r="K625" s="71" t="s">
        <v>3240</v>
      </c>
      <c r="L625" s="52" t="s">
        <v>2063</v>
      </c>
      <c r="M625" s="72">
        <v>2520</v>
      </c>
      <c r="N625" s="52" t="s">
        <v>2072</v>
      </c>
      <c r="O625" s="52" t="s">
        <v>2073</v>
      </c>
      <c r="P625" s="52"/>
      <c r="Q625" s="52"/>
      <c r="R625" s="52"/>
      <c r="S625" s="52"/>
      <c r="T625" s="52"/>
      <c r="U625" s="52"/>
      <c r="V625" s="52"/>
      <c r="W625" s="52"/>
    </row>
    <row r="626" spans="1:23" hidden="1" x14ac:dyDescent="0.35">
      <c r="A626" s="52" t="s">
        <v>78</v>
      </c>
      <c r="B626" s="52" t="s">
        <v>79</v>
      </c>
      <c r="C626" s="3">
        <v>20</v>
      </c>
      <c r="D626" s="52" t="s">
        <v>84</v>
      </c>
      <c r="E626" s="52" t="s">
        <v>26</v>
      </c>
      <c r="F626" s="52" t="s">
        <v>81</v>
      </c>
      <c r="G626" s="52" t="s">
        <v>82</v>
      </c>
      <c r="H626" s="4">
        <v>1</v>
      </c>
      <c r="I626" s="2">
        <v>14.65</v>
      </c>
      <c r="J626" s="52" t="s">
        <v>3241</v>
      </c>
      <c r="K626" s="71" t="s">
        <v>3242</v>
      </c>
      <c r="L626" s="52" t="s">
        <v>2063</v>
      </c>
      <c r="M626" s="72">
        <v>2984</v>
      </c>
      <c r="N626" s="52"/>
      <c r="O626" s="52"/>
      <c r="P626" s="52"/>
      <c r="Q626" s="52"/>
      <c r="R626" s="52"/>
      <c r="S626" s="52"/>
      <c r="T626" s="52"/>
      <c r="U626" s="52"/>
      <c r="V626" s="52"/>
      <c r="W626" s="52"/>
    </row>
    <row r="627" spans="1:23" hidden="1" x14ac:dyDescent="0.35">
      <c r="A627" s="52" t="s">
        <v>78</v>
      </c>
      <c r="B627" s="52" t="s">
        <v>79</v>
      </c>
      <c r="C627" s="3">
        <v>10</v>
      </c>
      <c r="D627" s="52" t="s">
        <v>84</v>
      </c>
      <c r="E627" s="52" t="s">
        <v>26</v>
      </c>
      <c r="F627" s="52" t="s">
        <v>81</v>
      </c>
      <c r="G627" s="52" t="s">
        <v>82</v>
      </c>
      <c r="H627" s="4">
        <v>1</v>
      </c>
      <c r="I627" s="2">
        <v>14.65</v>
      </c>
      <c r="J627" s="52" t="s">
        <v>3243</v>
      </c>
      <c r="K627" s="71" t="s">
        <v>3244</v>
      </c>
      <c r="L627" s="52" t="s">
        <v>2063</v>
      </c>
      <c r="M627" s="72">
        <v>7081</v>
      </c>
      <c r="N627" s="52" t="s">
        <v>2072</v>
      </c>
      <c r="O627" s="52" t="s">
        <v>2073</v>
      </c>
      <c r="P627" s="52"/>
      <c r="Q627" s="52"/>
      <c r="R627" s="52"/>
      <c r="S627" s="52"/>
      <c r="T627" s="52"/>
      <c r="U627" s="52"/>
      <c r="V627" s="52"/>
      <c r="W627" s="52"/>
    </row>
    <row r="628" spans="1:23" hidden="1" x14ac:dyDescent="0.35">
      <c r="A628" s="52" t="s">
        <v>78</v>
      </c>
      <c r="B628" s="52" t="s">
        <v>79</v>
      </c>
      <c r="C628" s="3">
        <v>20</v>
      </c>
      <c r="D628" s="52" t="s">
        <v>2023</v>
      </c>
      <c r="E628" s="52" t="s">
        <v>26</v>
      </c>
      <c r="F628" s="52" t="s">
        <v>81</v>
      </c>
      <c r="G628" s="52" t="s">
        <v>82</v>
      </c>
      <c r="H628" s="4">
        <v>1</v>
      </c>
      <c r="I628" s="2">
        <v>14.65</v>
      </c>
      <c r="J628" s="52" t="s">
        <v>2228</v>
      </c>
      <c r="K628" s="71" t="s">
        <v>3245</v>
      </c>
      <c r="L628" s="52" t="s">
        <v>2063</v>
      </c>
      <c r="M628" s="72">
        <v>5115</v>
      </c>
      <c r="N628" s="52" t="s">
        <v>2066</v>
      </c>
      <c r="O628" s="52" t="s">
        <v>2067</v>
      </c>
      <c r="P628" s="52"/>
      <c r="Q628" s="52"/>
      <c r="R628" s="52"/>
      <c r="S628" s="52"/>
      <c r="T628" s="52"/>
      <c r="U628" s="52"/>
      <c r="V628" s="52"/>
      <c r="W628" s="52"/>
    </row>
    <row r="629" spans="1:23" hidden="1" x14ac:dyDescent="0.35">
      <c r="A629" s="52" t="s">
        <v>78</v>
      </c>
      <c r="B629" s="52" t="s">
        <v>79</v>
      </c>
      <c r="C629" s="3">
        <v>211</v>
      </c>
      <c r="D629" s="52" t="s">
        <v>85</v>
      </c>
      <c r="E629" s="52" t="s">
        <v>26</v>
      </c>
      <c r="F629" s="52" t="s">
        <v>81</v>
      </c>
      <c r="G629" s="52" t="s">
        <v>82</v>
      </c>
      <c r="H629" s="4">
        <v>1</v>
      </c>
      <c r="I629" s="2">
        <v>14.65</v>
      </c>
      <c r="J629" s="52" t="s">
        <v>3246</v>
      </c>
      <c r="K629" s="71" t="s">
        <v>3247</v>
      </c>
      <c r="L629" s="52" t="s">
        <v>2063</v>
      </c>
      <c r="M629" s="72">
        <v>7859</v>
      </c>
      <c r="N629" s="52" t="s">
        <v>2072</v>
      </c>
      <c r="O629" s="52" t="s">
        <v>2073</v>
      </c>
      <c r="P629" s="52"/>
      <c r="Q629" s="52"/>
      <c r="R629" s="52"/>
      <c r="S629" s="52"/>
      <c r="T629" s="52"/>
      <c r="U629" s="52"/>
      <c r="V629" s="52"/>
      <c r="W629" s="52"/>
    </row>
    <row r="630" spans="1:23" hidden="1" x14ac:dyDescent="0.35">
      <c r="A630" s="52" t="s">
        <v>78</v>
      </c>
      <c r="B630" s="52" t="s">
        <v>79</v>
      </c>
      <c r="C630" s="3">
        <v>20</v>
      </c>
      <c r="D630" s="52" t="s">
        <v>85</v>
      </c>
      <c r="E630" s="52" t="s">
        <v>26</v>
      </c>
      <c r="F630" s="52" t="s">
        <v>81</v>
      </c>
      <c r="G630" s="52" t="s">
        <v>82</v>
      </c>
      <c r="H630" s="4">
        <v>1</v>
      </c>
      <c r="I630" s="2">
        <v>14.65</v>
      </c>
      <c r="J630" s="52" t="s">
        <v>3248</v>
      </c>
      <c r="K630" s="71" t="s">
        <v>3249</v>
      </c>
      <c r="L630" s="52" t="s">
        <v>2063</v>
      </c>
      <c r="M630" s="72">
        <v>1245</v>
      </c>
      <c r="N630" s="52" t="s">
        <v>2072</v>
      </c>
      <c r="O630" s="52" t="s">
        <v>2073</v>
      </c>
      <c r="P630" s="52"/>
      <c r="Q630" s="52"/>
      <c r="R630" s="52"/>
      <c r="S630" s="52"/>
      <c r="T630" s="52"/>
      <c r="U630" s="52"/>
      <c r="V630" s="52"/>
      <c r="W630" s="52"/>
    </row>
    <row r="631" spans="1:23" hidden="1" x14ac:dyDescent="0.35">
      <c r="A631" s="52" t="s">
        <v>78</v>
      </c>
      <c r="B631" s="52" t="s">
        <v>79</v>
      </c>
      <c r="C631" s="3">
        <v>20</v>
      </c>
      <c r="D631" s="52" t="s">
        <v>83</v>
      </c>
      <c r="E631" s="52" t="s">
        <v>26</v>
      </c>
      <c r="F631" s="52" t="s">
        <v>81</v>
      </c>
      <c r="G631" s="52" t="s">
        <v>82</v>
      </c>
      <c r="H631" s="4">
        <v>1</v>
      </c>
      <c r="I631" s="2">
        <v>14.65</v>
      </c>
      <c r="J631" s="52" t="s">
        <v>3250</v>
      </c>
      <c r="K631" s="71" t="s">
        <v>3251</v>
      </c>
      <c r="L631" s="52" t="s">
        <v>2063</v>
      </c>
      <c r="M631" s="72">
        <v>2625</v>
      </c>
      <c r="N631" s="52" t="s">
        <v>2072</v>
      </c>
      <c r="O631" s="52" t="s">
        <v>2073</v>
      </c>
      <c r="P631" s="52"/>
      <c r="Q631" s="52"/>
      <c r="R631" s="52"/>
      <c r="S631" s="52"/>
      <c r="T631" s="52"/>
      <c r="U631" s="52"/>
      <c r="V631" s="52"/>
      <c r="W631" s="52"/>
    </row>
    <row r="632" spans="1:23" hidden="1" x14ac:dyDescent="0.35">
      <c r="A632" s="52" t="s">
        <v>78</v>
      </c>
      <c r="B632" s="52" t="s">
        <v>79</v>
      </c>
      <c r="C632" s="3">
        <v>20</v>
      </c>
      <c r="D632" s="52" t="s">
        <v>2021</v>
      </c>
      <c r="E632" s="52" t="s">
        <v>26</v>
      </c>
      <c r="F632" s="52" t="s">
        <v>81</v>
      </c>
      <c r="G632" s="52" t="s">
        <v>82</v>
      </c>
      <c r="H632" s="4">
        <v>1</v>
      </c>
      <c r="I632" s="2">
        <v>14.65</v>
      </c>
      <c r="J632" s="52" t="s">
        <v>3252</v>
      </c>
      <c r="K632" s="71" t="s">
        <v>3253</v>
      </c>
      <c r="L632" s="52" t="s">
        <v>2063</v>
      </c>
      <c r="M632" s="72">
        <v>6863</v>
      </c>
      <c r="N632" s="52" t="s">
        <v>2072</v>
      </c>
      <c r="O632" s="52" t="s">
        <v>2073</v>
      </c>
      <c r="P632" s="52"/>
      <c r="Q632" s="52"/>
      <c r="R632" s="52"/>
      <c r="S632" s="52"/>
      <c r="T632" s="52"/>
      <c r="U632" s="52"/>
      <c r="V632" s="52"/>
      <c r="W632" s="52"/>
    </row>
    <row r="633" spans="1:23" hidden="1" x14ac:dyDescent="0.35">
      <c r="A633" s="52" t="s">
        <v>78</v>
      </c>
      <c r="B633" s="52" t="s">
        <v>79</v>
      </c>
      <c r="C633" s="3">
        <v>20</v>
      </c>
      <c r="D633" s="52" t="s">
        <v>87</v>
      </c>
      <c r="E633" s="52" t="s">
        <v>26</v>
      </c>
      <c r="F633" s="52" t="s">
        <v>81</v>
      </c>
      <c r="G633" s="52" t="s">
        <v>82</v>
      </c>
      <c r="H633" s="4">
        <v>1</v>
      </c>
      <c r="I633" s="2">
        <v>14.65</v>
      </c>
      <c r="J633" s="52" t="s">
        <v>2864</v>
      </c>
      <c r="K633" s="71" t="s">
        <v>3254</v>
      </c>
      <c r="L633" s="52" t="s">
        <v>2063</v>
      </c>
      <c r="M633" s="72">
        <v>4186</v>
      </c>
      <c r="N633" s="52" t="s">
        <v>2154</v>
      </c>
      <c r="O633" s="52" t="s">
        <v>2155</v>
      </c>
      <c r="P633" s="52"/>
      <c r="Q633" s="52"/>
      <c r="R633" s="52"/>
      <c r="S633" s="52"/>
      <c r="T633" s="52"/>
      <c r="U633" s="52"/>
      <c r="V633" s="52"/>
      <c r="W633" s="52"/>
    </row>
    <row r="634" spans="1:23" hidden="1" x14ac:dyDescent="0.35">
      <c r="A634" s="52" t="s">
        <v>78</v>
      </c>
      <c r="B634" s="52" t="s">
        <v>79</v>
      </c>
      <c r="C634" s="3">
        <v>20</v>
      </c>
      <c r="D634" s="52" t="s">
        <v>84</v>
      </c>
      <c r="E634" s="52" t="s">
        <v>26</v>
      </c>
      <c r="F634" s="52" t="s">
        <v>81</v>
      </c>
      <c r="G634" s="52" t="s">
        <v>82</v>
      </c>
      <c r="H634" s="4">
        <v>1</v>
      </c>
      <c r="I634" s="2">
        <v>14.65</v>
      </c>
      <c r="J634" s="52" t="s">
        <v>3221</v>
      </c>
      <c r="K634" s="71" t="s">
        <v>3255</v>
      </c>
      <c r="L634" s="52" t="s">
        <v>2063</v>
      </c>
      <c r="M634" s="72">
        <v>7313</v>
      </c>
      <c r="N634" s="52" t="s">
        <v>2072</v>
      </c>
      <c r="O634" s="52" t="s">
        <v>2073</v>
      </c>
      <c r="P634" s="52"/>
      <c r="Q634" s="52"/>
      <c r="R634" s="52"/>
      <c r="S634" s="52"/>
      <c r="T634" s="52"/>
      <c r="U634" s="52"/>
      <c r="V634" s="52"/>
      <c r="W634" s="52"/>
    </row>
    <row r="635" spans="1:23" hidden="1" x14ac:dyDescent="0.35">
      <c r="A635" s="52" t="s">
        <v>78</v>
      </c>
      <c r="B635" s="52" t="s">
        <v>79</v>
      </c>
      <c r="C635" s="3">
        <v>20</v>
      </c>
      <c r="D635" s="52" t="s">
        <v>87</v>
      </c>
      <c r="E635" s="52" t="s">
        <v>26</v>
      </c>
      <c r="F635" s="52" t="s">
        <v>81</v>
      </c>
      <c r="G635" s="52" t="s">
        <v>82</v>
      </c>
      <c r="H635" s="4">
        <v>1</v>
      </c>
      <c r="I635" s="2">
        <v>14.65</v>
      </c>
      <c r="J635" s="52" t="s">
        <v>3256</v>
      </c>
      <c r="K635" s="71" t="s">
        <v>3257</v>
      </c>
      <c r="L635" s="52" t="s">
        <v>2063</v>
      </c>
      <c r="M635" s="72">
        <v>7372</v>
      </c>
      <c r="N635" s="52" t="s">
        <v>2072</v>
      </c>
      <c r="O635" s="52" t="s">
        <v>2073</v>
      </c>
      <c r="P635" s="52"/>
      <c r="Q635" s="52"/>
      <c r="R635" s="52"/>
      <c r="S635" s="52"/>
      <c r="T635" s="52"/>
      <c r="U635" s="52"/>
      <c r="V635" s="52"/>
      <c r="W635" s="52"/>
    </row>
    <row r="636" spans="1:23" hidden="1" x14ac:dyDescent="0.35">
      <c r="A636" s="52" t="s">
        <v>78</v>
      </c>
      <c r="B636" s="52" t="s">
        <v>79</v>
      </c>
      <c r="C636" s="3">
        <v>20</v>
      </c>
      <c r="D636" s="52" t="s">
        <v>80</v>
      </c>
      <c r="E636" s="52" t="s">
        <v>26</v>
      </c>
      <c r="F636" s="52" t="s">
        <v>81</v>
      </c>
      <c r="G636" s="52" t="s">
        <v>82</v>
      </c>
      <c r="H636" s="4">
        <v>1</v>
      </c>
      <c r="I636" s="2">
        <v>14.65</v>
      </c>
      <c r="J636" s="52" t="s">
        <v>2903</v>
      </c>
      <c r="K636" s="71" t="s">
        <v>3258</v>
      </c>
      <c r="L636" s="52" t="s">
        <v>2063</v>
      </c>
      <c r="M636" s="72">
        <v>8768</v>
      </c>
      <c r="N636" s="52" t="s">
        <v>2066</v>
      </c>
      <c r="O636" s="52" t="s">
        <v>2067</v>
      </c>
      <c r="P636" s="52"/>
      <c r="Q636" s="52"/>
      <c r="R636" s="52"/>
      <c r="S636" s="52"/>
      <c r="T636" s="52"/>
      <c r="U636" s="52"/>
      <c r="V636" s="52"/>
      <c r="W636" s="52"/>
    </row>
    <row r="637" spans="1:23" hidden="1" x14ac:dyDescent="0.35">
      <c r="A637" s="52" t="s">
        <v>78</v>
      </c>
      <c r="B637" s="52" t="s">
        <v>79</v>
      </c>
      <c r="C637" s="3">
        <v>10</v>
      </c>
      <c r="D637" s="52" t="s">
        <v>80</v>
      </c>
      <c r="E637" s="52" t="s">
        <v>26</v>
      </c>
      <c r="F637" s="52" t="s">
        <v>81</v>
      </c>
      <c r="G637" s="52" t="s">
        <v>82</v>
      </c>
      <c r="H637" s="4">
        <v>1</v>
      </c>
      <c r="I637" s="2">
        <v>14.65</v>
      </c>
      <c r="J637" s="52" t="s">
        <v>3259</v>
      </c>
      <c r="K637" s="71" t="s">
        <v>3260</v>
      </c>
      <c r="L637" s="52" t="s">
        <v>2063</v>
      </c>
      <c r="M637" s="72">
        <v>6601</v>
      </c>
      <c r="N637" s="52" t="s">
        <v>2072</v>
      </c>
      <c r="O637" s="52" t="s">
        <v>2073</v>
      </c>
      <c r="P637" s="52"/>
      <c r="Q637" s="52"/>
      <c r="R637" s="52"/>
      <c r="S637" s="52"/>
      <c r="T637" s="52"/>
      <c r="U637" s="52"/>
      <c r="V637" s="52"/>
      <c r="W637" s="52"/>
    </row>
    <row r="638" spans="1:23" hidden="1" x14ac:dyDescent="0.35">
      <c r="A638" s="52" t="s">
        <v>78</v>
      </c>
      <c r="B638" s="52" t="s">
        <v>79</v>
      </c>
      <c r="C638" s="3">
        <v>10</v>
      </c>
      <c r="D638" s="52" t="s">
        <v>2019</v>
      </c>
      <c r="E638" s="52" t="s">
        <v>26</v>
      </c>
      <c r="F638" s="52" t="s">
        <v>81</v>
      </c>
      <c r="G638" s="52" t="s">
        <v>82</v>
      </c>
      <c r="H638" s="4">
        <v>1</v>
      </c>
      <c r="I638" s="2">
        <v>14.65</v>
      </c>
      <c r="J638" s="52" t="s">
        <v>3261</v>
      </c>
      <c r="K638" s="71" t="s">
        <v>3262</v>
      </c>
      <c r="L638" s="52" t="s">
        <v>2095</v>
      </c>
      <c r="M638" s="72">
        <v>7091</v>
      </c>
      <c r="N638" s="52"/>
      <c r="O638" s="52"/>
      <c r="P638" s="52"/>
      <c r="Q638" s="52"/>
      <c r="R638" s="52"/>
      <c r="S638" s="52"/>
      <c r="T638" s="52"/>
      <c r="U638" s="52"/>
      <c r="V638" s="52"/>
      <c r="W638" s="52"/>
    </row>
    <row r="639" spans="1:23" hidden="1" x14ac:dyDescent="0.35">
      <c r="A639" s="52" t="s">
        <v>78</v>
      </c>
      <c r="B639" s="52" t="s">
        <v>79</v>
      </c>
      <c r="C639" s="3">
        <v>20</v>
      </c>
      <c r="D639" s="52" t="s">
        <v>80</v>
      </c>
      <c r="E639" s="52" t="s">
        <v>26</v>
      </c>
      <c r="F639" s="52" t="s">
        <v>81</v>
      </c>
      <c r="G639" s="52" t="s">
        <v>82</v>
      </c>
      <c r="H639" s="4">
        <v>1</v>
      </c>
      <c r="I639" s="2">
        <v>14.65</v>
      </c>
      <c r="J639" s="52" t="s">
        <v>3263</v>
      </c>
      <c r="K639" s="71" t="s">
        <v>3264</v>
      </c>
      <c r="L639" s="52" t="s">
        <v>2063</v>
      </c>
      <c r="M639" s="72">
        <v>45</v>
      </c>
      <c r="N639" s="52" t="s">
        <v>2072</v>
      </c>
      <c r="O639" s="52" t="s">
        <v>2073</v>
      </c>
      <c r="P639" s="52"/>
      <c r="Q639" s="52"/>
      <c r="R639" s="52"/>
      <c r="S639" s="52"/>
      <c r="T639" s="52"/>
      <c r="U639" s="52"/>
      <c r="V639" s="52"/>
      <c r="W639" s="52"/>
    </row>
    <row r="640" spans="1:23" x14ac:dyDescent="0.35">
      <c r="A640" s="52" t="s">
        <v>78</v>
      </c>
      <c r="B640" s="52" t="s">
        <v>79</v>
      </c>
      <c r="C640" s="3">
        <v>211</v>
      </c>
      <c r="D640" s="52" t="s">
        <v>87</v>
      </c>
      <c r="E640" s="52" t="s">
        <v>26</v>
      </c>
      <c r="F640" s="52" t="s">
        <v>81</v>
      </c>
      <c r="G640" s="52" t="s">
        <v>82</v>
      </c>
      <c r="H640" s="4">
        <v>1</v>
      </c>
      <c r="I640" s="2">
        <v>14.65</v>
      </c>
      <c r="J640" s="52" t="s">
        <v>2281</v>
      </c>
      <c r="K640" s="71" t="s">
        <v>3265</v>
      </c>
      <c r="L640" s="52" t="s">
        <v>2063</v>
      </c>
      <c r="M640" s="72">
        <v>4669</v>
      </c>
      <c r="N640" s="52" t="s">
        <v>2076</v>
      </c>
      <c r="O640" s="52" t="s">
        <v>2077</v>
      </c>
      <c r="P640" s="52" t="s">
        <v>2076</v>
      </c>
      <c r="Q640" s="52" t="s">
        <v>2077</v>
      </c>
      <c r="R640" s="52"/>
      <c r="S640" s="52"/>
      <c r="T640" s="52"/>
      <c r="U640" s="52"/>
      <c r="V640" s="52"/>
      <c r="W640" s="52"/>
    </row>
    <row r="641" spans="1:23" hidden="1" x14ac:dyDescent="0.35">
      <c r="A641" s="52" t="s">
        <v>78</v>
      </c>
      <c r="B641" s="52" t="s">
        <v>79</v>
      </c>
      <c r="C641" s="3">
        <v>20</v>
      </c>
      <c r="D641" s="52" t="s">
        <v>85</v>
      </c>
      <c r="E641" s="52" t="s">
        <v>26</v>
      </c>
      <c r="F641" s="52" t="s">
        <v>81</v>
      </c>
      <c r="G641" s="52" t="s">
        <v>82</v>
      </c>
      <c r="H641" s="4">
        <v>1</v>
      </c>
      <c r="I641" s="2">
        <v>14.65</v>
      </c>
      <c r="J641" s="52" t="s">
        <v>3266</v>
      </c>
      <c r="K641" s="71" t="s">
        <v>3267</v>
      </c>
      <c r="L641" s="52" t="s">
        <v>2063</v>
      </c>
      <c r="M641" s="72">
        <v>8286</v>
      </c>
      <c r="N641" s="52" t="s">
        <v>2072</v>
      </c>
      <c r="O641" s="52" t="s">
        <v>2073</v>
      </c>
      <c r="P641" s="52"/>
      <c r="Q641" s="52"/>
      <c r="R641" s="52"/>
      <c r="S641" s="52"/>
      <c r="T641" s="52"/>
      <c r="U641" s="52"/>
      <c r="V641" s="52"/>
      <c r="W641" s="52"/>
    </row>
    <row r="642" spans="1:23" hidden="1" x14ac:dyDescent="0.35">
      <c r="A642" s="52" t="s">
        <v>78</v>
      </c>
      <c r="B642" s="52" t="s">
        <v>79</v>
      </c>
      <c r="C642" s="3">
        <v>20</v>
      </c>
      <c r="D642" s="52" t="s">
        <v>87</v>
      </c>
      <c r="E642" s="52" t="s">
        <v>26</v>
      </c>
      <c r="F642" s="52" t="s">
        <v>81</v>
      </c>
      <c r="G642" s="52" t="s">
        <v>82</v>
      </c>
      <c r="H642" s="4">
        <v>1</v>
      </c>
      <c r="I642" s="2">
        <v>14.65</v>
      </c>
      <c r="J642" s="52" t="s">
        <v>3268</v>
      </c>
      <c r="K642" s="71" t="s">
        <v>3269</v>
      </c>
      <c r="L642" s="52" t="s">
        <v>2063</v>
      </c>
      <c r="M642" s="72">
        <v>8609</v>
      </c>
      <c r="N642" s="52" t="s">
        <v>2072</v>
      </c>
      <c r="O642" s="52" t="s">
        <v>2073</v>
      </c>
      <c r="P642" s="52"/>
      <c r="Q642" s="52"/>
      <c r="R642" s="52"/>
      <c r="S642" s="52"/>
      <c r="T642" s="52"/>
      <c r="U642" s="52"/>
      <c r="V642" s="52"/>
      <c r="W642" s="52"/>
    </row>
    <row r="643" spans="1:23" x14ac:dyDescent="0.35">
      <c r="A643" s="52" t="s">
        <v>78</v>
      </c>
      <c r="B643" s="52" t="s">
        <v>79</v>
      </c>
      <c r="C643" s="3">
        <v>20</v>
      </c>
      <c r="D643" s="52" t="s">
        <v>87</v>
      </c>
      <c r="E643" s="52" t="s">
        <v>26</v>
      </c>
      <c r="F643" s="52" t="s">
        <v>81</v>
      </c>
      <c r="G643" s="52" t="s">
        <v>82</v>
      </c>
      <c r="H643" s="4">
        <v>1</v>
      </c>
      <c r="I643" s="2">
        <v>14.65</v>
      </c>
      <c r="J643" s="52" t="s">
        <v>3270</v>
      </c>
      <c r="K643" s="71" t="s">
        <v>3271</v>
      </c>
      <c r="L643" s="52" t="s">
        <v>2063</v>
      </c>
      <c r="M643" s="72">
        <v>8230</v>
      </c>
      <c r="N643" s="52" t="s">
        <v>2259</v>
      </c>
      <c r="O643" s="52" t="s">
        <v>2260</v>
      </c>
      <c r="P643" s="52"/>
      <c r="Q643" s="52"/>
      <c r="R643" s="52"/>
      <c r="S643" s="52"/>
      <c r="T643" s="52"/>
      <c r="U643" s="52"/>
      <c r="V643" s="52"/>
      <c r="W643" s="52"/>
    </row>
    <row r="644" spans="1:23" hidden="1" x14ac:dyDescent="0.35">
      <c r="A644" s="52" t="s">
        <v>78</v>
      </c>
      <c r="B644" s="52" t="s">
        <v>79</v>
      </c>
      <c r="C644" s="3">
        <v>10</v>
      </c>
      <c r="D644" s="52" t="s">
        <v>2021</v>
      </c>
      <c r="E644" s="52" t="s">
        <v>26</v>
      </c>
      <c r="F644" s="52" t="s">
        <v>81</v>
      </c>
      <c r="G644" s="52" t="s">
        <v>82</v>
      </c>
      <c r="H644" s="4">
        <v>1</v>
      </c>
      <c r="I644" s="2">
        <v>14.65</v>
      </c>
      <c r="J644" s="52" t="s">
        <v>2279</v>
      </c>
      <c r="K644" s="71" t="s">
        <v>3272</v>
      </c>
      <c r="L644" s="52" t="s">
        <v>2063</v>
      </c>
      <c r="M644" s="72">
        <v>9729</v>
      </c>
      <c r="N644" s="52" t="s">
        <v>2072</v>
      </c>
      <c r="O644" s="52" t="s">
        <v>2073</v>
      </c>
      <c r="P644" s="52"/>
      <c r="Q644" s="52"/>
      <c r="R644" s="52"/>
      <c r="S644" s="52"/>
      <c r="T644" s="52"/>
      <c r="U644" s="52"/>
      <c r="V644" s="52"/>
      <c r="W644" s="52"/>
    </row>
    <row r="645" spans="1:23" hidden="1" x14ac:dyDescent="0.35">
      <c r="A645" s="52" t="s">
        <v>78</v>
      </c>
      <c r="B645" s="52" t="s">
        <v>79</v>
      </c>
      <c r="C645" s="3">
        <v>20</v>
      </c>
      <c r="D645" s="52" t="s">
        <v>2019</v>
      </c>
      <c r="E645" s="52" t="s">
        <v>26</v>
      </c>
      <c r="F645" s="52" t="s">
        <v>81</v>
      </c>
      <c r="G645" s="52" t="s">
        <v>82</v>
      </c>
      <c r="H645" s="4">
        <v>1</v>
      </c>
      <c r="I645" s="2">
        <v>14.65</v>
      </c>
      <c r="J645" s="52" t="s">
        <v>3273</v>
      </c>
      <c r="K645" s="71" t="s">
        <v>3274</v>
      </c>
      <c r="L645" s="52" t="s">
        <v>2063</v>
      </c>
      <c r="M645" s="72">
        <v>1620</v>
      </c>
      <c r="N645" s="52" t="s">
        <v>2072</v>
      </c>
      <c r="O645" s="52" t="s">
        <v>2073</v>
      </c>
      <c r="P645" s="52"/>
      <c r="Q645" s="52"/>
      <c r="R645" s="52"/>
      <c r="S645" s="52"/>
      <c r="T645" s="52"/>
      <c r="U645" s="52"/>
      <c r="V645" s="52"/>
      <c r="W645" s="52"/>
    </row>
    <row r="646" spans="1:23" hidden="1" x14ac:dyDescent="0.35">
      <c r="A646" s="52" t="s">
        <v>78</v>
      </c>
      <c r="B646" s="52" t="s">
        <v>79</v>
      </c>
      <c r="C646" s="3">
        <v>211</v>
      </c>
      <c r="D646" s="52" t="s">
        <v>87</v>
      </c>
      <c r="E646" s="52" t="s">
        <v>26</v>
      </c>
      <c r="F646" s="52" t="s">
        <v>81</v>
      </c>
      <c r="G646" s="52" t="s">
        <v>82</v>
      </c>
      <c r="H646" s="4">
        <v>1</v>
      </c>
      <c r="I646" s="2">
        <v>14.65</v>
      </c>
      <c r="J646" s="52" t="s">
        <v>3275</v>
      </c>
      <c r="K646" s="71" t="s">
        <v>3276</v>
      </c>
      <c r="L646" s="52" t="s">
        <v>2063</v>
      </c>
      <c r="M646" s="72">
        <v>4919</v>
      </c>
      <c r="N646" s="52"/>
      <c r="O646" s="52"/>
      <c r="P646" s="52"/>
      <c r="Q646" s="52"/>
      <c r="R646" s="52"/>
      <c r="S646" s="52"/>
      <c r="T646" s="52"/>
      <c r="U646" s="52"/>
      <c r="V646" s="52"/>
      <c r="W646" s="52"/>
    </row>
    <row r="647" spans="1:23" hidden="1" x14ac:dyDescent="0.35">
      <c r="A647" s="52" t="s">
        <v>78</v>
      </c>
      <c r="B647" s="52" t="s">
        <v>79</v>
      </c>
      <c r="C647" s="3">
        <v>20</v>
      </c>
      <c r="D647" s="52" t="s">
        <v>2023</v>
      </c>
      <c r="E647" s="52" t="s">
        <v>26</v>
      </c>
      <c r="F647" s="52" t="s">
        <v>81</v>
      </c>
      <c r="G647" s="52" t="s">
        <v>82</v>
      </c>
      <c r="H647" s="4">
        <v>1</v>
      </c>
      <c r="I647" s="2">
        <v>14.65</v>
      </c>
      <c r="J647" s="52" t="s">
        <v>3277</v>
      </c>
      <c r="K647" s="71" t="s">
        <v>3278</v>
      </c>
      <c r="L647" s="52" t="s">
        <v>2063</v>
      </c>
      <c r="M647" s="72">
        <v>4265</v>
      </c>
      <c r="N647" s="52" t="s">
        <v>2072</v>
      </c>
      <c r="O647" s="52" t="s">
        <v>2073</v>
      </c>
      <c r="P647" s="52"/>
      <c r="Q647" s="52"/>
      <c r="R647" s="52"/>
      <c r="S647" s="52"/>
      <c r="T647" s="52"/>
      <c r="U647" s="52"/>
      <c r="V647" s="52"/>
      <c r="W647" s="52"/>
    </row>
    <row r="648" spans="1:23" hidden="1" x14ac:dyDescent="0.35">
      <c r="A648" s="52" t="s">
        <v>78</v>
      </c>
      <c r="B648" s="52" t="s">
        <v>79</v>
      </c>
      <c r="C648" s="3">
        <v>211</v>
      </c>
      <c r="D648" s="52" t="s">
        <v>80</v>
      </c>
      <c r="E648" s="52" t="s">
        <v>26</v>
      </c>
      <c r="F648" s="52" t="s">
        <v>81</v>
      </c>
      <c r="G648" s="52" t="s">
        <v>82</v>
      </c>
      <c r="H648" s="4">
        <v>1</v>
      </c>
      <c r="I648" s="2">
        <v>14.65</v>
      </c>
      <c r="J648" s="52" t="s">
        <v>3279</v>
      </c>
      <c r="K648" s="71" t="s">
        <v>3280</v>
      </c>
      <c r="L648" s="52" t="s">
        <v>2063</v>
      </c>
      <c r="M648" s="72">
        <v>8125</v>
      </c>
      <c r="N648" s="52" t="s">
        <v>2066</v>
      </c>
      <c r="O648" s="52" t="s">
        <v>2067</v>
      </c>
      <c r="P648" s="52"/>
      <c r="Q648" s="52"/>
      <c r="R648" s="52"/>
      <c r="S648" s="52"/>
      <c r="T648" s="52"/>
      <c r="U648" s="52"/>
      <c r="V648" s="52"/>
      <c r="W648" s="52"/>
    </row>
    <row r="649" spans="1:23" hidden="1" x14ac:dyDescent="0.35">
      <c r="A649" s="52" t="s">
        <v>78</v>
      </c>
      <c r="B649" s="52" t="s">
        <v>79</v>
      </c>
      <c r="C649" s="3">
        <v>20</v>
      </c>
      <c r="D649" s="52" t="s">
        <v>2024</v>
      </c>
      <c r="E649" s="52" t="s">
        <v>26</v>
      </c>
      <c r="F649" s="52" t="s">
        <v>81</v>
      </c>
      <c r="G649" s="52" t="s">
        <v>82</v>
      </c>
      <c r="H649" s="4">
        <v>1</v>
      </c>
      <c r="I649" s="2">
        <v>14.65</v>
      </c>
      <c r="J649" s="52" t="s">
        <v>2351</v>
      </c>
      <c r="K649" s="71" t="s">
        <v>3281</v>
      </c>
      <c r="L649" s="52" t="s">
        <v>2063</v>
      </c>
      <c r="M649" s="72">
        <v>1002</v>
      </c>
      <c r="N649" s="52" t="s">
        <v>2066</v>
      </c>
      <c r="O649" s="52" t="s">
        <v>2067</v>
      </c>
      <c r="P649" s="52"/>
      <c r="Q649" s="52"/>
      <c r="R649" s="52"/>
      <c r="S649" s="52"/>
      <c r="T649" s="52"/>
      <c r="U649" s="52"/>
      <c r="V649" s="52"/>
      <c r="W649" s="52"/>
    </row>
    <row r="650" spans="1:23" hidden="1" x14ac:dyDescent="0.35">
      <c r="A650" s="52" t="s">
        <v>78</v>
      </c>
      <c r="B650" s="52" t="s">
        <v>79</v>
      </c>
      <c r="C650" s="3">
        <v>10</v>
      </c>
      <c r="D650" s="52" t="s">
        <v>2019</v>
      </c>
      <c r="E650" s="52" t="s">
        <v>26</v>
      </c>
      <c r="F650" s="52" t="s">
        <v>81</v>
      </c>
      <c r="G650" s="52" t="s">
        <v>82</v>
      </c>
      <c r="H650" s="4">
        <v>1</v>
      </c>
      <c r="I650" s="2">
        <v>14.65</v>
      </c>
      <c r="J650" s="52" t="s">
        <v>3282</v>
      </c>
      <c r="K650" s="71" t="s">
        <v>3283</v>
      </c>
      <c r="L650" s="52" t="s">
        <v>2063</v>
      </c>
      <c r="M650" s="72">
        <v>936</v>
      </c>
      <c r="N650" s="52"/>
      <c r="O650" s="52"/>
      <c r="P650" s="52"/>
      <c r="Q650" s="52"/>
      <c r="R650" s="52"/>
      <c r="S650" s="52"/>
      <c r="T650" s="52"/>
      <c r="U650" s="52"/>
      <c r="V650" s="52"/>
      <c r="W650" s="52"/>
    </row>
    <row r="651" spans="1:23" x14ac:dyDescent="0.35">
      <c r="A651" s="52" t="s">
        <v>78</v>
      </c>
      <c r="B651" s="52" t="s">
        <v>79</v>
      </c>
      <c r="C651" s="3">
        <v>10</v>
      </c>
      <c r="D651" s="52" t="s">
        <v>2024</v>
      </c>
      <c r="E651" s="52" t="s">
        <v>26</v>
      </c>
      <c r="F651" s="52" t="s">
        <v>81</v>
      </c>
      <c r="G651" s="52" t="s">
        <v>82</v>
      </c>
      <c r="H651" s="4">
        <v>1</v>
      </c>
      <c r="I651" s="2">
        <v>14.65</v>
      </c>
      <c r="J651" s="52" t="s">
        <v>3284</v>
      </c>
      <c r="K651" s="71" t="s">
        <v>3285</v>
      </c>
      <c r="L651" s="52" t="s">
        <v>2063</v>
      </c>
      <c r="M651" s="72">
        <v>4128</v>
      </c>
      <c r="N651" s="52" t="s">
        <v>2259</v>
      </c>
      <c r="O651" s="52" t="s">
        <v>2260</v>
      </c>
      <c r="P651" s="52"/>
      <c r="Q651" s="52"/>
      <c r="R651" s="52"/>
      <c r="S651" s="52"/>
      <c r="T651" s="52"/>
      <c r="U651" s="52"/>
      <c r="V651" s="52"/>
      <c r="W651" s="52"/>
    </row>
    <row r="652" spans="1:23" hidden="1" x14ac:dyDescent="0.35">
      <c r="A652" s="52" t="s">
        <v>78</v>
      </c>
      <c r="B652" s="52" t="s">
        <v>79</v>
      </c>
      <c r="C652" s="3">
        <v>10</v>
      </c>
      <c r="D652" s="52" t="s">
        <v>2021</v>
      </c>
      <c r="E652" s="52" t="s">
        <v>26</v>
      </c>
      <c r="F652" s="52" t="s">
        <v>81</v>
      </c>
      <c r="G652" s="52" t="s">
        <v>82</v>
      </c>
      <c r="H652" s="4">
        <v>1</v>
      </c>
      <c r="I652" s="2">
        <v>14.65</v>
      </c>
      <c r="J652" s="52" t="s">
        <v>3286</v>
      </c>
      <c r="K652" s="71" t="s">
        <v>3287</v>
      </c>
      <c r="L652" s="52" t="s">
        <v>2095</v>
      </c>
      <c r="M652" s="72">
        <v>3132</v>
      </c>
      <c r="N652" s="52"/>
      <c r="O652" s="52"/>
      <c r="P652" s="52"/>
      <c r="Q652" s="52"/>
      <c r="R652" s="52"/>
      <c r="S652" s="52"/>
      <c r="T652" s="52"/>
      <c r="U652" s="52"/>
      <c r="V652" s="52"/>
      <c r="W652" s="52"/>
    </row>
    <row r="653" spans="1:23" hidden="1" x14ac:dyDescent="0.35">
      <c r="A653" s="52" t="s">
        <v>78</v>
      </c>
      <c r="B653" s="52" t="s">
        <v>79</v>
      </c>
      <c r="C653" s="3">
        <v>20</v>
      </c>
      <c r="D653" s="52" t="s">
        <v>83</v>
      </c>
      <c r="E653" s="52" t="s">
        <v>26</v>
      </c>
      <c r="F653" s="52" t="s">
        <v>81</v>
      </c>
      <c r="G653" s="52" t="s">
        <v>82</v>
      </c>
      <c r="H653" s="4">
        <v>1</v>
      </c>
      <c r="I653" s="2">
        <v>14.65</v>
      </c>
      <c r="J653" s="52" t="s">
        <v>3288</v>
      </c>
      <c r="K653" s="71" t="s">
        <v>3289</v>
      </c>
      <c r="L653" s="52" t="s">
        <v>2063</v>
      </c>
      <c r="M653" s="72">
        <v>4119</v>
      </c>
      <c r="N653" s="52" t="s">
        <v>2072</v>
      </c>
      <c r="O653" s="52" t="s">
        <v>2073</v>
      </c>
      <c r="P653" s="52"/>
      <c r="Q653" s="52"/>
      <c r="R653" s="52"/>
      <c r="S653" s="52"/>
      <c r="T653" s="52"/>
      <c r="U653" s="52"/>
      <c r="V653" s="52"/>
      <c r="W653" s="52"/>
    </row>
    <row r="654" spans="1:23" x14ac:dyDescent="0.35">
      <c r="A654" s="52" t="s">
        <v>78</v>
      </c>
      <c r="B654" s="52" t="s">
        <v>79</v>
      </c>
      <c r="C654" s="3">
        <v>10</v>
      </c>
      <c r="D654" s="52" t="s">
        <v>83</v>
      </c>
      <c r="E654" s="52" t="s">
        <v>26</v>
      </c>
      <c r="F654" s="52" t="s">
        <v>81</v>
      </c>
      <c r="G654" s="52" t="s">
        <v>82</v>
      </c>
      <c r="H654" s="4">
        <v>1</v>
      </c>
      <c r="I654" s="2">
        <v>14.65</v>
      </c>
      <c r="J654" s="52" t="s">
        <v>3290</v>
      </c>
      <c r="K654" s="71" t="s">
        <v>3291</v>
      </c>
      <c r="L654" s="52" t="s">
        <v>2063</v>
      </c>
      <c r="M654" s="72">
        <v>6745</v>
      </c>
      <c r="N654" s="52" t="s">
        <v>2259</v>
      </c>
      <c r="O654" s="52" t="s">
        <v>2260</v>
      </c>
      <c r="P654" s="52"/>
      <c r="Q654" s="52"/>
      <c r="R654" s="52"/>
      <c r="S654" s="52"/>
      <c r="T654" s="52"/>
      <c r="U654" s="52"/>
      <c r="V654" s="52"/>
      <c r="W654" s="52"/>
    </row>
    <row r="655" spans="1:23" hidden="1" x14ac:dyDescent="0.35">
      <c r="A655" s="52" t="s">
        <v>78</v>
      </c>
      <c r="B655" s="52" t="s">
        <v>79</v>
      </c>
      <c r="C655" s="3">
        <v>10</v>
      </c>
      <c r="D655" s="52" t="s">
        <v>86</v>
      </c>
      <c r="E655" s="52" t="s">
        <v>26</v>
      </c>
      <c r="F655" s="52" t="s">
        <v>81</v>
      </c>
      <c r="G655" s="52" t="s">
        <v>82</v>
      </c>
      <c r="H655" s="4">
        <v>1</v>
      </c>
      <c r="I655" s="2">
        <v>14.65</v>
      </c>
      <c r="J655" s="52" t="s">
        <v>3292</v>
      </c>
      <c r="K655" s="71" t="s">
        <v>3293</v>
      </c>
      <c r="L655" s="52" t="s">
        <v>2063</v>
      </c>
      <c r="M655" s="72">
        <v>3749</v>
      </c>
      <c r="N655" s="52" t="s">
        <v>2066</v>
      </c>
      <c r="O655" s="52" t="s">
        <v>2067</v>
      </c>
      <c r="P655" s="52"/>
      <c r="Q655" s="52"/>
      <c r="R655" s="52"/>
      <c r="S655" s="52"/>
      <c r="T655" s="52"/>
      <c r="U655" s="52"/>
      <c r="V655" s="52"/>
      <c r="W655" s="52"/>
    </row>
    <row r="656" spans="1:23" hidden="1" x14ac:dyDescent="0.35">
      <c r="A656" s="52" t="s">
        <v>78</v>
      </c>
      <c r="B656" s="52" t="s">
        <v>79</v>
      </c>
      <c r="C656" s="3">
        <v>10</v>
      </c>
      <c r="D656" s="52" t="s">
        <v>83</v>
      </c>
      <c r="E656" s="52" t="s">
        <v>26</v>
      </c>
      <c r="F656" s="52" t="s">
        <v>81</v>
      </c>
      <c r="G656" s="52" t="s">
        <v>82</v>
      </c>
      <c r="H656" s="4">
        <v>1</v>
      </c>
      <c r="I656" s="2">
        <v>14.65</v>
      </c>
      <c r="J656" s="52" t="s">
        <v>3294</v>
      </c>
      <c r="K656" s="71" t="s">
        <v>3295</v>
      </c>
      <c r="L656" s="52" t="s">
        <v>2063</v>
      </c>
      <c r="M656" s="72">
        <v>6292</v>
      </c>
      <c r="N656" s="52" t="s">
        <v>2072</v>
      </c>
      <c r="O656" s="52" t="s">
        <v>2073</v>
      </c>
      <c r="P656" s="52"/>
      <c r="Q656" s="52"/>
      <c r="R656" s="52"/>
      <c r="S656" s="52"/>
      <c r="T656" s="52"/>
      <c r="U656" s="52"/>
      <c r="V656" s="52"/>
      <c r="W656" s="52"/>
    </row>
    <row r="657" spans="1:23" hidden="1" x14ac:dyDescent="0.35">
      <c r="A657" s="52" t="s">
        <v>78</v>
      </c>
      <c r="B657" s="52" t="s">
        <v>79</v>
      </c>
      <c r="C657" s="3">
        <v>211</v>
      </c>
      <c r="D657" s="52" t="s">
        <v>84</v>
      </c>
      <c r="E657" s="52" t="s">
        <v>26</v>
      </c>
      <c r="F657" s="52" t="s">
        <v>81</v>
      </c>
      <c r="G657" s="52" t="s">
        <v>82</v>
      </c>
      <c r="H657" s="4">
        <v>1</v>
      </c>
      <c r="I657" s="2">
        <v>14.65</v>
      </c>
      <c r="J657" s="52" t="s">
        <v>3296</v>
      </c>
      <c r="K657" s="71" t="s">
        <v>3297</v>
      </c>
      <c r="L657" s="52" t="s">
        <v>2063</v>
      </c>
      <c r="M657" s="72">
        <v>316</v>
      </c>
      <c r="N657" s="52" t="s">
        <v>2066</v>
      </c>
      <c r="O657" s="52" t="s">
        <v>2067</v>
      </c>
      <c r="P657" s="52"/>
      <c r="Q657" s="52"/>
      <c r="R657" s="52"/>
      <c r="S657" s="52"/>
      <c r="T657" s="52"/>
      <c r="U657" s="52"/>
      <c r="V657" s="52"/>
      <c r="W657" s="52"/>
    </row>
    <row r="658" spans="1:23" x14ac:dyDescent="0.35">
      <c r="A658" s="52" t="s">
        <v>78</v>
      </c>
      <c r="B658" s="52" t="s">
        <v>79</v>
      </c>
      <c r="C658" s="3">
        <v>20</v>
      </c>
      <c r="D658" s="52" t="s">
        <v>85</v>
      </c>
      <c r="E658" s="52" t="s">
        <v>26</v>
      </c>
      <c r="F658" s="52" t="s">
        <v>81</v>
      </c>
      <c r="G658" s="52" t="s">
        <v>82</v>
      </c>
      <c r="H658" s="4">
        <v>1</v>
      </c>
      <c r="I658" s="2">
        <v>14.65</v>
      </c>
      <c r="J658" s="52" t="s">
        <v>2430</v>
      </c>
      <c r="K658" s="71" t="s">
        <v>3298</v>
      </c>
      <c r="L658" s="52" t="s">
        <v>2063</v>
      </c>
      <c r="M658" s="72">
        <v>5665</v>
      </c>
      <c r="N658" s="52" t="s">
        <v>2259</v>
      </c>
      <c r="O658" s="52" t="s">
        <v>2260</v>
      </c>
      <c r="P658" s="52"/>
      <c r="Q658" s="52"/>
      <c r="R658" s="52"/>
      <c r="S658" s="52"/>
      <c r="T658" s="52"/>
      <c r="U658" s="52"/>
      <c r="V658" s="52"/>
      <c r="W658" s="52"/>
    </row>
    <row r="659" spans="1:23" hidden="1" x14ac:dyDescent="0.35">
      <c r="A659" s="52" t="s">
        <v>78</v>
      </c>
      <c r="B659" s="52" t="s">
        <v>79</v>
      </c>
      <c r="C659" s="3">
        <v>20</v>
      </c>
      <c r="D659" s="52" t="s">
        <v>2021</v>
      </c>
      <c r="E659" s="52" t="s">
        <v>26</v>
      </c>
      <c r="F659" s="52" t="s">
        <v>81</v>
      </c>
      <c r="G659" s="52" t="s">
        <v>82</v>
      </c>
      <c r="H659" s="4">
        <v>1</v>
      </c>
      <c r="I659" s="2">
        <v>14.65</v>
      </c>
      <c r="J659" s="52" t="s">
        <v>3299</v>
      </c>
      <c r="K659" s="71" t="s">
        <v>3300</v>
      </c>
      <c r="L659" s="52" t="s">
        <v>2063</v>
      </c>
      <c r="M659" s="72">
        <v>7997</v>
      </c>
      <c r="N659" s="52"/>
      <c r="O659" s="52"/>
      <c r="P659" s="52"/>
      <c r="Q659" s="52"/>
      <c r="R659" s="52"/>
      <c r="S659" s="52"/>
      <c r="T659" s="52"/>
      <c r="U659" s="52"/>
      <c r="V659" s="52"/>
      <c r="W659" s="52"/>
    </row>
    <row r="660" spans="1:23" hidden="1" x14ac:dyDescent="0.35">
      <c r="A660" s="52" t="s">
        <v>78</v>
      </c>
      <c r="B660" s="52" t="s">
        <v>79</v>
      </c>
      <c r="C660" s="3">
        <v>211</v>
      </c>
      <c r="D660" s="52" t="s">
        <v>2022</v>
      </c>
      <c r="E660" s="52" t="s">
        <v>26</v>
      </c>
      <c r="F660" s="52" t="s">
        <v>81</v>
      </c>
      <c r="G660" s="52" t="s">
        <v>82</v>
      </c>
      <c r="H660" s="4">
        <v>1</v>
      </c>
      <c r="I660" s="2">
        <v>14.65</v>
      </c>
      <c r="J660" s="52" t="s">
        <v>3301</v>
      </c>
      <c r="K660" s="71" t="s">
        <v>3302</v>
      </c>
      <c r="L660" s="52" t="s">
        <v>2063</v>
      </c>
      <c r="M660" s="72">
        <v>2627</v>
      </c>
      <c r="N660" s="52"/>
      <c r="O660" s="52"/>
      <c r="P660" s="52"/>
      <c r="Q660" s="52"/>
      <c r="R660" s="52"/>
      <c r="S660" s="52"/>
      <c r="T660" s="52"/>
      <c r="U660" s="52"/>
      <c r="V660" s="52"/>
      <c r="W660" s="52"/>
    </row>
    <row r="661" spans="1:23" hidden="1" x14ac:dyDescent="0.35">
      <c r="A661" s="52" t="s">
        <v>78</v>
      </c>
      <c r="B661" s="52" t="s">
        <v>79</v>
      </c>
      <c r="C661" s="3">
        <v>212</v>
      </c>
      <c r="D661" s="52" t="s">
        <v>2020</v>
      </c>
      <c r="E661" s="52" t="s">
        <v>26</v>
      </c>
      <c r="F661" s="52" t="s">
        <v>81</v>
      </c>
      <c r="G661" s="52" t="s">
        <v>82</v>
      </c>
      <c r="H661" s="4">
        <v>1</v>
      </c>
      <c r="I661" s="2">
        <v>14.65</v>
      </c>
      <c r="J661" s="52" t="s">
        <v>3303</v>
      </c>
      <c r="K661" s="71" t="s">
        <v>3304</v>
      </c>
      <c r="L661" s="52" t="s">
        <v>2063</v>
      </c>
      <c r="M661" s="72">
        <v>2102</v>
      </c>
      <c r="N661" s="52" t="s">
        <v>2066</v>
      </c>
      <c r="O661" s="52" t="s">
        <v>2067</v>
      </c>
      <c r="P661" s="52"/>
      <c r="Q661" s="52"/>
      <c r="R661" s="52"/>
      <c r="S661" s="52"/>
      <c r="T661" s="52"/>
      <c r="U661" s="52"/>
      <c r="V661" s="52"/>
      <c r="W661" s="52"/>
    </row>
    <row r="662" spans="1:23" hidden="1" x14ac:dyDescent="0.35">
      <c r="A662" s="52" t="s">
        <v>78</v>
      </c>
      <c r="B662" s="52" t="s">
        <v>79</v>
      </c>
      <c r="C662" s="3">
        <v>20</v>
      </c>
      <c r="D662" s="52" t="s">
        <v>85</v>
      </c>
      <c r="E662" s="52" t="s">
        <v>26</v>
      </c>
      <c r="F662" s="52" t="s">
        <v>81</v>
      </c>
      <c r="G662" s="52" t="s">
        <v>82</v>
      </c>
      <c r="H662" s="4">
        <v>1</v>
      </c>
      <c r="I662" s="2">
        <v>14.65</v>
      </c>
      <c r="J662" s="52" t="s">
        <v>3305</v>
      </c>
      <c r="K662" s="71" t="s">
        <v>3306</v>
      </c>
      <c r="L662" s="52" t="s">
        <v>2063</v>
      </c>
      <c r="M662" s="72">
        <v>1856</v>
      </c>
      <c r="N662" s="52" t="s">
        <v>2072</v>
      </c>
      <c r="O662" s="52" t="s">
        <v>2073</v>
      </c>
      <c r="P662" s="52"/>
      <c r="Q662" s="52"/>
      <c r="R662" s="52"/>
      <c r="S662" s="52"/>
      <c r="T662" s="52"/>
      <c r="U662" s="52"/>
      <c r="V662" s="52"/>
      <c r="W662" s="52"/>
    </row>
    <row r="663" spans="1:23" x14ac:dyDescent="0.35">
      <c r="A663" s="52" t="s">
        <v>78</v>
      </c>
      <c r="B663" s="52" t="s">
        <v>79</v>
      </c>
      <c r="C663" s="3">
        <v>211</v>
      </c>
      <c r="D663" s="52" t="s">
        <v>83</v>
      </c>
      <c r="E663" s="52" t="s">
        <v>26</v>
      </c>
      <c r="F663" s="52" t="s">
        <v>81</v>
      </c>
      <c r="G663" s="52" t="s">
        <v>82</v>
      </c>
      <c r="H663" s="4">
        <v>1</v>
      </c>
      <c r="I663" s="2">
        <v>14.65</v>
      </c>
      <c r="J663" s="52" t="s">
        <v>3307</v>
      </c>
      <c r="K663" s="71" t="s">
        <v>3308</v>
      </c>
      <c r="L663" s="52" t="s">
        <v>2063</v>
      </c>
      <c r="M663" s="72">
        <v>4088</v>
      </c>
      <c r="N663" s="52" t="s">
        <v>2259</v>
      </c>
      <c r="O663" s="52" t="s">
        <v>2260</v>
      </c>
      <c r="P663" s="52"/>
      <c r="Q663" s="52"/>
      <c r="R663" s="52"/>
      <c r="S663" s="52"/>
      <c r="T663" s="52"/>
      <c r="U663" s="52"/>
      <c r="V663" s="52"/>
      <c r="W663" s="52"/>
    </row>
    <row r="664" spans="1:23" hidden="1" x14ac:dyDescent="0.35">
      <c r="A664" s="52" t="s">
        <v>78</v>
      </c>
      <c r="B664" s="52" t="s">
        <v>79</v>
      </c>
      <c r="C664" s="3">
        <v>20</v>
      </c>
      <c r="D664" s="52" t="s">
        <v>2020</v>
      </c>
      <c r="E664" s="52" t="s">
        <v>26</v>
      </c>
      <c r="F664" s="52" t="s">
        <v>81</v>
      </c>
      <c r="G664" s="52" t="s">
        <v>82</v>
      </c>
      <c r="H664" s="4">
        <v>1</v>
      </c>
      <c r="I664" s="2">
        <v>14.65</v>
      </c>
      <c r="J664" s="52" t="s">
        <v>3309</v>
      </c>
      <c r="K664" s="71" t="s">
        <v>3310</v>
      </c>
      <c r="L664" s="52" t="s">
        <v>2063</v>
      </c>
      <c r="M664" s="72">
        <v>2220</v>
      </c>
      <c r="N664" s="52" t="s">
        <v>2072</v>
      </c>
      <c r="O664" s="52" t="s">
        <v>2073</v>
      </c>
      <c r="P664" s="52"/>
      <c r="Q664" s="52"/>
      <c r="R664" s="52"/>
      <c r="S664" s="52"/>
      <c r="T664" s="52"/>
      <c r="U664" s="52"/>
      <c r="V664" s="52"/>
      <c r="W664" s="52"/>
    </row>
    <row r="665" spans="1:23" x14ac:dyDescent="0.35">
      <c r="A665" s="52" t="s">
        <v>78</v>
      </c>
      <c r="B665" s="52" t="s">
        <v>79</v>
      </c>
      <c r="C665" s="3">
        <v>10</v>
      </c>
      <c r="D665" s="52" t="s">
        <v>80</v>
      </c>
      <c r="E665" s="52" t="s">
        <v>26</v>
      </c>
      <c r="F665" s="52" t="s">
        <v>81</v>
      </c>
      <c r="G665" s="52" t="s">
        <v>82</v>
      </c>
      <c r="H665" s="4">
        <v>1</v>
      </c>
      <c r="I665" s="2">
        <v>14.65</v>
      </c>
      <c r="J665" s="52" t="s">
        <v>3311</v>
      </c>
      <c r="K665" s="71" t="s">
        <v>3312</v>
      </c>
      <c r="L665" s="52" t="s">
        <v>2063</v>
      </c>
      <c r="M665" s="72">
        <v>7220</v>
      </c>
      <c r="N665" s="52" t="s">
        <v>2259</v>
      </c>
      <c r="O665" s="52" t="s">
        <v>2260</v>
      </c>
      <c r="P665" s="52"/>
      <c r="Q665" s="52"/>
      <c r="R665" s="52"/>
      <c r="S665" s="52"/>
      <c r="T665" s="52"/>
      <c r="U665" s="52"/>
      <c r="V665" s="52"/>
      <c r="W665" s="52"/>
    </row>
    <row r="666" spans="1:23" hidden="1" x14ac:dyDescent="0.35">
      <c r="A666" s="52" t="s">
        <v>78</v>
      </c>
      <c r="B666" s="52" t="s">
        <v>79</v>
      </c>
      <c r="C666" s="3">
        <v>10</v>
      </c>
      <c r="D666" s="52" t="s">
        <v>2019</v>
      </c>
      <c r="E666" s="52" t="s">
        <v>26</v>
      </c>
      <c r="F666" s="52" t="s">
        <v>81</v>
      </c>
      <c r="G666" s="52" t="s">
        <v>82</v>
      </c>
      <c r="H666" s="4">
        <v>1</v>
      </c>
      <c r="I666" s="2">
        <v>14.65</v>
      </c>
      <c r="J666" s="52" t="s">
        <v>3313</v>
      </c>
      <c r="K666" s="71" t="s">
        <v>3314</v>
      </c>
      <c r="L666" s="52" t="s">
        <v>2063</v>
      </c>
      <c r="M666" s="72">
        <v>1183</v>
      </c>
      <c r="N666" s="52" t="s">
        <v>2072</v>
      </c>
      <c r="O666" s="52" t="s">
        <v>2073</v>
      </c>
      <c r="P666" s="52"/>
      <c r="Q666" s="52"/>
      <c r="R666" s="52"/>
      <c r="S666" s="52"/>
      <c r="T666" s="52"/>
      <c r="U666" s="52"/>
      <c r="V666" s="52"/>
      <c r="W666" s="52"/>
    </row>
    <row r="667" spans="1:23" x14ac:dyDescent="0.35">
      <c r="A667" s="52" t="s">
        <v>78</v>
      </c>
      <c r="B667" s="52" t="s">
        <v>79</v>
      </c>
      <c r="C667" s="3">
        <v>10</v>
      </c>
      <c r="D667" s="52" t="s">
        <v>87</v>
      </c>
      <c r="E667" s="52" t="s">
        <v>26</v>
      </c>
      <c r="F667" s="52" t="s">
        <v>81</v>
      </c>
      <c r="G667" s="52" t="s">
        <v>82</v>
      </c>
      <c r="H667" s="4">
        <v>1</v>
      </c>
      <c r="I667" s="2">
        <v>14.65</v>
      </c>
      <c r="J667" s="52" t="s">
        <v>3315</v>
      </c>
      <c r="K667" s="71" t="s">
        <v>3316</v>
      </c>
      <c r="L667" s="52" t="s">
        <v>2063</v>
      </c>
      <c r="M667" s="72">
        <v>2368</v>
      </c>
      <c r="N667" s="52" t="s">
        <v>2259</v>
      </c>
      <c r="O667" s="52" t="s">
        <v>2260</v>
      </c>
      <c r="P667" s="52"/>
      <c r="Q667" s="52"/>
      <c r="R667" s="52"/>
      <c r="S667" s="52"/>
      <c r="T667" s="52"/>
      <c r="U667" s="52"/>
      <c r="V667" s="52"/>
      <c r="W667" s="52"/>
    </row>
    <row r="668" spans="1:23" hidden="1" x14ac:dyDescent="0.35">
      <c r="A668" s="52" t="s">
        <v>78</v>
      </c>
      <c r="B668" s="52" t="s">
        <v>79</v>
      </c>
      <c r="C668" s="3">
        <v>10</v>
      </c>
      <c r="D668" s="52" t="s">
        <v>2021</v>
      </c>
      <c r="E668" s="52" t="s">
        <v>26</v>
      </c>
      <c r="F668" s="52" t="s">
        <v>81</v>
      </c>
      <c r="G668" s="52" t="s">
        <v>82</v>
      </c>
      <c r="H668" s="4">
        <v>1</v>
      </c>
      <c r="I668" s="2">
        <v>14.65</v>
      </c>
      <c r="J668" s="52" t="s">
        <v>3317</v>
      </c>
      <c r="K668" s="71" t="s">
        <v>3318</v>
      </c>
      <c r="L668" s="52" t="s">
        <v>2063</v>
      </c>
      <c r="M668" s="72">
        <v>9509</v>
      </c>
      <c r="N668" s="52"/>
      <c r="O668" s="52"/>
      <c r="P668" s="52"/>
      <c r="Q668" s="52"/>
      <c r="R668" s="52"/>
      <c r="S668" s="52"/>
      <c r="T668" s="52"/>
      <c r="U668" s="52"/>
      <c r="V668" s="52"/>
      <c r="W668" s="52"/>
    </row>
    <row r="669" spans="1:23" hidden="1" x14ac:dyDescent="0.35">
      <c r="A669" s="52" t="s">
        <v>78</v>
      </c>
      <c r="B669" s="52" t="s">
        <v>79</v>
      </c>
      <c r="C669" s="3">
        <v>10</v>
      </c>
      <c r="D669" s="52" t="s">
        <v>86</v>
      </c>
      <c r="E669" s="52" t="s">
        <v>26</v>
      </c>
      <c r="F669" s="52" t="s">
        <v>81</v>
      </c>
      <c r="G669" s="52" t="s">
        <v>82</v>
      </c>
      <c r="H669" s="4">
        <v>1</v>
      </c>
      <c r="I669" s="2">
        <v>14.65</v>
      </c>
      <c r="J669" s="52" t="s">
        <v>2725</v>
      </c>
      <c r="K669" s="71" t="s">
        <v>3319</v>
      </c>
      <c r="L669" s="52" t="s">
        <v>2063</v>
      </c>
      <c r="M669" s="72">
        <v>7499</v>
      </c>
      <c r="N669" s="52"/>
      <c r="O669" s="52"/>
      <c r="P669" s="52"/>
      <c r="Q669" s="52"/>
      <c r="R669" s="52"/>
      <c r="S669" s="52"/>
      <c r="T669" s="52"/>
      <c r="U669" s="52"/>
      <c r="V669" s="52"/>
      <c r="W669" s="52"/>
    </row>
    <row r="670" spans="1:23" hidden="1" x14ac:dyDescent="0.35">
      <c r="A670" s="52" t="s">
        <v>78</v>
      </c>
      <c r="B670" s="52" t="s">
        <v>79</v>
      </c>
      <c r="C670" s="3">
        <v>20</v>
      </c>
      <c r="D670" s="52" t="s">
        <v>80</v>
      </c>
      <c r="E670" s="52" t="s">
        <v>26</v>
      </c>
      <c r="F670" s="52" t="s">
        <v>81</v>
      </c>
      <c r="G670" s="52" t="s">
        <v>82</v>
      </c>
      <c r="H670" s="4">
        <v>1</v>
      </c>
      <c r="I670" s="2">
        <v>14.65</v>
      </c>
      <c r="J670" s="52" t="s">
        <v>3320</v>
      </c>
      <c r="K670" s="71" t="s">
        <v>3321</v>
      </c>
      <c r="L670" s="52" t="s">
        <v>2063</v>
      </c>
      <c r="M670" s="72">
        <v>8188</v>
      </c>
      <c r="N670" s="52" t="s">
        <v>2072</v>
      </c>
      <c r="O670" s="52" t="s">
        <v>2073</v>
      </c>
      <c r="P670" s="52"/>
      <c r="Q670" s="52"/>
      <c r="R670" s="52"/>
      <c r="S670" s="52"/>
      <c r="T670" s="52"/>
      <c r="U670" s="52"/>
      <c r="V670" s="52"/>
      <c r="W670" s="52"/>
    </row>
    <row r="671" spans="1:23" hidden="1" x14ac:dyDescent="0.35">
      <c r="A671" s="52" t="s">
        <v>78</v>
      </c>
      <c r="B671" s="52" t="s">
        <v>79</v>
      </c>
      <c r="C671" s="3">
        <v>10</v>
      </c>
      <c r="D671" s="52" t="s">
        <v>2023</v>
      </c>
      <c r="E671" s="52" t="s">
        <v>26</v>
      </c>
      <c r="F671" s="52" t="s">
        <v>81</v>
      </c>
      <c r="G671" s="52" t="s">
        <v>82</v>
      </c>
      <c r="H671" s="4">
        <v>1</v>
      </c>
      <c r="I671" s="2">
        <v>14.65</v>
      </c>
      <c r="J671" s="52" t="s">
        <v>3322</v>
      </c>
      <c r="K671" s="71" t="s">
        <v>3323</v>
      </c>
      <c r="L671" s="52" t="s">
        <v>2063</v>
      </c>
      <c r="M671" s="72">
        <v>5874</v>
      </c>
      <c r="N671" s="52" t="s">
        <v>2072</v>
      </c>
      <c r="O671" s="52" t="s">
        <v>2073</v>
      </c>
      <c r="P671" s="52"/>
      <c r="Q671" s="52"/>
      <c r="R671" s="52"/>
      <c r="S671" s="52"/>
      <c r="T671" s="52"/>
      <c r="U671" s="52"/>
      <c r="V671" s="52"/>
      <c r="W671" s="52"/>
    </row>
    <row r="672" spans="1:23" hidden="1" x14ac:dyDescent="0.35">
      <c r="A672" s="52" t="s">
        <v>78</v>
      </c>
      <c r="B672" s="52" t="s">
        <v>79</v>
      </c>
      <c r="C672" s="3">
        <v>20</v>
      </c>
      <c r="D672" s="52" t="s">
        <v>2023</v>
      </c>
      <c r="E672" s="52" t="s">
        <v>26</v>
      </c>
      <c r="F672" s="52" t="s">
        <v>81</v>
      </c>
      <c r="G672" s="52" t="s">
        <v>82</v>
      </c>
      <c r="H672" s="4">
        <v>1</v>
      </c>
      <c r="I672" s="2">
        <v>14.65</v>
      </c>
      <c r="J672" s="52" t="s">
        <v>3324</v>
      </c>
      <c r="K672" s="71" t="s">
        <v>3325</v>
      </c>
      <c r="L672" s="52" t="s">
        <v>2063</v>
      </c>
      <c r="M672" s="72">
        <v>2594</v>
      </c>
      <c r="N672" s="52" t="s">
        <v>2072</v>
      </c>
      <c r="O672" s="52" t="s">
        <v>2073</v>
      </c>
      <c r="P672" s="52"/>
      <c r="Q672" s="52"/>
      <c r="R672" s="52"/>
      <c r="S672" s="52"/>
      <c r="T672" s="52"/>
      <c r="U672" s="52"/>
      <c r="V672" s="52"/>
      <c r="W672" s="52"/>
    </row>
    <row r="673" spans="1:23" hidden="1" x14ac:dyDescent="0.35">
      <c r="A673" s="52" t="s">
        <v>78</v>
      </c>
      <c r="B673" s="52" t="s">
        <v>79</v>
      </c>
      <c r="C673" s="3">
        <v>10</v>
      </c>
      <c r="D673" s="52" t="s">
        <v>2024</v>
      </c>
      <c r="E673" s="52" t="s">
        <v>26</v>
      </c>
      <c r="F673" s="52" t="s">
        <v>81</v>
      </c>
      <c r="G673" s="52" t="s">
        <v>82</v>
      </c>
      <c r="H673" s="4">
        <v>1</v>
      </c>
      <c r="I673" s="2">
        <v>14.65</v>
      </c>
      <c r="J673" s="52" t="s">
        <v>3326</v>
      </c>
      <c r="K673" s="71" t="s">
        <v>3327</v>
      </c>
      <c r="L673" s="52" t="s">
        <v>2063</v>
      </c>
      <c r="M673" s="72">
        <v>5791</v>
      </c>
      <c r="N673" s="52"/>
      <c r="O673" s="52"/>
      <c r="P673" s="52"/>
      <c r="Q673" s="52"/>
      <c r="R673" s="52"/>
      <c r="S673" s="52"/>
      <c r="T673" s="52"/>
      <c r="U673" s="52"/>
      <c r="V673" s="52"/>
      <c r="W673" s="52"/>
    </row>
    <row r="674" spans="1:23" hidden="1" x14ac:dyDescent="0.35">
      <c r="A674" s="52" t="s">
        <v>78</v>
      </c>
      <c r="B674" s="52" t="s">
        <v>79</v>
      </c>
      <c r="C674" s="3">
        <v>20</v>
      </c>
      <c r="D674" s="52" t="s">
        <v>87</v>
      </c>
      <c r="E674" s="52" t="s">
        <v>26</v>
      </c>
      <c r="F674" s="52" t="s">
        <v>81</v>
      </c>
      <c r="G674" s="52" t="s">
        <v>82</v>
      </c>
      <c r="H674" s="4">
        <v>1</v>
      </c>
      <c r="I674" s="2">
        <v>14.65</v>
      </c>
      <c r="J674" s="52" t="s">
        <v>3328</v>
      </c>
      <c r="K674" s="71" t="s">
        <v>3329</v>
      </c>
      <c r="L674" s="52" t="s">
        <v>2063</v>
      </c>
      <c r="M674" s="72">
        <v>8970</v>
      </c>
      <c r="N674" s="52" t="s">
        <v>2066</v>
      </c>
      <c r="O674" s="52" t="s">
        <v>2067</v>
      </c>
      <c r="P674" s="52"/>
      <c r="Q674" s="52"/>
      <c r="R674" s="52"/>
      <c r="S674" s="52"/>
      <c r="T674" s="52"/>
      <c r="U674" s="52"/>
      <c r="V674" s="52"/>
      <c r="W674" s="52"/>
    </row>
    <row r="675" spans="1:23" hidden="1" x14ac:dyDescent="0.35">
      <c r="A675" s="52" t="s">
        <v>78</v>
      </c>
      <c r="B675" s="52" t="s">
        <v>79</v>
      </c>
      <c r="C675" s="3">
        <v>20</v>
      </c>
      <c r="D675" s="52" t="s">
        <v>2019</v>
      </c>
      <c r="E675" s="52" t="s">
        <v>26</v>
      </c>
      <c r="F675" s="52" t="s">
        <v>81</v>
      </c>
      <c r="G675" s="52" t="s">
        <v>82</v>
      </c>
      <c r="H675" s="4">
        <v>1</v>
      </c>
      <c r="I675" s="2">
        <v>14.65</v>
      </c>
      <c r="J675" s="52" t="s">
        <v>3330</v>
      </c>
      <c r="K675" s="71" t="s">
        <v>3331</v>
      </c>
      <c r="L675" s="52" t="s">
        <v>2063</v>
      </c>
      <c r="M675" s="72">
        <v>8625</v>
      </c>
      <c r="N675" s="52"/>
      <c r="O675" s="52"/>
      <c r="P675" s="52"/>
      <c r="Q675" s="52"/>
      <c r="R675" s="52"/>
      <c r="S675" s="52"/>
      <c r="T675" s="52"/>
      <c r="U675" s="52"/>
      <c r="V675" s="52"/>
      <c r="W675" s="52"/>
    </row>
    <row r="676" spans="1:23" hidden="1" x14ac:dyDescent="0.35">
      <c r="A676" s="52" t="s">
        <v>78</v>
      </c>
      <c r="B676" s="52" t="s">
        <v>79</v>
      </c>
      <c r="C676" s="3">
        <v>10</v>
      </c>
      <c r="D676" s="52" t="s">
        <v>2023</v>
      </c>
      <c r="E676" s="52" t="s">
        <v>26</v>
      </c>
      <c r="F676" s="52" t="s">
        <v>81</v>
      </c>
      <c r="G676" s="52" t="s">
        <v>82</v>
      </c>
      <c r="H676" s="4">
        <v>1</v>
      </c>
      <c r="I676" s="2">
        <v>14.65</v>
      </c>
      <c r="J676" s="52" t="s">
        <v>3332</v>
      </c>
      <c r="K676" s="71" t="s">
        <v>3333</v>
      </c>
      <c r="L676" s="52" t="s">
        <v>2063</v>
      </c>
      <c r="M676" s="72">
        <v>4638</v>
      </c>
      <c r="N676" s="52" t="s">
        <v>2072</v>
      </c>
      <c r="O676" s="52" t="s">
        <v>2073</v>
      </c>
      <c r="P676" s="52"/>
      <c r="Q676" s="52"/>
      <c r="R676" s="52"/>
      <c r="S676" s="52"/>
      <c r="T676" s="52"/>
      <c r="U676" s="52"/>
      <c r="V676" s="52"/>
      <c r="W676" s="52"/>
    </row>
    <row r="677" spans="1:23" hidden="1" x14ac:dyDescent="0.35">
      <c r="A677" s="52" t="s">
        <v>78</v>
      </c>
      <c r="B677" s="52" t="s">
        <v>79</v>
      </c>
      <c r="C677" s="3">
        <v>10</v>
      </c>
      <c r="D677" s="52" t="s">
        <v>2024</v>
      </c>
      <c r="E677" s="52" t="s">
        <v>26</v>
      </c>
      <c r="F677" s="52" t="s">
        <v>81</v>
      </c>
      <c r="G677" s="52" t="s">
        <v>82</v>
      </c>
      <c r="H677" s="4">
        <v>1</v>
      </c>
      <c r="I677" s="2">
        <v>14.65</v>
      </c>
      <c r="J677" s="52" t="s">
        <v>3334</v>
      </c>
      <c r="K677" s="71" t="s">
        <v>3335</v>
      </c>
      <c r="L677" s="52" t="s">
        <v>2063</v>
      </c>
      <c r="M677" s="72">
        <v>9432</v>
      </c>
      <c r="N677" s="52"/>
      <c r="O677" s="52"/>
      <c r="P677" s="52"/>
      <c r="Q677" s="52"/>
      <c r="R677" s="52"/>
      <c r="S677" s="52"/>
      <c r="T677" s="52"/>
      <c r="U677" s="52"/>
      <c r="V677" s="52"/>
      <c r="W677" s="52"/>
    </row>
    <row r="678" spans="1:23" hidden="1" x14ac:dyDescent="0.35">
      <c r="A678" s="52" t="s">
        <v>78</v>
      </c>
      <c r="B678" s="52" t="s">
        <v>79</v>
      </c>
      <c r="C678" s="3">
        <v>20</v>
      </c>
      <c r="D678" s="52" t="s">
        <v>83</v>
      </c>
      <c r="E678" s="52" t="s">
        <v>26</v>
      </c>
      <c r="F678" s="52" t="s">
        <v>81</v>
      </c>
      <c r="G678" s="52" t="s">
        <v>82</v>
      </c>
      <c r="H678" s="4">
        <v>1</v>
      </c>
      <c r="I678" s="2">
        <v>14.65</v>
      </c>
      <c r="J678" s="52" t="s">
        <v>3336</v>
      </c>
      <c r="K678" s="71" t="s">
        <v>3337</v>
      </c>
      <c r="L678" s="52" t="s">
        <v>2063</v>
      </c>
      <c r="M678" s="72">
        <v>8773</v>
      </c>
      <c r="N678" s="52" t="s">
        <v>2158</v>
      </c>
      <c r="O678" s="52" t="s">
        <v>2159</v>
      </c>
      <c r="P678" s="52"/>
      <c r="Q678" s="52"/>
      <c r="R678" s="52"/>
      <c r="S678" s="52"/>
      <c r="T678" s="52"/>
      <c r="U678" s="52"/>
      <c r="V678" s="52"/>
      <c r="W678" s="52"/>
    </row>
    <row r="679" spans="1:23" hidden="1" x14ac:dyDescent="0.35">
      <c r="A679" s="52" t="s">
        <v>78</v>
      </c>
      <c r="B679" s="52" t="s">
        <v>79</v>
      </c>
      <c r="C679" s="3">
        <v>10</v>
      </c>
      <c r="D679" s="52" t="s">
        <v>2024</v>
      </c>
      <c r="E679" s="52" t="s">
        <v>26</v>
      </c>
      <c r="F679" s="52" t="s">
        <v>81</v>
      </c>
      <c r="G679" s="52" t="s">
        <v>82</v>
      </c>
      <c r="H679" s="4">
        <v>1</v>
      </c>
      <c r="I679" s="2">
        <v>14.65</v>
      </c>
      <c r="J679" s="52" t="s">
        <v>3338</v>
      </c>
      <c r="K679" s="71" t="s">
        <v>3339</v>
      </c>
      <c r="L679" s="52" t="s">
        <v>2063</v>
      </c>
      <c r="M679" s="72">
        <v>6041</v>
      </c>
      <c r="N679" s="52" t="s">
        <v>2066</v>
      </c>
      <c r="O679" s="52" t="s">
        <v>2067</v>
      </c>
      <c r="P679" s="52"/>
      <c r="Q679" s="52"/>
      <c r="R679" s="52"/>
      <c r="S679" s="52"/>
      <c r="T679" s="52"/>
      <c r="U679" s="52"/>
      <c r="V679" s="52"/>
      <c r="W679" s="52"/>
    </row>
    <row r="680" spans="1:23" hidden="1" x14ac:dyDescent="0.35">
      <c r="A680" s="52" t="s">
        <v>78</v>
      </c>
      <c r="B680" s="52" t="s">
        <v>79</v>
      </c>
      <c r="C680" s="3">
        <v>20</v>
      </c>
      <c r="D680" s="52" t="s">
        <v>2021</v>
      </c>
      <c r="E680" s="52" t="s">
        <v>26</v>
      </c>
      <c r="F680" s="52" t="s">
        <v>81</v>
      </c>
      <c r="G680" s="52" t="s">
        <v>82</v>
      </c>
      <c r="H680" s="4">
        <v>1</v>
      </c>
      <c r="I680" s="2">
        <v>14.65</v>
      </c>
      <c r="J680" s="52" t="s">
        <v>3340</v>
      </c>
      <c r="K680" s="71" t="s">
        <v>3341</v>
      </c>
      <c r="L680" s="52" t="s">
        <v>2063</v>
      </c>
      <c r="M680" s="72">
        <v>6861</v>
      </c>
      <c r="N680" s="52"/>
      <c r="O680" s="52"/>
      <c r="P680" s="52"/>
      <c r="Q680" s="52"/>
      <c r="R680" s="52"/>
      <c r="S680" s="52"/>
      <c r="T680" s="52"/>
      <c r="U680" s="52"/>
      <c r="V680" s="52"/>
      <c r="W680" s="52"/>
    </row>
    <row r="681" spans="1:23" hidden="1" x14ac:dyDescent="0.35">
      <c r="A681" s="52" t="s">
        <v>78</v>
      </c>
      <c r="B681" s="52" t="s">
        <v>79</v>
      </c>
      <c r="C681" s="3">
        <v>10</v>
      </c>
      <c r="D681" s="52" t="s">
        <v>80</v>
      </c>
      <c r="E681" s="52" t="s">
        <v>26</v>
      </c>
      <c r="F681" s="52" t="s">
        <v>81</v>
      </c>
      <c r="G681" s="52" t="s">
        <v>82</v>
      </c>
      <c r="H681" s="4">
        <v>1</v>
      </c>
      <c r="I681" s="2">
        <v>14.65</v>
      </c>
      <c r="J681" s="52" t="s">
        <v>3342</v>
      </c>
      <c r="K681" s="71" t="s">
        <v>3343</v>
      </c>
      <c r="L681" s="52" t="s">
        <v>2063</v>
      </c>
      <c r="M681" s="72">
        <v>174</v>
      </c>
      <c r="N681" s="52" t="s">
        <v>2158</v>
      </c>
      <c r="O681" s="52" t="s">
        <v>2159</v>
      </c>
      <c r="P681" s="52"/>
      <c r="Q681" s="52"/>
      <c r="R681" s="52"/>
      <c r="S681" s="52"/>
      <c r="T681" s="52"/>
      <c r="U681" s="52"/>
      <c r="V681" s="52"/>
      <c r="W681" s="52"/>
    </row>
    <row r="682" spans="1:23" hidden="1" x14ac:dyDescent="0.35">
      <c r="A682" s="52" t="s">
        <v>78</v>
      </c>
      <c r="B682" s="52" t="s">
        <v>79</v>
      </c>
      <c r="C682" s="3">
        <v>20</v>
      </c>
      <c r="D682" s="52" t="s">
        <v>86</v>
      </c>
      <c r="E682" s="52" t="s">
        <v>26</v>
      </c>
      <c r="F682" s="52" t="s">
        <v>81</v>
      </c>
      <c r="G682" s="52" t="s">
        <v>82</v>
      </c>
      <c r="H682" s="4">
        <v>1</v>
      </c>
      <c r="I682" s="2">
        <v>14.65</v>
      </c>
      <c r="J682" s="52" t="s">
        <v>3344</v>
      </c>
      <c r="K682" s="71" t="s">
        <v>3345</v>
      </c>
      <c r="L682" s="52" t="s">
        <v>2063</v>
      </c>
      <c r="M682" s="72">
        <v>5908</v>
      </c>
      <c r="N682" s="52" t="s">
        <v>2066</v>
      </c>
      <c r="O682" s="52" t="s">
        <v>2067</v>
      </c>
      <c r="P682" s="52"/>
      <c r="Q682" s="52"/>
      <c r="R682" s="52"/>
      <c r="S682" s="52"/>
      <c r="T682" s="52"/>
      <c r="U682" s="52"/>
      <c r="V682" s="52"/>
      <c r="W682" s="52"/>
    </row>
    <row r="683" spans="1:23" hidden="1" x14ac:dyDescent="0.35">
      <c r="A683" s="52" t="s">
        <v>78</v>
      </c>
      <c r="B683" s="52" t="s">
        <v>79</v>
      </c>
      <c r="C683" s="3">
        <v>10</v>
      </c>
      <c r="D683" s="52" t="s">
        <v>85</v>
      </c>
      <c r="E683" s="52" t="s">
        <v>26</v>
      </c>
      <c r="F683" s="52" t="s">
        <v>81</v>
      </c>
      <c r="G683" s="52" t="s">
        <v>82</v>
      </c>
      <c r="H683" s="4">
        <v>1</v>
      </c>
      <c r="I683" s="2">
        <v>14.65</v>
      </c>
      <c r="J683" s="52" t="s">
        <v>3346</v>
      </c>
      <c r="K683" s="71" t="s">
        <v>3347</v>
      </c>
      <c r="L683" s="52" t="s">
        <v>2063</v>
      </c>
      <c r="M683" s="72">
        <v>3957</v>
      </c>
      <c r="N683" s="52" t="s">
        <v>2072</v>
      </c>
      <c r="O683" s="52" t="s">
        <v>2073</v>
      </c>
      <c r="P683" s="52"/>
      <c r="Q683" s="52"/>
      <c r="R683" s="52"/>
      <c r="S683" s="52"/>
      <c r="T683" s="52"/>
      <c r="U683" s="52"/>
      <c r="V683" s="52"/>
      <c r="W683" s="52"/>
    </row>
    <row r="684" spans="1:23" hidden="1" x14ac:dyDescent="0.35">
      <c r="A684" s="52" t="s">
        <v>78</v>
      </c>
      <c r="B684" s="52" t="s">
        <v>79</v>
      </c>
      <c r="C684" s="3">
        <v>10</v>
      </c>
      <c r="D684" s="52" t="s">
        <v>87</v>
      </c>
      <c r="E684" s="52" t="s">
        <v>26</v>
      </c>
      <c r="F684" s="52" t="s">
        <v>81</v>
      </c>
      <c r="G684" s="52" t="s">
        <v>82</v>
      </c>
      <c r="H684" s="4">
        <v>1</v>
      </c>
      <c r="I684" s="2">
        <v>14.65</v>
      </c>
      <c r="J684" s="52" t="s">
        <v>3348</v>
      </c>
      <c r="K684" s="71" t="s">
        <v>3349</v>
      </c>
      <c r="L684" s="52" t="s">
        <v>2063</v>
      </c>
      <c r="M684" s="72">
        <v>4703</v>
      </c>
      <c r="N684" s="52" t="s">
        <v>2072</v>
      </c>
      <c r="O684" s="52" t="s">
        <v>2073</v>
      </c>
      <c r="P684" s="52"/>
      <c r="Q684" s="52"/>
      <c r="R684" s="52"/>
      <c r="S684" s="52"/>
      <c r="T684" s="52"/>
      <c r="U684" s="52"/>
      <c r="V684" s="52"/>
      <c r="W684" s="52"/>
    </row>
    <row r="685" spans="1:23" hidden="1" x14ac:dyDescent="0.35">
      <c r="A685" s="52" t="s">
        <v>78</v>
      </c>
      <c r="B685" s="52" t="s">
        <v>79</v>
      </c>
      <c r="C685" s="3">
        <v>20</v>
      </c>
      <c r="D685" s="52" t="s">
        <v>2022</v>
      </c>
      <c r="E685" s="52" t="s">
        <v>26</v>
      </c>
      <c r="F685" s="52" t="s">
        <v>81</v>
      </c>
      <c r="G685" s="52" t="s">
        <v>82</v>
      </c>
      <c r="H685" s="4">
        <v>1</v>
      </c>
      <c r="I685" s="2">
        <v>14.65</v>
      </c>
      <c r="J685" s="52" t="s">
        <v>3350</v>
      </c>
      <c r="K685" s="71" t="s">
        <v>3351</v>
      </c>
      <c r="L685" s="52" t="s">
        <v>2063</v>
      </c>
      <c r="M685" s="72">
        <v>6996</v>
      </c>
      <c r="N685" s="52"/>
      <c r="O685" s="52"/>
      <c r="P685" s="52"/>
      <c r="Q685" s="52"/>
      <c r="R685" s="52"/>
      <c r="S685" s="52"/>
      <c r="T685" s="52"/>
      <c r="U685" s="52"/>
      <c r="V685" s="52"/>
      <c r="W685" s="52"/>
    </row>
    <row r="686" spans="1:23" hidden="1" x14ac:dyDescent="0.35">
      <c r="A686" s="52" t="s">
        <v>78</v>
      </c>
      <c r="B686" s="52" t="s">
        <v>79</v>
      </c>
      <c r="C686" s="3">
        <v>10</v>
      </c>
      <c r="D686" s="52" t="s">
        <v>80</v>
      </c>
      <c r="E686" s="52" t="s">
        <v>26</v>
      </c>
      <c r="F686" s="52" t="s">
        <v>81</v>
      </c>
      <c r="G686" s="52" t="s">
        <v>82</v>
      </c>
      <c r="H686" s="4">
        <v>1</v>
      </c>
      <c r="I686" s="2">
        <v>14.65</v>
      </c>
      <c r="J686" s="52" t="s">
        <v>3352</v>
      </c>
      <c r="K686" s="71" t="s">
        <v>3353</v>
      </c>
      <c r="L686" s="52" t="s">
        <v>2063</v>
      </c>
      <c r="M686" s="72">
        <v>2512</v>
      </c>
      <c r="N686" s="52" t="s">
        <v>2066</v>
      </c>
      <c r="O686" s="52" t="s">
        <v>2067</v>
      </c>
      <c r="P686" s="52"/>
      <c r="Q686" s="52"/>
      <c r="R686" s="52"/>
      <c r="S686" s="52"/>
      <c r="T686" s="52"/>
      <c r="U686" s="52"/>
      <c r="V686" s="52"/>
      <c r="W686" s="52"/>
    </row>
    <row r="687" spans="1:23" hidden="1" x14ac:dyDescent="0.35">
      <c r="A687" s="52" t="s">
        <v>78</v>
      </c>
      <c r="B687" s="52" t="s">
        <v>79</v>
      </c>
      <c r="C687" s="3">
        <v>20</v>
      </c>
      <c r="D687" s="52" t="s">
        <v>85</v>
      </c>
      <c r="E687" s="52" t="s">
        <v>26</v>
      </c>
      <c r="F687" s="52" t="s">
        <v>81</v>
      </c>
      <c r="G687" s="52" t="s">
        <v>82</v>
      </c>
      <c r="H687" s="4">
        <v>1</v>
      </c>
      <c r="I687" s="2">
        <v>14.65</v>
      </c>
      <c r="J687" s="52" t="s">
        <v>3354</v>
      </c>
      <c r="K687" s="71" t="s">
        <v>3355</v>
      </c>
      <c r="L687" s="52" t="s">
        <v>2063</v>
      </c>
      <c r="M687" s="72">
        <v>1237</v>
      </c>
      <c r="N687" s="52" t="s">
        <v>2158</v>
      </c>
      <c r="O687" s="52" t="s">
        <v>2159</v>
      </c>
      <c r="P687" s="52"/>
      <c r="Q687" s="52"/>
      <c r="R687" s="52"/>
      <c r="S687" s="52"/>
      <c r="T687" s="52"/>
      <c r="U687" s="52"/>
      <c r="V687" s="52"/>
      <c r="W687" s="52"/>
    </row>
    <row r="688" spans="1:23" hidden="1" x14ac:dyDescent="0.35">
      <c r="A688" s="52" t="s">
        <v>78</v>
      </c>
      <c r="B688" s="52" t="s">
        <v>79</v>
      </c>
      <c r="C688" s="3">
        <v>10</v>
      </c>
      <c r="D688" s="52" t="s">
        <v>2020</v>
      </c>
      <c r="E688" s="52" t="s">
        <v>26</v>
      </c>
      <c r="F688" s="52" t="s">
        <v>81</v>
      </c>
      <c r="G688" s="52" t="s">
        <v>82</v>
      </c>
      <c r="H688" s="4">
        <v>1</v>
      </c>
      <c r="I688" s="2">
        <v>14.65</v>
      </c>
      <c r="J688" s="52" t="s">
        <v>3356</v>
      </c>
      <c r="K688" s="71" t="s">
        <v>3357</v>
      </c>
      <c r="L688" s="52" t="s">
        <v>2063</v>
      </c>
      <c r="M688" s="72">
        <v>5629</v>
      </c>
      <c r="N688" s="52" t="s">
        <v>2072</v>
      </c>
      <c r="O688" s="52" t="s">
        <v>2073</v>
      </c>
      <c r="P688" s="52"/>
      <c r="Q688" s="52"/>
      <c r="R688" s="52"/>
      <c r="S688" s="52"/>
      <c r="T688" s="52"/>
      <c r="U688" s="52"/>
      <c r="V688" s="52"/>
      <c r="W688" s="52"/>
    </row>
    <row r="689" spans="1:23" hidden="1" x14ac:dyDescent="0.35">
      <c r="A689" s="52" t="s">
        <v>78</v>
      </c>
      <c r="B689" s="52" t="s">
        <v>79</v>
      </c>
      <c r="C689" s="3">
        <v>20</v>
      </c>
      <c r="D689" s="52" t="s">
        <v>2019</v>
      </c>
      <c r="E689" s="52" t="s">
        <v>26</v>
      </c>
      <c r="F689" s="52" t="s">
        <v>81</v>
      </c>
      <c r="G689" s="52" t="s">
        <v>82</v>
      </c>
      <c r="H689" s="4">
        <v>1</v>
      </c>
      <c r="I689" s="2">
        <v>14.65</v>
      </c>
      <c r="J689" s="52" t="s">
        <v>3358</v>
      </c>
      <c r="K689" s="71" t="s">
        <v>3359</v>
      </c>
      <c r="L689" s="52" t="s">
        <v>2063</v>
      </c>
      <c r="M689" s="72">
        <v>4946</v>
      </c>
      <c r="N689" s="52" t="s">
        <v>2066</v>
      </c>
      <c r="O689" s="52" t="s">
        <v>2067</v>
      </c>
      <c r="P689" s="52"/>
      <c r="Q689" s="52"/>
      <c r="R689" s="52"/>
      <c r="S689" s="52"/>
      <c r="T689" s="52"/>
      <c r="U689" s="52"/>
      <c r="V689" s="52"/>
      <c r="W689" s="52"/>
    </row>
    <row r="690" spans="1:23" hidden="1" x14ac:dyDescent="0.35">
      <c r="A690" s="52" t="s">
        <v>78</v>
      </c>
      <c r="B690" s="52" t="s">
        <v>79</v>
      </c>
      <c r="C690" s="3">
        <v>20</v>
      </c>
      <c r="D690" s="52" t="s">
        <v>80</v>
      </c>
      <c r="E690" s="52" t="s">
        <v>26</v>
      </c>
      <c r="F690" s="52" t="s">
        <v>81</v>
      </c>
      <c r="G690" s="52" t="s">
        <v>82</v>
      </c>
      <c r="H690" s="4">
        <v>1</v>
      </c>
      <c r="I690" s="2">
        <v>14.65</v>
      </c>
      <c r="J690" s="52" t="s">
        <v>3360</v>
      </c>
      <c r="K690" s="71" t="s">
        <v>3361</v>
      </c>
      <c r="L690" s="52" t="s">
        <v>2063</v>
      </c>
      <c r="M690" s="72">
        <v>3275</v>
      </c>
      <c r="N690" s="52" t="s">
        <v>2066</v>
      </c>
      <c r="O690" s="52" t="s">
        <v>2067</v>
      </c>
      <c r="P690" s="52"/>
      <c r="Q690" s="52"/>
      <c r="R690" s="52"/>
      <c r="S690" s="52"/>
      <c r="T690" s="52"/>
      <c r="U690" s="52"/>
      <c r="V690" s="52"/>
      <c r="W690" s="52"/>
    </row>
    <row r="691" spans="1:23" hidden="1" x14ac:dyDescent="0.35">
      <c r="A691" s="52" t="s">
        <v>78</v>
      </c>
      <c r="B691" s="52" t="s">
        <v>79</v>
      </c>
      <c r="C691" s="3">
        <v>20</v>
      </c>
      <c r="D691" s="52" t="s">
        <v>83</v>
      </c>
      <c r="E691" s="52" t="s">
        <v>26</v>
      </c>
      <c r="F691" s="52" t="s">
        <v>81</v>
      </c>
      <c r="G691" s="52" t="s">
        <v>82</v>
      </c>
      <c r="H691" s="4">
        <v>1</v>
      </c>
      <c r="I691" s="2">
        <v>14.65</v>
      </c>
      <c r="J691" s="52" t="s">
        <v>3362</v>
      </c>
      <c r="K691" s="71" t="s">
        <v>3363</v>
      </c>
      <c r="L691" s="52" t="s">
        <v>2063</v>
      </c>
      <c r="M691" s="72">
        <v>5707</v>
      </c>
      <c r="N691" s="52" t="s">
        <v>2066</v>
      </c>
      <c r="O691" s="52" t="s">
        <v>2067</v>
      </c>
      <c r="P691" s="52"/>
      <c r="Q691" s="52"/>
      <c r="R691" s="52"/>
      <c r="S691" s="52"/>
      <c r="T691" s="52"/>
      <c r="U691" s="52"/>
      <c r="V691" s="52"/>
      <c r="W691" s="52"/>
    </row>
    <row r="692" spans="1:23" hidden="1" x14ac:dyDescent="0.35">
      <c r="A692" s="52" t="s">
        <v>78</v>
      </c>
      <c r="B692" s="52" t="s">
        <v>79</v>
      </c>
      <c r="C692" s="3">
        <v>20</v>
      </c>
      <c r="D692" s="52" t="s">
        <v>84</v>
      </c>
      <c r="E692" s="52" t="s">
        <v>26</v>
      </c>
      <c r="F692" s="52" t="s">
        <v>81</v>
      </c>
      <c r="G692" s="52" t="s">
        <v>82</v>
      </c>
      <c r="H692" s="4">
        <v>1</v>
      </c>
      <c r="I692" s="2">
        <v>14.65</v>
      </c>
      <c r="J692" s="52" t="s">
        <v>3364</v>
      </c>
      <c r="K692" s="71" t="s">
        <v>3365</v>
      </c>
      <c r="L692" s="52" t="s">
        <v>2063</v>
      </c>
      <c r="M692" s="72">
        <v>5165</v>
      </c>
      <c r="N692" s="52" t="s">
        <v>2072</v>
      </c>
      <c r="O692" s="52" t="s">
        <v>2073</v>
      </c>
      <c r="P692" s="52"/>
      <c r="Q692" s="52"/>
      <c r="R692" s="52"/>
      <c r="S692" s="52"/>
      <c r="T692" s="52"/>
      <c r="U692" s="52"/>
      <c r="V692" s="52"/>
      <c r="W692" s="52"/>
    </row>
    <row r="693" spans="1:23" x14ac:dyDescent="0.35">
      <c r="A693" s="52" t="s">
        <v>78</v>
      </c>
      <c r="B693" s="52" t="s">
        <v>79</v>
      </c>
      <c r="C693" s="3">
        <v>10</v>
      </c>
      <c r="D693" s="52" t="s">
        <v>2019</v>
      </c>
      <c r="E693" s="52" t="s">
        <v>26</v>
      </c>
      <c r="F693" s="52" t="s">
        <v>81</v>
      </c>
      <c r="G693" s="52" t="s">
        <v>82</v>
      </c>
      <c r="H693" s="4">
        <v>1</v>
      </c>
      <c r="I693" s="2">
        <v>14.65</v>
      </c>
      <c r="J693" s="52" t="s">
        <v>3366</v>
      </c>
      <c r="K693" s="71" t="s">
        <v>3367</v>
      </c>
      <c r="L693" s="52" t="s">
        <v>2063</v>
      </c>
      <c r="M693" s="72">
        <v>7409</v>
      </c>
      <c r="N693" s="52" t="s">
        <v>2259</v>
      </c>
      <c r="O693" s="52" t="s">
        <v>2260</v>
      </c>
      <c r="P693" s="52"/>
      <c r="Q693" s="52"/>
      <c r="R693" s="52"/>
      <c r="S693" s="52"/>
      <c r="T693" s="52"/>
      <c r="U693" s="52"/>
      <c r="V693" s="52"/>
      <c r="W693" s="52"/>
    </row>
    <row r="694" spans="1:23" hidden="1" x14ac:dyDescent="0.35">
      <c r="A694" s="52" t="s">
        <v>78</v>
      </c>
      <c r="B694" s="52" t="s">
        <v>79</v>
      </c>
      <c r="C694" s="3">
        <v>20</v>
      </c>
      <c r="D694" s="52" t="s">
        <v>84</v>
      </c>
      <c r="E694" s="52" t="s">
        <v>26</v>
      </c>
      <c r="F694" s="52" t="s">
        <v>81</v>
      </c>
      <c r="G694" s="52" t="s">
        <v>82</v>
      </c>
      <c r="H694" s="4">
        <v>1</v>
      </c>
      <c r="I694" s="2">
        <v>14.65</v>
      </c>
      <c r="J694" s="52" t="s">
        <v>3368</v>
      </c>
      <c r="K694" s="71" t="s">
        <v>3369</v>
      </c>
      <c r="L694" s="52" t="s">
        <v>2095</v>
      </c>
      <c r="M694" s="72">
        <v>8058</v>
      </c>
      <c r="N694" s="52" t="s">
        <v>2158</v>
      </c>
      <c r="O694" s="52" t="s">
        <v>2159</v>
      </c>
      <c r="P694" s="52"/>
      <c r="Q694" s="52"/>
      <c r="R694" s="52"/>
      <c r="S694" s="52"/>
      <c r="T694" s="52"/>
      <c r="U694" s="52"/>
      <c r="V694" s="52"/>
      <c r="W694" s="52"/>
    </row>
    <row r="695" spans="1:23" hidden="1" x14ac:dyDescent="0.35">
      <c r="A695" s="52" t="s">
        <v>78</v>
      </c>
      <c r="B695" s="52" t="s">
        <v>79</v>
      </c>
      <c r="C695" s="3">
        <v>10</v>
      </c>
      <c r="D695" s="52" t="s">
        <v>2022</v>
      </c>
      <c r="E695" s="52" t="s">
        <v>26</v>
      </c>
      <c r="F695" s="52" t="s">
        <v>81</v>
      </c>
      <c r="G695" s="52" t="s">
        <v>82</v>
      </c>
      <c r="H695" s="4">
        <v>1</v>
      </c>
      <c r="I695" s="2">
        <v>14.65</v>
      </c>
      <c r="J695" s="52" t="s">
        <v>3370</v>
      </c>
      <c r="K695" s="71" t="s">
        <v>3371</v>
      </c>
      <c r="L695" s="52" t="s">
        <v>2063</v>
      </c>
      <c r="M695" s="72">
        <v>4612</v>
      </c>
      <c r="N695" s="52" t="s">
        <v>2072</v>
      </c>
      <c r="O695" s="52" t="s">
        <v>2073</v>
      </c>
      <c r="P695" s="52"/>
      <c r="Q695" s="52"/>
      <c r="R695" s="52"/>
      <c r="S695" s="52"/>
      <c r="T695" s="52"/>
      <c r="U695" s="52"/>
      <c r="V695" s="52"/>
      <c r="W695" s="52"/>
    </row>
    <row r="696" spans="1:23" hidden="1" x14ac:dyDescent="0.35">
      <c r="A696" s="52" t="s">
        <v>78</v>
      </c>
      <c r="B696" s="52" t="s">
        <v>79</v>
      </c>
      <c r="C696" s="3">
        <v>20</v>
      </c>
      <c r="D696" s="52" t="s">
        <v>83</v>
      </c>
      <c r="E696" s="52" t="s">
        <v>26</v>
      </c>
      <c r="F696" s="52" t="s">
        <v>81</v>
      </c>
      <c r="G696" s="52" t="s">
        <v>82</v>
      </c>
      <c r="H696" s="4">
        <v>1</v>
      </c>
      <c r="I696" s="2">
        <v>14.65</v>
      </c>
      <c r="J696" s="52" t="s">
        <v>3372</v>
      </c>
      <c r="K696" s="71" t="s">
        <v>3373</v>
      </c>
      <c r="L696" s="52" t="s">
        <v>2063</v>
      </c>
      <c r="M696" s="72">
        <v>611</v>
      </c>
      <c r="N696" s="52" t="s">
        <v>2066</v>
      </c>
      <c r="O696" s="52" t="s">
        <v>2067</v>
      </c>
      <c r="P696" s="52"/>
      <c r="Q696" s="52"/>
      <c r="R696" s="52"/>
      <c r="S696" s="52"/>
      <c r="T696" s="52"/>
      <c r="U696" s="52"/>
      <c r="V696" s="52"/>
      <c r="W696" s="52"/>
    </row>
    <row r="697" spans="1:23" hidden="1" x14ac:dyDescent="0.35">
      <c r="A697" s="52" t="s">
        <v>78</v>
      </c>
      <c r="B697" s="52" t="s">
        <v>79</v>
      </c>
      <c r="C697" s="3">
        <v>20</v>
      </c>
      <c r="D697" s="52" t="s">
        <v>2019</v>
      </c>
      <c r="E697" s="52" t="s">
        <v>26</v>
      </c>
      <c r="F697" s="52" t="s">
        <v>81</v>
      </c>
      <c r="G697" s="52" t="s">
        <v>82</v>
      </c>
      <c r="H697" s="4">
        <v>1</v>
      </c>
      <c r="I697" s="2">
        <v>14.65</v>
      </c>
      <c r="J697" s="52" t="s">
        <v>3374</v>
      </c>
      <c r="K697" s="71" t="s">
        <v>3375</v>
      </c>
      <c r="L697" s="52" t="s">
        <v>2063</v>
      </c>
      <c r="M697" s="72">
        <v>461</v>
      </c>
      <c r="N697" s="52" t="s">
        <v>2072</v>
      </c>
      <c r="O697" s="52" t="s">
        <v>2073</v>
      </c>
      <c r="P697" s="52"/>
      <c r="Q697" s="52"/>
      <c r="R697" s="52"/>
      <c r="S697" s="52"/>
      <c r="T697" s="52"/>
      <c r="U697" s="52"/>
      <c r="V697" s="52"/>
      <c r="W697" s="52"/>
    </row>
    <row r="698" spans="1:23" hidden="1" x14ac:dyDescent="0.35">
      <c r="A698" s="52" t="s">
        <v>78</v>
      </c>
      <c r="B698" s="52" t="s">
        <v>79</v>
      </c>
      <c r="C698" s="3">
        <v>20</v>
      </c>
      <c r="D698" s="52" t="s">
        <v>84</v>
      </c>
      <c r="E698" s="52" t="s">
        <v>26</v>
      </c>
      <c r="F698" s="52" t="s">
        <v>81</v>
      </c>
      <c r="G698" s="52" t="s">
        <v>82</v>
      </c>
      <c r="H698" s="4">
        <v>1</v>
      </c>
      <c r="I698" s="2">
        <v>14.65</v>
      </c>
      <c r="J698" s="52" t="s">
        <v>3376</v>
      </c>
      <c r="K698" s="71" t="s">
        <v>3377</v>
      </c>
      <c r="L698" s="52" t="s">
        <v>2063</v>
      </c>
      <c r="M698" s="72">
        <v>7597</v>
      </c>
      <c r="N698" s="52"/>
      <c r="O698" s="52"/>
      <c r="P698" s="52"/>
      <c r="Q698" s="52"/>
      <c r="R698" s="52"/>
      <c r="S698" s="52"/>
      <c r="T698" s="52"/>
      <c r="U698" s="52"/>
      <c r="V698" s="52"/>
      <c r="W698" s="52"/>
    </row>
    <row r="699" spans="1:23" x14ac:dyDescent="0.35">
      <c r="A699" s="52" t="s">
        <v>78</v>
      </c>
      <c r="B699" s="52" t="s">
        <v>79</v>
      </c>
      <c r="C699" s="3">
        <v>20</v>
      </c>
      <c r="D699" s="52" t="s">
        <v>84</v>
      </c>
      <c r="E699" s="52" t="s">
        <v>26</v>
      </c>
      <c r="F699" s="52" t="s">
        <v>81</v>
      </c>
      <c r="G699" s="52" t="s">
        <v>82</v>
      </c>
      <c r="H699" s="4">
        <v>1</v>
      </c>
      <c r="I699" s="2">
        <v>14.65</v>
      </c>
      <c r="J699" s="52" t="s">
        <v>3378</v>
      </c>
      <c r="K699" s="71" t="s">
        <v>3379</v>
      </c>
      <c r="L699" s="52" t="s">
        <v>2063</v>
      </c>
      <c r="M699" s="72">
        <v>911</v>
      </c>
      <c r="N699" s="52" t="s">
        <v>2259</v>
      </c>
      <c r="O699" s="52" t="s">
        <v>2260</v>
      </c>
      <c r="P699" s="52"/>
      <c r="Q699" s="52"/>
      <c r="R699" s="52"/>
      <c r="S699" s="52"/>
      <c r="T699" s="52"/>
      <c r="U699" s="52"/>
      <c r="V699" s="52"/>
      <c r="W699" s="52"/>
    </row>
    <row r="700" spans="1:23" hidden="1" x14ac:dyDescent="0.35">
      <c r="A700" s="52" t="s">
        <v>78</v>
      </c>
      <c r="B700" s="52" t="s">
        <v>79</v>
      </c>
      <c r="C700" s="3">
        <v>20</v>
      </c>
      <c r="D700" s="52" t="s">
        <v>2019</v>
      </c>
      <c r="E700" s="52" t="s">
        <v>26</v>
      </c>
      <c r="F700" s="52" t="s">
        <v>81</v>
      </c>
      <c r="G700" s="52" t="s">
        <v>82</v>
      </c>
      <c r="H700" s="4">
        <v>1</v>
      </c>
      <c r="I700" s="2">
        <v>14.65</v>
      </c>
      <c r="J700" s="52" t="s">
        <v>3380</v>
      </c>
      <c r="K700" s="71" t="s">
        <v>3381</v>
      </c>
      <c r="L700" s="52" t="s">
        <v>2063</v>
      </c>
      <c r="M700" s="72">
        <v>8843</v>
      </c>
      <c r="N700" s="52" t="s">
        <v>2154</v>
      </c>
      <c r="O700" s="52" t="s">
        <v>2155</v>
      </c>
      <c r="P700" s="52"/>
      <c r="Q700" s="52"/>
      <c r="R700" s="52"/>
      <c r="S700" s="52"/>
      <c r="T700" s="52"/>
      <c r="U700" s="52"/>
      <c r="V700" s="52"/>
      <c r="W700" s="52"/>
    </row>
    <row r="701" spans="1:23" hidden="1" x14ac:dyDescent="0.35">
      <c r="A701" s="52" t="s">
        <v>78</v>
      </c>
      <c r="B701" s="52" t="s">
        <v>79</v>
      </c>
      <c r="C701" s="3">
        <v>20</v>
      </c>
      <c r="D701" s="52" t="s">
        <v>2019</v>
      </c>
      <c r="E701" s="52" t="s">
        <v>26</v>
      </c>
      <c r="F701" s="52" t="s">
        <v>81</v>
      </c>
      <c r="G701" s="52" t="s">
        <v>82</v>
      </c>
      <c r="H701" s="4">
        <v>1</v>
      </c>
      <c r="I701" s="2">
        <v>14.65</v>
      </c>
      <c r="J701" s="52" t="s">
        <v>3382</v>
      </c>
      <c r="K701" s="71" t="s">
        <v>3383</v>
      </c>
      <c r="L701" s="52" t="s">
        <v>2063</v>
      </c>
      <c r="M701" s="72">
        <v>7260</v>
      </c>
      <c r="N701" s="52"/>
      <c r="O701" s="52"/>
      <c r="P701" s="52"/>
      <c r="Q701" s="52"/>
      <c r="R701" s="52"/>
      <c r="S701" s="52"/>
      <c r="T701" s="52"/>
      <c r="U701" s="52"/>
      <c r="V701" s="52"/>
      <c r="W701" s="52"/>
    </row>
    <row r="702" spans="1:23" hidden="1" x14ac:dyDescent="0.35">
      <c r="A702" s="52" t="s">
        <v>78</v>
      </c>
      <c r="B702" s="52" t="s">
        <v>79</v>
      </c>
      <c r="C702" s="3">
        <v>20</v>
      </c>
      <c r="D702" s="52" t="s">
        <v>80</v>
      </c>
      <c r="E702" s="52" t="s">
        <v>26</v>
      </c>
      <c r="F702" s="52" t="s">
        <v>81</v>
      </c>
      <c r="G702" s="52" t="s">
        <v>82</v>
      </c>
      <c r="H702" s="4">
        <v>1</v>
      </c>
      <c r="I702" s="2">
        <v>14.65</v>
      </c>
      <c r="J702" s="52" t="s">
        <v>3384</v>
      </c>
      <c r="K702" s="71" t="s">
        <v>3385</v>
      </c>
      <c r="L702" s="52" t="s">
        <v>2063</v>
      </c>
      <c r="M702" s="72">
        <v>7465</v>
      </c>
      <c r="N702" s="52"/>
      <c r="O702" s="52"/>
      <c r="P702" s="52"/>
      <c r="Q702" s="52"/>
      <c r="R702" s="52"/>
      <c r="S702" s="52"/>
      <c r="T702" s="52"/>
      <c r="U702" s="52"/>
      <c r="V702" s="52"/>
      <c r="W702" s="52"/>
    </row>
    <row r="703" spans="1:23" hidden="1" x14ac:dyDescent="0.35">
      <c r="A703" s="52" t="s">
        <v>78</v>
      </c>
      <c r="B703" s="52" t="s">
        <v>79</v>
      </c>
      <c r="C703" s="3">
        <v>10</v>
      </c>
      <c r="D703" s="52" t="s">
        <v>80</v>
      </c>
      <c r="E703" s="52" t="s">
        <v>26</v>
      </c>
      <c r="F703" s="52" t="s">
        <v>81</v>
      </c>
      <c r="G703" s="52" t="s">
        <v>82</v>
      </c>
      <c r="H703" s="4">
        <v>1</v>
      </c>
      <c r="I703" s="2">
        <v>14.65</v>
      </c>
      <c r="J703" s="52" t="s">
        <v>3386</v>
      </c>
      <c r="K703" s="71" t="s">
        <v>3387</v>
      </c>
      <c r="L703" s="52" t="s">
        <v>2063</v>
      </c>
      <c r="M703" s="72">
        <v>4838</v>
      </c>
      <c r="N703" s="52"/>
      <c r="O703" s="52"/>
      <c r="P703" s="52"/>
      <c r="Q703" s="52"/>
      <c r="R703" s="52"/>
      <c r="S703" s="52"/>
      <c r="T703" s="52"/>
      <c r="U703" s="52"/>
      <c r="V703" s="52"/>
      <c r="W703" s="52"/>
    </row>
    <row r="704" spans="1:23" hidden="1" x14ac:dyDescent="0.35">
      <c r="A704" s="52" t="s">
        <v>78</v>
      </c>
      <c r="B704" s="52" t="s">
        <v>79</v>
      </c>
      <c r="C704" s="3">
        <v>20</v>
      </c>
      <c r="D704" s="52" t="s">
        <v>86</v>
      </c>
      <c r="E704" s="52" t="s">
        <v>26</v>
      </c>
      <c r="F704" s="52" t="s">
        <v>81</v>
      </c>
      <c r="G704" s="52" t="s">
        <v>82</v>
      </c>
      <c r="H704" s="4">
        <v>1</v>
      </c>
      <c r="I704" s="2">
        <v>14.65</v>
      </c>
      <c r="J704" s="52" t="s">
        <v>3388</v>
      </c>
      <c r="K704" s="71" t="s">
        <v>3389</v>
      </c>
      <c r="L704" s="52" t="s">
        <v>2063</v>
      </c>
      <c r="M704" s="72">
        <v>6444</v>
      </c>
      <c r="N704" s="52" t="s">
        <v>2072</v>
      </c>
      <c r="O704" s="52" t="s">
        <v>2073</v>
      </c>
      <c r="P704" s="52"/>
      <c r="Q704" s="52"/>
      <c r="R704" s="52"/>
      <c r="S704" s="52"/>
      <c r="T704" s="52"/>
      <c r="U704" s="52"/>
      <c r="V704" s="52"/>
      <c r="W704" s="52"/>
    </row>
    <row r="705" spans="1:23" hidden="1" x14ac:dyDescent="0.35">
      <c r="A705" s="52" t="s">
        <v>78</v>
      </c>
      <c r="B705" s="52" t="s">
        <v>79</v>
      </c>
      <c r="C705" s="3">
        <v>20</v>
      </c>
      <c r="D705" s="52" t="s">
        <v>80</v>
      </c>
      <c r="E705" s="52" t="s">
        <v>26</v>
      </c>
      <c r="F705" s="52" t="s">
        <v>81</v>
      </c>
      <c r="G705" s="52" t="s">
        <v>82</v>
      </c>
      <c r="H705" s="4">
        <v>1</v>
      </c>
      <c r="I705" s="2">
        <v>14.65</v>
      </c>
      <c r="J705" s="52" t="s">
        <v>3390</v>
      </c>
      <c r="K705" s="71" t="s">
        <v>3391</v>
      </c>
      <c r="L705" s="52" t="s">
        <v>2063</v>
      </c>
      <c r="M705" s="72">
        <v>3541</v>
      </c>
      <c r="N705" s="52"/>
      <c r="O705" s="52"/>
      <c r="P705" s="52"/>
      <c r="Q705" s="52"/>
      <c r="R705" s="52"/>
      <c r="S705" s="52"/>
      <c r="T705" s="52"/>
      <c r="U705" s="52"/>
      <c r="V705" s="52"/>
      <c r="W705" s="52"/>
    </row>
    <row r="706" spans="1:23" hidden="1" x14ac:dyDescent="0.35">
      <c r="A706" s="52" t="s">
        <v>78</v>
      </c>
      <c r="B706" s="52" t="s">
        <v>79</v>
      </c>
      <c r="C706" s="3">
        <v>20</v>
      </c>
      <c r="D706" s="52" t="s">
        <v>2021</v>
      </c>
      <c r="E706" s="52" t="s">
        <v>26</v>
      </c>
      <c r="F706" s="52" t="s">
        <v>81</v>
      </c>
      <c r="G706" s="52" t="s">
        <v>82</v>
      </c>
      <c r="H706" s="4">
        <v>1</v>
      </c>
      <c r="I706" s="2">
        <v>14.65</v>
      </c>
      <c r="J706" s="52" t="s">
        <v>3392</v>
      </c>
      <c r="K706" s="71" t="s">
        <v>3393</v>
      </c>
      <c r="L706" s="52" t="s">
        <v>2063</v>
      </c>
      <c r="M706" s="72">
        <v>4709</v>
      </c>
      <c r="N706" s="52"/>
      <c r="O706" s="52"/>
      <c r="P706" s="52"/>
      <c r="Q706" s="52"/>
      <c r="R706" s="52"/>
      <c r="S706" s="52"/>
      <c r="T706" s="52"/>
      <c r="U706" s="52"/>
      <c r="V706" s="52"/>
      <c r="W706" s="52"/>
    </row>
    <row r="707" spans="1:23" hidden="1" x14ac:dyDescent="0.35">
      <c r="A707" s="52" t="s">
        <v>78</v>
      </c>
      <c r="B707" s="52" t="s">
        <v>79</v>
      </c>
      <c r="C707" s="3">
        <v>20</v>
      </c>
      <c r="D707" s="52" t="s">
        <v>80</v>
      </c>
      <c r="E707" s="52" t="s">
        <v>26</v>
      </c>
      <c r="F707" s="52" t="s">
        <v>81</v>
      </c>
      <c r="G707" s="52" t="s">
        <v>82</v>
      </c>
      <c r="H707" s="4">
        <v>1</v>
      </c>
      <c r="I707" s="2">
        <v>14.65</v>
      </c>
      <c r="J707" s="52" t="s">
        <v>3394</v>
      </c>
      <c r="K707" s="71" t="s">
        <v>3395</v>
      </c>
      <c r="L707" s="52" t="s">
        <v>2063</v>
      </c>
      <c r="M707" s="72">
        <v>30</v>
      </c>
      <c r="N707" s="52" t="s">
        <v>2072</v>
      </c>
      <c r="O707" s="52" t="s">
        <v>2073</v>
      </c>
      <c r="P707" s="52"/>
      <c r="Q707" s="52"/>
      <c r="R707" s="52"/>
      <c r="S707" s="52"/>
      <c r="T707" s="52"/>
      <c r="U707" s="52"/>
      <c r="V707" s="52"/>
      <c r="W707" s="52"/>
    </row>
    <row r="708" spans="1:23" x14ac:dyDescent="0.35">
      <c r="A708" s="52" t="s">
        <v>78</v>
      </c>
      <c r="B708" s="52" t="s">
        <v>79</v>
      </c>
      <c r="C708" s="3">
        <v>10</v>
      </c>
      <c r="D708" s="52" t="s">
        <v>83</v>
      </c>
      <c r="E708" s="52" t="s">
        <v>26</v>
      </c>
      <c r="F708" s="52" t="s">
        <v>81</v>
      </c>
      <c r="G708" s="52" t="s">
        <v>82</v>
      </c>
      <c r="H708" s="4">
        <v>1</v>
      </c>
      <c r="I708" s="2">
        <v>14.65</v>
      </c>
      <c r="J708" s="52" t="s">
        <v>3396</v>
      </c>
      <c r="K708" s="71" t="s">
        <v>3397</v>
      </c>
      <c r="L708" s="52" t="s">
        <v>2063</v>
      </c>
      <c r="M708" s="72">
        <v>7742</v>
      </c>
      <c r="N708" s="52" t="s">
        <v>2259</v>
      </c>
      <c r="O708" s="52" t="s">
        <v>2260</v>
      </c>
      <c r="P708" s="52"/>
      <c r="Q708" s="52"/>
      <c r="R708" s="52"/>
      <c r="S708" s="52"/>
      <c r="T708" s="52"/>
      <c r="U708" s="52"/>
      <c r="V708" s="52"/>
      <c r="W708" s="52"/>
    </row>
    <row r="709" spans="1:23" hidden="1" x14ac:dyDescent="0.35">
      <c r="A709" s="52" t="s">
        <v>78</v>
      </c>
      <c r="B709" s="52" t="s">
        <v>79</v>
      </c>
      <c r="C709" s="3">
        <v>10</v>
      </c>
      <c r="D709" s="52" t="s">
        <v>83</v>
      </c>
      <c r="E709" s="52" t="s">
        <v>26</v>
      </c>
      <c r="F709" s="52" t="s">
        <v>81</v>
      </c>
      <c r="G709" s="52" t="s">
        <v>82</v>
      </c>
      <c r="H709" s="4">
        <v>1</v>
      </c>
      <c r="I709" s="2">
        <v>14.65</v>
      </c>
      <c r="J709" s="52" t="s">
        <v>3398</v>
      </c>
      <c r="K709" s="71" t="s">
        <v>3399</v>
      </c>
      <c r="L709" s="52" t="s">
        <v>2063</v>
      </c>
      <c r="M709" s="72">
        <v>3089</v>
      </c>
      <c r="N709" s="52" t="s">
        <v>2158</v>
      </c>
      <c r="O709" s="52" t="s">
        <v>2159</v>
      </c>
      <c r="P709" s="52"/>
      <c r="Q709" s="52"/>
      <c r="R709" s="52"/>
      <c r="S709" s="52"/>
      <c r="T709" s="52"/>
      <c r="U709" s="52"/>
      <c r="V709" s="52"/>
      <c r="W709" s="52"/>
    </row>
    <row r="710" spans="1:23" x14ac:dyDescent="0.35">
      <c r="A710" s="52" t="s">
        <v>78</v>
      </c>
      <c r="B710" s="52" t="s">
        <v>79</v>
      </c>
      <c r="C710" s="3">
        <v>20</v>
      </c>
      <c r="D710" s="52" t="s">
        <v>87</v>
      </c>
      <c r="E710" s="52" t="s">
        <v>26</v>
      </c>
      <c r="F710" s="52" t="s">
        <v>81</v>
      </c>
      <c r="G710" s="52" t="s">
        <v>82</v>
      </c>
      <c r="H710" s="4">
        <v>1</v>
      </c>
      <c r="I710" s="2">
        <v>14.65</v>
      </c>
      <c r="J710" s="52" t="s">
        <v>3400</v>
      </c>
      <c r="K710" s="71" t="s">
        <v>3401</v>
      </c>
      <c r="L710" s="52" t="s">
        <v>2063</v>
      </c>
      <c r="M710" s="72">
        <v>5088</v>
      </c>
      <c r="N710" s="52" t="s">
        <v>2076</v>
      </c>
      <c r="O710" s="52" t="s">
        <v>2077</v>
      </c>
      <c r="P710" s="52" t="s">
        <v>3402</v>
      </c>
      <c r="Q710" s="52" t="s">
        <v>3403</v>
      </c>
      <c r="R710" s="52"/>
      <c r="S710" s="52"/>
      <c r="T710" s="52"/>
      <c r="U710" s="52"/>
      <c r="V710" s="52"/>
      <c r="W710" s="52"/>
    </row>
    <row r="711" spans="1:23" x14ac:dyDescent="0.35">
      <c r="A711" s="52" t="s">
        <v>78</v>
      </c>
      <c r="B711" s="52" t="s">
        <v>79</v>
      </c>
      <c r="C711" s="3">
        <v>20</v>
      </c>
      <c r="D711" s="52" t="s">
        <v>84</v>
      </c>
      <c r="E711" s="52" t="s">
        <v>26</v>
      </c>
      <c r="F711" s="52" t="s">
        <v>81</v>
      </c>
      <c r="G711" s="52" t="s">
        <v>82</v>
      </c>
      <c r="H711" s="4">
        <v>1</v>
      </c>
      <c r="I711" s="2">
        <v>14.65</v>
      </c>
      <c r="J711" s="52" t="s">
        <v>3404</v>
      </c>
      <c r="K711" s="71" t="s">
        <v>3405</v>
      </c>
      <c r="L711" s="52" t="s">
        <v>2063</v>
      </c>
      <c r="M711" s="72">
        <v>4249</v>
      </c>
      <c r="N711" s="52" t="s">
        <v>2076</v>
      </c>
      <c r="O711" s="52" t="s">
        <v>2077</v>
      </c>
      <c r="P711" s="52"/>
      <c r="Q711" s="52"/>
      <c r="R711" s="52"/>
      <c r="S711" s="52"/>
      <c r="T711" s="52"/>
      <c r="U711" s="52"/>
      <c r="V711" s="52"/>
      <c r="W711" s="52"/>
    </row>
    <row r="712" spans="1:23" hidden="1" x14ac:dyDescent="0.35">
      <c r="A712" s="52" t="s">
        <v>78</v>
      </c>
      <c r="B712" s="52" t="s">
        <v>79</v>
      </c>
      <c r="C712" s="3">
        <v>20</v>
      </c>
      <c r="D712" s="52" t="s">
        <v>2019</v>
      </c>
      <c r="E712" s="52" t="s">
        <v>26</v>
      </c>
      <c r="F712" s="52" t="s">
        <v>81</v>
      </c>
      <c r="G712" s="52" t="s">
        <v>82</v>
      </c>
      <c r="H712" s="4">
        <v>1</v>
      </c>
      <c r="I712" s="2">
        <v>14.65</v>
      </c>
      <c r="J712" s="52" t="s">
        <v>3406</v>
      </c>
      <c r="K712" s="71" t="s">
        <v>3407</v>
      </c>
      <c r="L712" s="52" t="s">
        <v>2095</v>
      </c>
      <c r="M712" s="72">
        <v>1393</v>
      </c>
      <c r="N712" s="52" t="s">
        <v>2158</v>
      </c>
      <c r="O712" s="52" t="s">
        <v>2159</v>
      </c>
      <c r="P712" s="52"/>
      <c r="Q712" s="52"/>
      <c r="R712" s="52"/>
      <c r="S712" s="52"/>
      <c r="T712" s="52"/>
      <c r="U712" s="52"/>
      <c r="V712" s="52"/>
      <c r="W712" s="52"/>
    </row>
    <row r="713" spans="1:23" hidden="1" x14ac:dyDescent="0.35">
      <c r="A713" s="52" t="s">
        <v>78</v>
      </c>
      <c r="B713" s="52" t="s">
        <v>79</v>
      </c>
      <c r="C713" s="3">
        <v>10</v>
      </c>
      <c r="D713" s="52" t="s">
        <v>83</v>
      </c>
      <c r="E713" s="52" t="s">
        <v>26</v>
      </c>
      <c r="F713" s="52" t="s">
        <v>81</v>
      </c>
      <c r="G713" s="52" t="s">
        <v>82</v>
      </c>
      <c r="H713" s="4">
        <v>1</v>
      </c>
      <c r="I713" s="2">
        <v>14.65</v>
      </c>
      <c r="J713" s="52" t="s">
        <v>3408</v>
      </c>
      <c r="K713" s="71" t="s">
        <v>3409</v>
      </c>
      <c r="L713" s="52" t="s">
        <v>2063</v>
      </c>
      <c r="M713" s="72">
        <v>6723</v>
      </c>
      <c r="N713" s="52" t="s">
        <v>2066</v>
      </c>
      <c r="O713" s="52" t="s">
        <v>2067</v>
      </c>
      <c r="P713" s="52"/>
      <c r="Q713" s="52"/>
      <c r="R713" s="52"/>
      <c r="S713" s="52"/>
      <c r="T713" s="52"/>
      <c r="U713" s="52"/>
      <c r="V713" s="52"/>
      <c r="W713" s="52"/>
    </row>
    <row r="714" spans="1:23" hidden="1" x14ac:dyDescent="0.35">
      <c r="A714" s="52" t="s">
        <v>78</v>
      </c>
      <c r="B714" s="52" t="s">
        <v>79</v>
      </c>
      <c r="C714" s="3">
        <v>10</v>
      </c>
      <c r="D714" s="52" t="s">
        <v>2019</v>
      </c>
      <c r="E714" s="52" t="s">
        <v>26</v>
      </c>
      <c r="F714" s="52" t="s">
        <v>81</v>
      </c>
      <c r="G714" s="52" t="s">
        <v>82</v>
      </c>
      <c r="H714" s="4">
        <v>1</v>
      </c>
      <c r="I714" s="2">
        <v>14.65</v>
      </c>
      <c r="J714" s="52" t="s">
        <v>3410</v>
      </c>
      <c r="K714" s="71" t="s">
        <v>3411</v>
      </c>
      <c r="L714" s="52" t="s">
        <v>2063</v>
      </c>
      <c r="M714" s="72">
        <v>236</v>
      </c>
      <c r="N714" s="52" t="s">
        <v>2072</v>
      </c>
      <c r="O714" s="52" t="s">
        <v>2073</v>
      </c>
      <c r="P714" s="52"/>
      <c r="Q714" s="52"/>
      <c r="R714" s="52"/>
      <c r="S714" s="52"/>
      <c r="T714" s="52"/>
      <c r="U714" s="52"/>
      <c r="V714" s="52"/>
      <c r="W714" s="52"/>
    </row>
    <row r="715" spans="1:23" hidden="1" x14ac:dyDescent="0.35">
      <c r="A715" s="52" t="s">
        <v>78</v>
      </c>
      <c r="B715" s="52" t="s">
        <v>79</v>
      </c>
      <c r="C715" s="3">
        <v>20</v>
      </c>
      <c r="D715" s="52" t="s">
        <v>2024</v>
      </c>
      <c r="E715" s="52" t="s">
        <v>26</v>
      </c>
      <c r="F715" s="52" t="s">
        <v>81</v>
      </c>
      <c r="G715" s="52" t="s">
        <v>82</v>
      </c>
      <c r="H715" s="4">
        <v>1</v>
      </c>
      <c r="I715" s="2">
        <v>14.65</v>
      </c>
      <c r="J715" s="52" t="s">
        <v>3412</v>
      </c>
      <c r="K715" s="71" t="s">
        <v>3413</v>
      </c>
      <c r="L715" s="52" t="s">
        <v>2063</v>
      </c>
      <c r="M715" s="72">
        <v>317</v>
      </c>
      <c r="N715" s="52" t="s">
        <v>2072</v>
      </c>
      <c r="O715" s="52" t="s">
        <v>2073</v>
      </c>
      <c r="P715" s="52"/>
      <c r="Q715" s="52"/>
      <c r="R715" s="52"/>
      <c r="S715" s="52"/>
      <c r="T715" s="52"/>
      <c r="U715" s="52"/>
      <c r="V715" s="52"/>
      <c r="W715" s="52"/>
    </row>
    <row r="716" spans="1:23" hidden="1" x14ac:dyDescent="0.35">
      <c r="A716" s="52" t="s">
        <v>78</v>
      </c>
      <c r="B716" s="52" t="s">
        <v>79</v>
      </c>
      <c r="C716" s="3">
        <v>10</v>
      </c>
      <c r="D716" s="52" t="s">
        <v>80</v>
      </c>
      <c r="E716" s="52" t="s">
        <v>26</v>
      </c>
      <c r="F716" s="52" t="s">
        <v>81</v>
      </c>
      <c r="G716" s="52" t="s">
        <v>82</v>
      </c>
      <c r="H716" s="4">
        <v>1</v>
      </c>
      <c r="I716" s="2">
        <v>14.65</v>
      </c>
      <c r="J716" s="52" t="s">
        <v>3414</v>
      </c>
      <c r="K716" s="71" t="s">
        <v>3415</v>
      </c>
      <c r="L716" s="52" t="s">
        <v>2063</v>
      </c>
      <c r="M716" s="72">
        <v>1234</v>
      </c>
      <c r="N716" s="52" t="s">
        <v>2072</v>
      </c>
      <c r="O716" s="52" t="s">
        <v>2073</v>
      </c>
      <c r="P716" s="52"/>
      <c r="Q716" s="52"/>
      <c r="R716" s="52"/>
      <c r="S716" s="52"/>
      <c r="T716" s="52"/>
      <c r="U716" s="52"/>
      <c r="V716" s="52"/>
      <c r="W716" s="52"/>
    </row>
    <row r="717" spans="1:23" hidden="1" x14ac:dyDescent="0.35">
      <c r="A717" s="52" t="s">
        <v>78</v>
      </c>
      <c r="B717" s="52" t="s">
        <v>79</v>
      </c>
      <c r="C717" s="3">
        <v>211</v>
      </c>
      <c r="D717" s="52" t="s">
        <v>2022</v>
      </c>
      <c r="E717" s="52" t="s">
        <v>26</v>
      </c>
      <c r="F717" s="52" t="s">
        <v>81</v>
      </c>
      <c r="G717" s="52" t="s">
        <v>82</v>
      </c>
      <c r="H717" s="4">
        <v>1</v>
      </c>
      <c r="I717" s="2">
        <v>14.65</v>
      </c>
      <c r="J717" s="52" t="s">
        <v>3416</v>
      </c>
      <c r="K717" s="71" t="s">
        <v>3417</v>
      </c>
      <c r="L717" s="52" t="s">
        <v>2063</v>
      </c>
      <c r="M717" s="72">
        <v>1188</v>
      </c>
      <c r="N717" s="52" t="s">
        <v>2304</v>
      </c>
      <c r="O717" s="52" t="s">
        <v>2305</v>
      </c>
      <c r="P717" s="52"/>
      <c r="Q717" s="52"/>
      <c r="R717" s="52"/>
      <c r="S717" s="52"/>
      <c r="T717" s="52"/>
      <c r="U717" s="52"/>
      <c r="V717" s="52"/>
      <c r="W717" s="52"/>
    </row>
    <row r="718" spans="1:23" hidden="1" x14ac:dyDescent="0.35">
      <c r="A718" s="52" t="s">
        <v>78</v>
      </c>
      <c r="B718" s="52" t="s">
        <v>79</v>
      </c>
      <c r="C718" s="3">
        <v>20</v>
      </c>
      <c r="D718" s="52" t="s">
        <v>83</v>
      </c>
      <c r="E718" s="52" t="s">
        <v>26</v>
      </c>
      <c r="F718" s="52" t="s">
        <v>81</v>
      </c>
      <c r="G718" s="52" t="s">
        <v>82</v>
      </c>
      <c r="H718" s="4">
        <v>1</v>
      </c>
      <c r="I718" s="2">
        <v>14.65</v>
      </c>
      <c r="J718" s="52" t="s">
        <v>3418</v>
      </c>
      <c r="K718" s="71" t="s">
        <v>3419</v>
      </c>
      <c r="L718" s="52" t="s">
        <v>2063</v>
      </c>
      <c r="M718" s="72">
        <v>953</v>
      </c>
      <c r="N718" s="52" t="s">
        <v>2066</v>
      </c>
      <c r="O718" s="52" t="s">
        <v>2067</v>
      </c>
      <c r="P718" s="52"/>
      <c r="Q718" s="52"/>
      <c r="R718" s="52"/>
      <c r="S718" s="52"/>
      <c r="T718" s="52"/>
      <c r="U718" s="52"/>
      <c r="V718" s="52"/>
      <c r="W718" s="52"/>
    </row>
    <row r="719" spans="1:23" hidden="1" x14ac:dyDescent="0.35">
      <c r="A719" s="52" t="s">
        <v>78</v>
      </c>
      <c r="B719" s="52" t="s">
        <v>79</v>
      </c>
      <c r="C719" s="3">
        <v>10</v>
      </c>
      <c r="D719" s="52" t="s">
        <v>80</v>
      </c>
      <c r="E719" s="52" t="s">
        <v>26</v>
      </c>
      <c r="F719" s="52" t="s">
        <v>81</v>
      </c>
      <c r="G719" s="52" t="s">
        <v>82</v>
      </c>
      <c r="H719" s="4">
        <v>1</v>
      </c>
      <c r="I719" s="2">
        <v>14.65</v>
      </c>
      <c r="J719" s="52" t="s">
        <v>3420</v>
      </c>
      <c r="K719" s="71" t="s">
        <v>3421</v>
      </c>
      <c r="L719" s="52" t="s">
        <v>2063</v>
      </c>
      <c r="M719" s="72">
        <v>3056</v>
      </c>
      <c r="N719" s="52" t="s">
        <v>2072</v>
      </c>
      <c r="O719" s="52" t="s">
        <v>2073</v>
      </c>
      <c r="P719" s="52"/>
      <c r="Q719" s="52"/>
      <c r="R719" s="52"/>
      <c r="S719" s="52"/>
      <c r="T719" s="52"/>
      <c r="U719" s="52"/>
      <c r="V719" s="52"/>
      <c r="W719" s="52"/>
    </row>
    <row r="720" spans="1:23" hidden="1" x14ac:dyDescent="0.35">
      <c r="A720" s="52" t="s">
        <v>78</v>
      </c>
      <c r="B720" s="52" t="s">
        <v>79</v>
      </c>
      <c r="C720" s="3">
        <v>20</v>
      </c>
      <c r="D720" s="52" t="s">
        <v>2020</v>
      </c>
      <c r="E720" s="52" t="s">
        <v>26</v>
      </c>
      <c r="F720" s="52" t="s">
        <v>81</v>
      </c>
      <c r="G720" s="52" t="s">
        <v>82</v>
      </c>
      <c r="H720" s="4">
        <v>1</v>
      </c>
      <c r="I720" s="2">
        <v>14.65</v>
      </c>
      <c r="J720" s="52" t="s">
        <v>3422</v>
      </c>
      <c r="K720" s="71" t="s">
        <v>3423</v>
      </c>
      <c r="L720" s="52" t="s">
        <v>2063</v>
      </c>
      <c r="M720" s="72">
        <v>6974</v>
      </c>
      <c r="N720" s="52" t="s">
        <v>2072</v>
      </c>
      <c r="O720" s="52" t="s">
        <v>2073</v>
      </c>
      <c r="P720" s="52"/>
      <c r="Q720" s="52"/>
      <c r="R720" s="52"/>
      <c r="S720" s="52"/>
      <c r="T720" s="52"/>
      <c r="U720" s="52"/>
      <c r="V720" s="52"/>
      <c r="W720" s="52"/>
    </row>
    <row r="721" spans="1:23" hidden="1" x14ac:dyDescent="0.35">
      <c r="A721" s="52" t="s">
        <v>78</v>
      </c>
      <c r="B721" s="52" t="s">
        <v>79</v>
      </c>
      <c r="C721" s="3">
        <v>20</v>
      </c>
      <c r="D721" s="52" t="s">
        <v>2023</v>
      </c>
      <c r="E721" s="52" t="s">
        <v>26</v>
      </c>
      <c r="F721" s="52" t="s">
        <v>81</v>
      </c>
      <c r="G721" s="52" t="s">
        <v>82</v>
      </c>
      <c r="H721" s="4">
        <v>1</v>
      </c>
      <c r="I721" s="2">
        <v>14.65</v>
      </c>
      <c r="J721" s="52" t="s">
        <v>3424</v>
      </c>
      <c r="K721" s="71" t="s">
        <v>3425</v>
      </c>
      <c r="L721" s="52" t="s">
        <v>2095</v>
      </c>
      <c r="M721" s="72">
        <v>5713</v>
      </c>
      <c r="N721" s="52" t="s">
        <v>2158</v>
      </c>
      <c r="O721" s="52" t="s">
        <v>2159</v>
      </c>
      <c r="P721" s="52"/>
      <c r="Q721" s="52"/>
      <c r="R721" s="52"/>
      <c r="S721" s="52"/>
      <c r="T721" s="52"/>
      <c r="U721" s="52"/>
      <c r="V721" s="52"/>
      <c r="W721" s="52"/>
    </row>
    <row r="722" spans="1:23" hidden="1" x14ac:dyDescent="0.35">
      <c r="A722" s="52" t="s">
        <v>78</v>
      </c>
      <c r="B722" s="52" t="s">
        <v>79</v>
      </c>
      <c r="C722" s="3">
        <v>10</v>
      </c>
      <c r="D722" s="52" t="s">
        <v>86</v>
      </c>
      <c r="E722" s="52" t="s">
        <v>26</v>
      </c>
      <c r="F722" s="52" t="s">
        <v>81</v>
      </c>
      <c r="G722" s="52" t="s">
        <v>82</v>
      </c>
      <c r="H722" s="4">
        <v>1</v>
      </c>
      <c r="I722" s="2">
        <v>14.65</v>
      </c>
      <c r="J722" s="52" t="s">
        <v>3426</v>
      </c>
      <c r="K722" s="71" t="s">
        <v>3427</v>
      </c>
      <c r="L722" s="52" t="s">
        <v>2063</v>
      </c>
      <c r="M722" s="72">
        <v>7130</v>
      </c>
      <c r="N722" s="52" t="s">
        <v>2158</v>
      </c>
      <c r="O722" s="52" t="s">
        <v>2159</v>
      </c>
      <c r="P722" s="52"/>
      <c r="Q722" s="52"/>
      <c r="R722" s="52"/>
      <c r="S722" s="52"/>
      <c r="T722" s="52"/>
      <c r="U722" s="52"/>
      <c r="V722" s="52"/>
      <c r="W722" s="52"/>
    </row>
    <row r="723" spans="1:23" hidden="1" x14ac:dyDescent="0.35">
      <c r="A723" s="52" t="s">
        <v>78</v>
      </c>
      <c r="B723" s="52" t="s">
        <v>79</v>
      </c>
      <c r="C723" s="3">
        <v>20</v>
      </c>
      <c r="D723" s="52" t="s">
        <v>2019</v>
      </c>
      <c r="E723" s="52" t="s">
        <v>26</v>
      </c>
      <c r="F723" s="52" t="s">
        <v>81</v>
      </c>
      <c r="G723" s="52" t="s">
        <v>82</v>
      </c>
      <c r="H723" s="4">
        <v>1</v>
      </c>
      <c r="I723" s="2">
        <v>14.65</v>
      </c>
      <c r="J723" s="52" t="s">
        <v>3428</v>
      </c>
      <c r="K723" s="71" t="s">
        <v>3429</v>
      </c>
      <c r="L723" s="52" t="s">
        <v>2063</v>
      </c>
      <c r="M723" s="72">
        <v>9221</v>
      </c>
      <c r="N723" s="52" t="s">
        <v>2066</v>
      </c>
      <c r="O723" s="52" t="s">
        <v>2067</v>
      </c>
      <c r="P723" s="52"/>
      <c r="Q723" s="52"/>
      <c r="R723" s="52"/>
      <c r="S723" s="52"/>
      <c r="T723" s="52"/>
      <c r="U723" s="52"/>
      <c r="V723" s="52"/>
      <c r="W723" s="52"/>
    </row>
    <row r="724" spans="1:23" hidden="1" x14ac:dyDescent="0.35">
      <c r="A724" s="52" t="s">
        <v>78</v>
      </c>
      <c r="B724" s="52" t="s">
        <v>79</v>
      </c>
      <c r="C724" s="3">
        <v>10</v>
      </c>
      <c r="D724" s="52" t="s">
        <v>80</v>
      </c>
      <c r="E724" s="52" t="s">
        <v>26</v>
      </c>
      <c r="F724" s="52" t="s">
        <v>81</v>
      </c>
      <c r="G724" s="52" t="s">
        <v>82</v>
      </c>
      <c r="H724" s="4">
        <v>1</v>
      </c>
      <c r="I724" s="2">
        <v>14.65</v>
      </c>
      <c r="J724" s="52" t="s">
        <v>3430</v>
      </c>
      <c r="K724" s="71" t="s">
        <v>3431</v>
      </c>
      <c r="L724" s="52" t="s">
        <v>2063</v>
      </c>
      <c r="M724" s="72">
        <v>8071</v>
      </c>
      <c r="N724" s="52" t="s">
        <v>2072</v>
      </c>
      <c r="O724" s="52" t="s">
        <v>2073</v>
      </c>
      <c r="P724" s="52"/>
      <c r="Q724" s="52"/>
      <c r="R724" s="52"/>
      <c r="S724" s="52"/>
      <c r="T724" s="52"/>
      <c r="U724" s="52"/>
      <c r="V724" s="52"/>
      <c r="W724" s="52"/>
    </row>
    <row r="725" spans="1:23" hidden="1" x14ac:dyDescent="0.35">
      <c r="A725" s="52" t="s">
        <v>78</v>
      </c>
      <c r="B725" s="52" t="s">
        <v>79</v>
      </c>
      <c r="C725" s="3">
        <v>20</v>
      </c>
      <c r="D725" s="52" t="s">
        <v>80</v>
      </c>
      <c r="E725" s="52" t="s">
        <v>26</v>
      </c>
      <c r="F725" s="52" t="s">
        <v>81</v>
      </c>
      <c r="G725" s="52" t="s">
        <v>82</v>
      </c>
      <c r="H725" s="4">
        <v>1</v>
      </c>
      <c r="I725" s="2">
        <v>14.65</v>
      </c>
      <c r="J725" s="52" t="s">
        <v>3432</v>
      </c>
      <c r="K725" s="71" t="s">
        <v>3433</v>
      </c>
      <c r="L725" s="52" t="s">
        <v>2063</v>
      </c>
      <c r="M725" s="72">
        <v>684</v>
      </c>
      <c r="N725" s="52" t="s">
        <v>2072</v>
      </c>
      <c r="O725" s="52" t="s">
        <v>2073</v>
      </c>
      <c r="P725" s="52"/>
      <c r="Q725" s="52"/>
      <c r="R725" s="52"/>
      <c r="S725" s="52"/>
      <c r="T725" s="52"/>
      <c r="U725" s="52"/>
      <c r="V725" s="52"/>
      <c r="W725" s="52"/>
    </row>
    <row r="726" spans="1:23" hidden="1" x14ac:dyDescent="0.35">
      <c r="A726" s="52" t="s">
        <v>78</v>
      </c>
      <c r="B726" s="52" t="s">
        <v>79</v>
      </c>
      <c r="C726" s="3">
        <v>212</v>
      </c>
      <c r="D726" s="52" t="s">
        <v>2024</v>
      </c>
      <c r="E726" s="52" t="s">
        <v>26</v>
      </c>
      <c r="F726" s="52" t="s">
        <v>81</v>
      </c>
      <c r="G726" s="52" t="s">
        <v>82</v>
      </c>
      <c r="H726" s="4">
        <v>1</v>
      </c>
      <c r="I726" s="2">
        <v>14.65</v>
      </c>
      <c r="J726" s="52" t="s">
        <v>3434</v>
      </c>
      <c r="K726" s="71" t="s">
        <v>3435</v>
      </c>
      <c r="L726" s="52" t="s">
        <v>2063</v>
      </c>
      <c r="M726" s="72">
        <v>5154</v>
      </c>
      <c r="N726" s="52" t="s">
        <v>2072</v>
      </c>
      <c r="O726" s="52" t="s">
        <v>2073</v>
      </c>
      <c r="P726" s="52"/>
      <c r="Q726" s="52"/>
      <c r="R726" s="52"/>
      <c r="S726" s="52"/>
      <c r="T726" s="52"/>
      <c r="U726" s="52"/>
      <c r="V726" s="52"/>
      <c r="W726" s="52"/>
    </row>
    <row r="727" spans="1:23" hidden="1" x14ac:dyDescent="0.35">
      <c r="A727" s="52" t="s">
        <v>78</v>
      </c>
      <c r="B727" s="52" t="s">
        <v>79</v>
      </c>
      <c r="C727" s="3">
        <v>20</v>
      </c>
      <c r="D727" s="52" t="s">
        <v>83</v>
      </c>
      <c r="E727" s="52" t="s">
        <v>26</v>
      </c>
      <c r="F727" s="52" t="s">
        <v>81</v>
      </c>
      <c r="G727" s="52" t="s">
        <v>82</v>
      </c>
      <c r="H727" s="4">
        <v>1</v>
      </c>
      <c r="I727" s="2">
        <v>14.65</v>
      </c>
      <c r="J727" s="52" t="s">
        <v>2361</v>
      </c>
      <c r="K727" s="71" t="s">
        <v>3436</v>
      </c>
      <c r="L727" s="52" t="s">
        <v>2063</v>
      </c>
      <c r="M727" s="72">
        <v>8564</v>
      </c>
      <c r="N727" s="52" t="s">
        <v>2072</v>
      </c>
      <c r="O727" s="52" t="s">
        <v>2073</v>
      </c>
      <c r="P727" s="52"/>
      <c r="Q727" s="52"/>
      <c r="R727" s="52"/>
      <c r="S727" s="52"/>
      <c r="T727" s="52"/>
      <c r="U727" s="52"/>
      <c r="V727" s="52"/>
      <c r="W727" s="52"/>
    </row>
    <row r="728" spans="1:23" hidden="1" x14ac:dyDescent="0.35">
      <c r="A728" s="52" t="s">
        <v>78</v>
      </c>
      <c r="B728" s="52" t="s">
        <v>79</v>
      </c>
      <c r="C728" s="3">
        <v>10</v>
      </c>
      <c r="D728" s="52" t="s">
        <v>87</v>
      </c>
      <c r="E728" s="52" t="s">
        <v>26</v>
      </c>
      <c r="F728" s="52" t="s">
        <v>81</v>
      </c>
      <c r="G728" s="52" t="s">
        <v>82</v>
      </c>
      <c r="H728" s="4">
        <v>1</v>
      </c>
      <c r="I728" s="2">
        <v>14.65</v>
      </c>
      <c r="J728" s="52" t="s">
        <v>3437</v>
      </c>
      <c r="K728" s="71" t="s">
        <v>3438</v>
      </c>
      <c r="L728" s="52" t="s">
        <v>2063</v>
      </c>
      <c r="M728" s="72">
        <v>6030</v>
      </c>
      <c r="N728" s="52" t="s">
        <v>2072</v>
      </c>
      <c r="O728" s="52" t="s">
        <v>2073</v>
      </c>
      <c r="P728" s="52"/>
      <c r="Q728" s="52"/>
      <c r="R728" s="52"/>
      <c r="S728" s="52"/>
      <c r="T728" s="52"/>
      <c r="U728" s="52"/>
      <c r="V728" s="52"/>
      <c r="W728" s="52"/>
    </row>
    <row r="729" spans="1:23" hidden="1" x14ac:dyDescent="0.35">
      <c r="A729" s="52" t="s">
        <v>78</v>
      </c>
      <c r="B729" s="52" t="s">
        <v>79</v>
      </c>
      <c r="C729" s="3">
        <v>212</v>
      </c>
      <c r="D729" s="52" t="s">
        <v>2023</v>
      </c>
      <c r="E729" s="52" t="s">
        <v>26</v>
      </c>
      <c r="F729" s="52" t="s">
        <v>81</v>
      </c>
      <c r="G729" s="52" t="s">
        <v>82</v>
      </c>
      <c r="H729" s="4">
        <v>1</v>
      </c>
      <c r="I729" s="2">
        <v>14.65</v>
      </c>
      <c r="J729" s="52" t="s">
        <v>3439</v>
      </c>
      <c r="K729" s="71" t="s">
        <v>3440</v>
      </c>
      <c r="L729" s="52" t="s">
        <v>2063</v>
      </c>
      <c r="M729" s="72">
        <v>7920</v>
      </c>
      <c r="N729" s="52" t="s">
        <v>2066</v>
      </c>
      <c r="O729" s="52" t="s">
        <v>2067</v>
      </c>
      <c r="P729" s="52"/>
      <c r="Q729" s="52"/>
      <c r="R729" s="52"/>
      <c r="S729" s="52"/>
      <c r="T729" s="52"/>
      <c r="U729" s="52"/>
      <c r="V729" s="52"/>
      <c r="W729" s="52"/>
    </row>
    <row r="730" spans="1:23" hidden="1" x14ac:dyDescent="0.35">
      <c r="A730" s="52" t="s">
        <v>78</v>
      </c>
      <c r="B730" s="52" t="s">
        <v>79</v>
      </c>
      <c r="C730" s="3">
        <v>10</v>
      </c>
      <c r="D730" s="52" t="s">
        <v>2020</v>
      </c>
      <c r="E730" s="52" t="s">
        <v>26</v>
      </c>
      <c r="F730" s="52" t="s">
        <v>81</v>
      </c>
      <c r="G730" s="52" t="s">
        <v>82</v>
      </c>
      <c r="H730" s="4">
        <v>1</v>
      </c>
      <c r="I730" s="2">
        <v>14.65</v>
      </c>
      <c r="J730" s="52" t="s">
        <v>2909</v>
      </c>
      <c r="K730" s="71" t="s">
        <v>3441</v>
      </c>
      <c r="L730" s="52" t="s">
        <v>2063</v>
      </c>
      <c r="M730" s="72">
        <v>3488</v>
      </c>
      <c r="N730" s="52" t="s">
        <v>2072</v>
      </c>
      <c r="O730" s="52" t="s">
        <v>2073</v>
      </c>
      <c r="P730" s="52"/>
      <c r="Q730" s="52"/>
      <c r="R730" s="52"/>
      <c r="S730" s="52"/>
      <c r="T730" s="52"/>
      <c r="U730" s="52"/>
      <c r="V730" s="52"/>
      <c r="W730" s="52"/>
    </row>
    <row r="731" spans="1:23" x14ac:dyDescent="0.35">
      <c r="A731" s="52" t="s">
        <v>78</v>
      </c>
      <c r="B731" s="52" t="s">
        <v>79</v>
      </c>
      <c r="C731" s="3">
        <v>20</v>
      </c>
      <c r="D731" s="52" t="s">
        <v>80</v>
      </c>
      <c r="E731" s="52" t="s">
        <v>26</v>
      </c>
      <c r="F731" s="52" t="s">
        <v>81</v>
      </c>
      <c r="G731" s="52" t="s">
        <v>82</v>
      </c>
      <c r="H731" s="4">
        <v>1</v>
      </c>
      <c r="I731" s="2">
        <v>14.65</v>
      </c>
      <c r="J731" s="52" t="s">
        <v>3442</v>
      </c>
      <c r="K731" s="71" t="s">
        <v>3443</v>
      </c>
      <c r="L731" s="52" t="s">
        <v>2063</v>
      </c>
      <c r="M731" s="72">
        <v>7483</v>
      </c>
      <c r="N731" s="52" t="s">
        <v>2076</v>
      </c>
      <c r="O731" s="52" t="s">
        <v>2077</v>
      </c>
      <c r="P731" s="52"/>
      <c r="Q731" s="52"/>
      <c r="R731" s="52"/>
      <c r="S731" s="52"/>
      <c r="T731" s="52"/>
      <c r="U731" s="52"/>
      <c r="V731" s="52"/>
      <c r="W731" s="52"/>
    </row>
    <row r="732" spans="1:23" hidden="1" x14ac:dyDescent="0.35">
      <c r="A732" s="52" t="s">
        <v>78</v>
      </c>
      <c r="B732" s="52" t="s">
        <v>79</v>
      </c>
      <c r="C732" s="3">
        <v>10</v>
      </c>
      <c r="D732" s="52" t="s">
        <v>2019</v>
      </c>
      <c r="E732" s="52" t="s">
        <v>26</v>
      </c>
      <c r="F732" s="52" t="s">
        <v>81</v>
      </c>
      <c r="G732" s="52" t="s">
        <v>82</v>
      </c>
      <c r="H732" s="4">
        <v>1</v>
      </c>
      <c r="I732" s="2">
        <v>14.65</v>
      </c>
      <c r="J732" s="52" t="s">
        <v>3444</v>
      </c>
      <c r="K732" s="71" t="s">
        <v>3445</v>
      </c>
      <c r="L732" s="52" t="s">
        <v>2063</v>
      </c>
      <c r="M732" s="72">
        <v>9729</v>
      </c>
      <c r="N732" s="52" t="s">
        <v>2066</v>
      </c>
      <c r="O732" s="52" t="s">
        <v>2067</v>
      </c>
      <c r="P732" s="52"/>
      <c r="Q732" s="52"/>
      <c r="R732" s="52"/>
      <c r="S732" s="52"/>
      <c r="T732" s="52"/>
      <c r="U732" s="52"/>
      <c r="V732" s="52"/>
      <c r="W732" s="52"/>
    </row>
    <row r="733" spans="1:23" hidden="1" x14ac:dyDescent="0.35">
      <c r="A733" s="52" t="s">
        <v>78</v>
      </c>
      <c r="B733" s="52" t="s">
        <v>79</v>
      </c>
      <c r="C733" s="3">
        <v>20</v>
      </c>
      <c r="D733" s="52" t="s">
        <v>85</v>
      </c>
      <c r="E733" s="52" t="s">
        <v>26</v>
      </c>
      <c r="F733" s="52" t="s">
        <v>81</v>
      </c>
      <c r="G733" s="52" t="s">
        <v>82</v>
      </c>
      <c r="H733" s="4">
        <v>1</v>
      </c>
      <c r="I733" s="2">
        <v>14.65</v>
      </c>
      <c r="J733" s="52" t="s">
        <v>3266</v>
      </c>
      <c r="K733" s="71" t="s">
        <v>3446</v>
      </c>
      <c r="L733" s="52" t="s">
        <v>2063</v>
      </c>
      <c r="M733" s="72">
        <v>9909</v>
      </c>
      <c r="N733" s="52" t="s">
        <v>2072</v>
      </c>
      <c r="O733" s="52" t="s">
        <v>2073</v>
      </c>
      <c r="P733" s="52"/>
      <c r="Q733" s="52"/>
      <c r="R733" s="52"/>
      <c r="S733" s="52"/>
      <c r="T733" s="52"/>
      <c r="U733" s="52"/>
      <c r="V733" s="52"/>
      <c r="W733" s="52"/>
    </row>
    <row r="734" spans="1:23" hidden="1" x14ac:dyDescent="0.35">
      <c r="A734" s="52" t="s">
        <v>78</v>
      </c>
      <c r="B734" s="52" t="s">
        <v>79</v>
      </c>
      <c r="C734" s="3">
        <v>20</v>
      </c>
      <c r="D734" s="52" t="s">
        <v>83</v>
      </c>
      <c r="E734" s="52" t="s">
        <v>26</v>
      </c>
      <c r="F734" s="52" t="s">
        <v>81</v>
      </c>
      <c r="G734" s="52" t="s">
        <v>82</v>
      </c>
      <c r="H734" s="4">
        <v>1</v>
      </c>
      <c r="I734" s="2">
        <v>14.65</v>
      </c>
      <c r="J734" s="52" t="s">
        <v>3447</v>
      </c>
      <c r="K734" s="71" t="s">
        <v>3448</v>
      </c>
      <c r="L734" s="52" t="s">
        <v>2063</v>
      </c>
      <c r="M734" s="72">
        <v>7604</v>
      </c>
      <c r="N734" s="52" t="s">
        <v>2072</v>
      </c>
      <c r="O734" s="52" t="s">
        <v>2073</v>
      </c>
      <c r="P734" s="52"/>
      <c r="Q734" s="52"/>
      <c r="R734" s="52"/>
      <c r="S734" s="52"/>
      <c r="T734" s="52"/>
      <c r="U734" s="52"/>
      <c r="V734" s="52"/>
      <c r="W734" s="52"/>
    </row>
    <row r="735" spans="1:23" hidden="1" x14ac:dyDescent="0.35">
      <c r="A735" s="52" t="s">
        <v>78</v>
      </c>
      <c r="B735" s="52" t="s">
        <v>79</v>
      </c>
      <c r="C735" s="3">
        <v>20</v>
      </c>
      <c r="D735" s="52" t="s">
        <v>2020</v>
      </c>
      <c r="E735" s="52" t="s">
        <v>26</v>
      </c>
      <c r="F735" s="52" t="s">
        <v>81</v>
      </c>
      <c r="G735" s="52" t="s">
        <v>82</v>
      </c>
      <c r="H735" s="4">
        <v>1</v>
      </c>
      <c r="I735" s="2">
        <v>14.65</v>
      </c>
      <c r="J735" s="52" t="s">
        <v>3449</v>
      </c>
      <c r="K735" s="71" t="s">
        <v>3450</v>
      </c>
      <c r="L735" s="52" t="s">
        <v>2063</v>
      </c>
      <c r="M735" s="72">
        <v>3752</v>
      </c>
      <c r="N735" s="52" t="s">
        <v>2072</v>
      </c>
      <c r="O735" s="52" t="s">
        <v>2073</v>
      </c>
      <c r="P735" s="52"/>
      <c r="Q735" s="52"/>
      <c r="R735" s="52"/>
      <c r="S735" s="52"/>
      <c r="T735" s="52"/>
      <c r="U735" s="52"/>
      <c r="V735" s="52"/>
      <c r="W735" s="52"/>
    </row>
    <row r="736" spans="1:23" x14ac:dyDescent="0.35">
      <c r="A736" s="52" t="s">
        <v>78</v>
      </c>
      <c r="B736" s="52" t="s">
        <v>79</v>
      </c>
      <c r="C736" s="3">
        <v>20</v>
      </c>
      <c r="D736" s="52" t="s">
        <v>86</v>
      </c>
      <c r="E736" s="52" t="s">
        <v>26</v>
      </c>
      <c r="F736" s="52" t="s">
        <v>81</v>
      </c>
      <c r="G736" s="52" t="s">
        <v>82</v>
      </c>
      <c r="H736" s="4">
        <v>1</v>
      </c>
      <c r="I736" s="2">
        <v>14.65</v>
      </c>
      <c r="J736" s="52" t="s">
        <v>3451</v>
      </c>
      <c r="K736" s="71" t="s">
        <v>3452</v>
      </c>
      <c r="L736" s="52" t="s">
        <v>2063</v>
      </c>
      <c r="M736" s="72">
        <v>5790</v>
      </c>
      <c r="N736" s="52" t="s">
        <v>2076</v>
      </c>
      <c r="O736" s="52" t="s">
        <v>2077</v>
      </c>
      <c r="P736" s="52"/>
      <c r="Q736" s="52"/>
      <c r="R736" s="52"/>
      <c r="S736" s="52"/>
      <c r="T736" s="52"/>
      <c r="U736" s="52"/>
      <c r="V736" s="52"/>
      <c r="W736" s="52"/>
    </row>
    <row r="737" spans="1:23" x14ac:dyDescent="0.35">
      <c r="A737" s="52" t="s">
        <v>78</v>
      </c>
      <c r="B737" s="52" t="s">
        <v>79</v>
      </c>
      <c r="C737" s="3">
        <v>20</v>
      </c>
      <c r="D737" s="52" t="s">
        <v>2024</v>
      </c>
      <c r="E737" s="52" t="s">
        <v>26</v>
      </c>
      <c r="F737" s="52" t="s">
        <v>81</v>
      </c>
      <c r="G737" s="52" t="s">
        <v>82</v>
      </c>
      <c r="H737" s="4">
        <v>1</v>
      </c>
      <c r="I737" s="2">
        <v>14.65</v>
      </c>
      <c r="J737" s="52" t="s">
        <v>2644</v>
      </c>
      <c r="K737" s="71" t="s">
        <v>3453</v>
      </c>
      <c r="L737" s="52" t="s">
        <v>2063</v>
      </c>
      <c r="M737" s="72">
        <v>4223</v>
      </c>
      <c r="N737" s="52" t="s">
        <v>2259</v>
      </c>
      <c r="O737" s="52" t="s">
        <v>2260</v>
      </c>
      <c r="P737" s="52"/>
      <c r="Q737" s="52"/>
      <c r="R737" s="52"/>
      <c r="S737" s="52"/>
      <c r="T737" s="52"/>
      <c r="U737" s="52"/>
      <c r="V737" s="52"/>
      <c r="W737" s="52"/>
    </row>
    <row r="738" spans="1:23" hidden="1" x14ac:dyDescent="0.35">
      <c r="A738" s="52" t="s">
        <v>78</v>
      </c>
      <c r="B738" s="52" t="s">
        <v>79</v>
      </c>
      <c r="C738" s="3">
        <v>20</v>
      </c>
      <c r="D738" s="52" t="s">
        <v>83</v>
      </c>
      <c r="E738" s="52" t="s">
        <v>26</v>
      </c>
      <c r="F738" s="52" t="s">
        <v>81</v>
      </c>
      <c r="G738" s="52" t="s">
        <v>82</v>
      </c>
      <c r="H738" s="4">
        <v>1</v>
      </c>
      <c r="I738" s="2">
        <v>14.65</v>
      </c>
      <c r="J738" s="52" t="s">
        <v>2421</v>
      </c>
      <c r="K738" s="71" t="s">
        <v>3454</v>
      </c>
      <c r="L738" s="52" t="s">
        <v>2063</v>
      </c>
      <c r="M738" s="72">
        <v>9882</v>
      </c>
      <c r="N738" s="52"/>
      <c r="O738" s="52"/>
      <c r="P738" s="52"/>
      <c r="Q738" s="52"/>
      <c r="R738" s="52"/>
      <c r="S738" s="52"/>
      <c r="T738" s="52"/>
      <c r="U738" s="52"/>
      <c r="V738" s="52"/>
      <c r="W738" s="52"/>
    </row>
    <row r="739" spans="1:23" hidden="1" x14ac:dyDescent="0.35">
      <c r="A739" s="52" t="s">
        <v>78</v>
      </c>
      <c r="B739" s="52" t="s">
        <v>79</v>
      </c>
      <c r="C739" s="3">
        <v>20</v>
      </c>
      <c r="D739" s="52" t="s">
        <v>2023</v>
      </c>
      <c r="E739" s="52" t="s">
        <v>26</v>
      </c>
      <c r="F739" s="52" t="s">
        <v>81</v>
      </c>
      <c r="G739" s="52" t="s">
        <v>82</v>
      </c>
      <c r="H739" s="4">
        <v>1</v>
      </c>
      <c r="I739" s="2">
        <v>14.65</v>
      </c>
      <c r="J739" s="52" t="s">
        <v>3455</v>
      </c>
      <c r="K739" s="71" t="s">
        <v>3456</v>
      </c>
      <c r="L739" s="52" t="s">
        <v>2063</v>
      </c>
      <c r="M739" s="72">
        <v>8165</v>
      </c>
      <c r="N739" s="52" t="s">
        <v>2072</v>
      </c>
      <c r="O739" s="52" t="s">
        <v>2073</v>
      </c>
      <c r="P739" s="52"/>
      <c r="Q739" s="52"/>
      <c r="R739" s="52"/>
      <c r="S739" s="52"/>
      <c r="T739" s="52"/>
      <c r="U739" s="52"/>
      <c r="V739" s="52"/>
      <c r="W739" s="52"/>
    </row>
    <row r="740" spans="1:23" hidden="1" x14ac:dyDescent="0.35">
      <c r="A740" s="52" t="s">
        <v>78</v>
      </c>
      <c r="B740" s="52" t="s">
        <v>79</v>
      </c>
      <c r="C740" s="3">
        <v>10</v>
      </c>
      <c r="D740" s="52" t="s">
        <v>83</v>
      </c>
      <c r="E740" s="52" t="s">
        <v>26</v>
      </c>
      <c r="F740" s="52" t="s">
        <v>81</v>
      </c>
      <c r="G740" s="52" t="s">
        <v>82</v>
      </c>
      <c r="H740" s="4">
        <v>1</v>
      </c>
      <c r="I740" s="2">
        <v>14.65</v>
      </c>
      <c r="J740" s="52" t="s">
        <v>3457</v>
      </c>
      <c r="K740" s="71" t="s">
        <v>3458</v>
      </c>
      <c r="L740" s="52" t="s">
        <v>2063</v>
      </c>
      <c r="M740" s="72">
        <v>9761</v>
      </c>
      <c r="N740" s="52" t="s">
        <v>2072</v>
      </c>
      <c r="O740" s="52" t="s">
        <v>2073</v>
      </c>
      <c r="P740" s="52"/>
      <c r="Q740" s="52"/>
      <c r="R740" s="52"/>
      <c r="S740" s="52"/>
      <c r="T740" s="52"/>
      <c r="U740" s="52"/>
      <c r="V740" s="52"/>
      <c r="W740" s="52"/>
    </row>
    <row r="741" spans="1:23" hidden="1" x14ac:dyDescent="0.35">
      <c r="A741" s="52" t="s">
        <v>78</v>
      </c>
      <c r="B741" s="52" t="s">
        <v>79</v>
      </c>
      <c r="C741" s="3">
        <v>20</v>
      </c>
      <c r="D741" s="52" t="s">
        <v>2019</v>
      </c>
      <c r="E741" s="52" t="s">
        <v>26</v>
      </c>
      <c r="F741" s="52" t="s">
        <v>81</v>
      </c>
      <c r="G741" s="52" t="s">
        <v>82</v>
      </c>
      <c r="H741" s="4">
        <v>1</v>
      </c>
      <c r="I741" s="2">
        <v>14.65</v>
      </c>
      <c r="J741" s="52" t="s">
        <v>3459</v>
      </c>
      <c r="K741" s="71" t="s">
        <v>3460</v>
      </c>
      <c r="L741" s="52" t="s">
        <v>2063</v>
      </c>
      <c r="M741" s="72">
        <v>4940</v>
      </c>
      <c r="N741" s="52" t="s">
        <v>2066</v>
      </c>
      <c r="O741" s="52" t="s">
        <v>2067</v>
      </c>
      <c r="P741" s="52"/>
      <c r="Q741" s="52"/>
      <c r="R741" s="52"/>
      <c r="S741" s="52"/>
      <c r="T741" s="52"/>
      <c r="U741" s="52"/>
      <c r="V741" s="52"/>
      <c r="W741" s="52"/>
    </row>
    <row r="742" spans="1:23" hidden="1" x14ac:dyDescent="0.35">
      <c r="A742" s="52" t="s">
        <v>78</v>
      </c>
      <c r="B742" s="52" t="s">
        <v>79</v>
      </c>
      <c r="C742" s="3">
        <v>20</v>
      </c>
      <c r="D742" s="52" t="s">
        <v>85</v>
      </c>
      <c r="E742" s="52" t="s">
        <v>26</v>
      </c>
      <c r="F742" s="52" t="s">
        <v>81</v>
      </c>
      <c r="G742" s="52" t="s">
        <v>82</v>
      </c>
      <c r="H742" s="4">
        <v>1</v>
      </c>
      <c r="I742" s="2">
        <v>14.65</v>
      </c>
      <c r="J742" s="52" t="s">
        <v>3461</v>
      </c>
      <c r="K742" s="71" t="s">
        <v>3462</v>
      </c>
      <c r="L742" s="52" t="s">
        <v>2063</v>
      </c>
      <c r="M742" s="72">
        <v>9603</v>
      </c>
      <c r="N742" s="52" t="s">
        <v>2072</v>
      </c>
      <c r="O742" s="52" t="s">
        <v>2073</v>
      </c>
      <c r="P742" s="52"/>
      <c r="Q742" s="52"/>
      <c r="R742" s="52"/>
      <c r="S742" s="52"/>
      <c r="T742" s="52"/>
      <c r="U742" s="52"/>
      <c r="V742" s="52"/>
      <c r="W742" s="52"/>
    </row>
    <row r="743" spans="1:23" hidden="1" x14ac:dyDescent="0.35">
      <c r="A743" s="52" t="s">
        <v>78</v>
      </c>
      <c r="B743" s="52" t="s">
        <v>79</v>
      </c>
      <c r="C743" s="3">
        <v>10</v>
      </c>
      <c r="D743" s="52" t="s">
        <v>86</v>
      </c>
      <c r="E743" s="52" t="s">
        <v>26</v>
      </c>
      <c r="F743" s="52" t="s">
        <v>81</v>
      </c>
      <c r="G743" s="52" t="s">
        <v>82</v>
      </c>
      <c r="H743" s="4">
        <v>1</v>
      </c>
      <c r="I743" s="2">
        <v>14.65</v>
      </c>
      <c r="J743" s="52" t="s">
        <v>3463</v>
      </c>
      <c r="K743" s="71" t="s">
        <v>3464</v>
      </c>
      <c r="L743" s="52" t="s">
        <v>2063</v>
      </c>
      <c r="M743" s="72">
        <v>1712</v>
      </c>
      <c r="N743" s="52" t="s">
        <v>2072</v>
      </c>
      <c r="O743" s="52" t="s">
        <v>2073</v>
      </c>
      <c r="P743" s="52"/>
      <c r="Q743" s="52"/>
      <c r="R743" s="52"/>
      <c r="S743" s="52"/>
      <c r="T743" s="52"/>
      <c r="U743" s="52"/>
      <c r="V743" s="52"/>
      <c r="W743" s="52"/>
    </row>
    <row r="744" spans="1:23" hidden="1" x14ac:dyDescent="0.35">
      <c r="A744" s="52" t="s">
        <v>78</v>
      </c>
      <c r="B744" s="52" t="s">
        <v>79</v>
      </c>
      <c r="C744" s="3">
        <v>20</v>
      </c>
      <c r="D744" s="52" t="s">
        <v>2020</v>
      </c>
      <c r="E744" s="52" t="s">
        <v>26</v>
      </c>
      <c r="F744" s="52" t="s">
        <v>81</v>
      </c>
      <c r="G744" s="52" t="s">
        <v>82</v>
      </c>
      <c r="H744" s="4">
        <v>1</v>
      </c>
      <c r="I744" s="2">
        <v>14.65</v>
      </c>
      <c r="J744" s="52" t="s">
        <v>3465</v>
      </c>
      <c r="K744" s="71" t="s">
        <v>3466</v>
      </c>
      <c r="L744" s="52" t="s">
        <v>2063</v>
      </c>
      <c r="M744" s="72">
        <v>5078</v>
      </c>
      <c r="N744" s="52"/>
      <c r="O744" s="52"/>
      <c r="P744" s="52"/>
      <c r="Q744" s="52"/>
      <c r="R744" s="52"/>
      <c r="S744" s="52"/>
      <c r="T744" s="52"/>
      <c r="U744" s="52"/>
      <c r="V744" s="52"/>
      <c r="W744" s="52"/>
    </row>
    <row r="745" spans="1:23" hidden="1" x14ac:dyDescent="0.35">
      <c r="A745" s="52" t="s">
        <v>78</v>
      </c>
      <c r="B745" s="52" t="s">
        <v>79</v>
      </c>
      <c r="C745" s="3">
        <v>10</v>
      </c>
      <c r="D745" s="52" t="s">
        <v>2021</v>
      </c>
      <c r="E745" s="52" t="s">
        <v>26</v>
      </c>
      <c r="F745" s="52" t="s">
        <v>81</v>
      </c>
      <c r="G745" s="52" t="s">
        <v>82</v>
      </c>
      <c r="H745" s="4">
        <v>1</v>
      </c>
      <c r="I745" s="2">
        <v>14.65</v>
      </c>
      <c r="J745" s="52" t="s">
        <v>3467</v>
      </c>
      <c r="K745" s="71" t="s">
        <v>3468</v>
      </c>
      <c r="L745" s="52" t="s">
        <v>2063</v>
      </c>
      <c r="M745" s="72">
        <v>3448</v>
      </c>
      <c r="N745" s="52"/>
      <c r="O745" s="52"/>
      <c r="P745" s="52"/>
      <c r="Q745" s="52"/>
      <c r="R745" s="52"/>
      <c r="S745" s="52"/>
      <c r="T745" s="52"/>
      <c r="U745" s="52"/>
      <c r="V745" s="52"/>
      <c r="W745" s="52"/>
    </row>
    <row r="746" spans="1:23" hidden="1" x14ac:dyDescent="0.35">
      <c r="A746" s="52" t="s">
        <v>78</v>
      </c>
      <c r="B746" s="52" t="s">
        <v>79</v>
      </c>
      <c r="C746" s="3">
        <v>20</v>
      </c>
      <c r="D746" s="52" t="s">
        <v>2019</v>
      </c>
      <c r="E746" s="52" t="s">
        <v>26</v>
      </c>
      <c r="F746" s="52" t="s">
        <v>81</v>
      </c>
      <c r="G746" s="52" t="s">
        <v>82</v>
      </c>
      <c r="H746" s="4">
        <v>1</v>
      </c>
      <c r="I746" s="2">
        <v>14.65</v>
      </c>
      <c r="J746" s="52" t="s">
        <v>2252</v>
      </c>
      <c r="K746" s="71" t="s">
        <v>3469</v>
      </c>
      <c r="L746" s="52" t="s">
        <v>2063</v>
      </c>
      <c r="M746" s="72">
        <v>7688</v>
      </c>
      <c r="N746" s="52"/>
      <c r="O746" s="52"/>
      <c r="P746" s="52"/>
      <c r="Q746" s="52"/>
      <c r="R746" s="52"/>
      <c r="S746" s="52"/>
      <c r="T746" s="52"/>
      <c r="U746" s="52"/>
      <c r="V746" s="52"/>
      <c r="W746" s="52"/>
    </row>
    <row r="747" spans="1:23" hidden="1" x14ac:dyDescent="0.35">
      <c r="A747" s="52" t="s">
        <v>78</v>
      </c>
      <c r="B747" s="52" t="s">
        <v>79</v>
      </c>
      <c r="C747" s="3">
        <v>10</v>
      </c>
      <c r="D747" s="52" t="s">
        <v>2024</v>
      </c>
      <c r="E747" s="52" t="s">
        <v>26</v>
      </c>
      <c r="F747" s="52" t="s">
        <v>81</v>
      </c>
      <c r="G747" s="52" t="s">
        <v>82</v>
      </c>
      <c r="H747" s="4">
        <v>1</v>
      </c>
      <c r="I747" s="2">
        <v>14.65</v>
      </c>
      <c r="J747" s="52" t="s">
        <v>3470</v>
      </c>
      <c r="K747" s="71" t="s">
        <v>3471</v>
      </c>
      <c r="L747" s="52" t="s">
        <v>2063</v>
      </c>
      <c r="M747" s="72">
        <v>4222</v>
      </c>
      <c r="N747" s="52" t="s">
        <v>2072</v>
      </c>
      <c r="O747" s="52" t="s">
        <v>2073</v>
      </c>
      <c r="P747" s="52"/>
      <c r="Q747" s="52"/>
      <c r="R747" s="52"/>
      <c r="S747" s="52"/>
      <c r="T747" s="52"/>
      <c r="U747" s="52"/>
      <c r="V747" s="52"/>
      <c r="W747" s="52"/>
    </row>
    <row r="748" spans="1:23" hidden="1" x14ac:dyDescent="0.35">
      <c r="A748" s="52" t="s">
        <v>78</v>
      </c>
      <c r="B748" s="52" t="s">
        <v>79</v>
      </c>
      <c r="C748" s="3">
        <v>20</v>
      </c>
      <c r="D748" s="52" t="s">
        <v>2022</v>
      </c>
      <c r="E748" s="52" t="s">
        <v>26</v>
      </c>
      <c r="F748" s="52" t="s">
        <v>81</v>
      </c>
      <c r="G748" s="52" t="s">
        <v>82</v>
      </c>
      <c r="H748" s="4">
        <v>1</v>
      </c>
      <c r="I748" s="2">
        <v>14.65</v>
      </c>
      <c r="J748" s="52" t="s">
        <v>3472</v>
      </c>
      <c r="K748" s="71" t="s">
        <v>3473</v>
      </c>
      <c r="L748" s="52" t="s">
        <v>2063</v>
      </c>
      <c r="M748" s="72">
        <v>4677</v>
      </c>
      <c r="N748" s="52" t="s">
        <v>2072</v>
      </c>
      <c r="O748" s="52" t="s">
        <v>2073</v>
      </c>
      <c r="P748" s="52"/>
      <c r="Q748" s="52"/>
      <c r="R748" s="52"/>
      <c r="S748" s="52"/>
      <c r="T748" s="52"/>
      <c r="U748" s="52"/>
      <c r="V748" s="52"/>
      <c r="W748" s="52"/>
    </row>
    <row r="749" spans="1:23" hidden="1" x14ac:dyDescent="0.35">
      <c r="A749" s="52" t="s">
        <v>78</v>
      </c>
      <c r="B749" s="52" t="s">
        <v>79</v>
      </c>
      <c r="C749" s="3">
        <v>10</v>
      </c>
      <c r="D749" s="52" t="s">
        <v>80</v>
      </c>
      <c r="E749" s="52" t="s">
        <v>26</v>
      </c>
      <c r="F749" s="52" t="s">
        <v>81</v>
      </c>
      <c r="G749" s="52" t="s">
        <v>82</v>
      </c>
      <c r="H749" s="4">
        <v>1</v>
      </c>
      <c r="I749" s="2">
        <v>14.65</v>
      </c>
      <c r="J749" s="52" t="s">
        <v>2102</v>
      </c>
      <c r="K749" s="71" t="s">
        <v>3474</v>
      </c>
      <c r="L749" s="52" t="s">
        <v>2063</v>
      </c>
      <c r="M749" s="72">
        <v>7605</v>
      </c>
      <c r="N749" s="52" t="s">
        <v>2066</v>
      </c>
      <c r="O749" s="52" t="s">
        <v>2067</v>
      </c>
      <c r="P749" s="52"/>
      <c r="Q749" s="52"/>
      <c r="R749" s="52"/>
      <c r="S749" s="52"/>
      <c r="T749" s="52"/>
      <c r="U749" s="52"/>
      <c r="V749" s="52"/>
      <c r="W749" s="52"/>
    </row>
    <row r="750" spans="1:23" hidden="1" x14ac:dyDescent="0.35">
      <c r="A750" s="52" t="s">
        <v>78</v>
      </c>
      <c r="B750" s="52" t="s">
        <v>79</v>
      </c>
      <c r="C750" s="3">
        <v>20</v>
      </c>
      <c r="D750" s="52" t="s">
        <v>2024</v>
      </c>
      <c r="E750" s="52" t="s">
        <v>26</v>
      </c>
      <c r="F750" s="52" t="s">
        <v>81</v>
      </c>
      <c r="G750" s="52" t="s">
        <v>82</v>
      </c>
      <c r="H750" s="4">
        <v>1</v>
      </c>
      <c r="I750" s="2">
        <v>14.65</v>
      </c>
      <c r="J750" s="52" t="s">
        <v>3475</v>
      </c>
      <c r="K750" s="71" t="s">
        <v>3476</v>
      </c>
      <c r="L750" s="52" t="s">
        <v>2063</v>
      </c>
      <c r="M750" s="72">
        <v>586</v>
      </c>
      <c r="N750" s="52"/>
      <c r="O750" s="52"/>
      <c r="P750" s="52"/>
      <c r="Q750" s="52"/>
      <c r="R750" s="52"/>
      <c r="S750" s="52"/>
      <c r="T750" s="52"/>
      <c r="U750" s="52"/>
      <c r="V750" s="52"/>
      <c r="W750" s="52"/>
    </row>
    <row r="751" spans="1:23" x14ac:dyDescent="0.35">
      <c r="A751" s="52" t="s">
        <v>78</v>
      </c>
      <c r="B751" s="52" t="s">
        <v>79</v>
      </c>
      <c r="C751" s="3">
        <v>10</v>
      </c>
      <c r="D751" s="52" t="s">
        <v>80</v>
      </c>
      <c r="E751" s="52" t="s">
        <v>26</v>
      </c>
      <c r="F751" s="52" t="s">
        <v>81</v>
      </c>
      <c r="G751" s="52" t="s">
        <v>82</v>
      </c>
      <c r="H751" s="4">
        <v>1</v>
      </c>
      <c r="I751" s="2">
        <v>14.65</v>
      </c>
      <c r="J751" s="52" t="s">
        <v>3477</v>
      </c>
      <c r="K751" s="71" t="s">
        <v>3478</v>
      </c>
      <c r="L751" s="52" t="s">
        <v>2063</v>
      </c>
      <c r="M751" s="72">
        <v>2373</v>
      </c>
      <c r="N751" s="52" t="s">
        <v>2259</v>
      </c>
      <c r="O751" s="52" t="s">
        <v>2260</v>
      </c>
      <c r="P751" s="52"/>
      <c r="Q751" s="52"/>
      <c r="R751" s="52"/>
      <c r="S751" s="52"/>
      <c r="T751" s="52"/>
      <c r="U751" s="52"/>
      <c r="V751" s="52"/>
      <c r="W751" s="52"/>
    </row>
    <row r="752" spans="1:23" hidden="1" x14ac:dyDescent="0.35">
      <c r="A752" s="52" t="s">
        <v>78</v>
      </c>
      <c r="B752" s="52" t="s">
        <v>79</v>
      </c>
      <c r="C752" s="3">
        <v>20</v>
      </c>
      <c r="D752" s="52" t="s">
        <v>84</v>
      </c>
      <c r="E752" s="52" t="s">
        <v>26</v>
      </c>
      <c r="F752" s="52" t="s">
        <v>81</v>
      </c>
      <c r="G752" s="52" t="s">
        <v>82</v>
      </c>
      <c r="H752" s="4">
        <v>1</v>
      </c>
      <c r="I752" s="2">
        <v>14.65</v>
      </c>
      <c r="J752" s="52" t="s">
        <v>2827</v>
      </c>
      <c r="K752" s="71" t="s">
        <v>3479</v>
      </c>
      <c r="L752" s="52" t="s">
        <v>2063</v>
      </c>
      <c r="M752" s="72">
        <v>8364</v>
      </c>
      <c r="N752" s="52" t="s">
        <v>2072</v>
      </c>
      <c r="O752" s="52" t="s">
        <v>2073</v>
      </c>
      <c r="P752" s="52" t="s">
        <v>2072</v>
      </c>
      <c r="Q752" s="52" t="s">
        <v>2073</v>
      </c>
      <c r="R752" s="52"/>
      <c r="S752" s="52"/>
      <c r="T752" s="52"/>
      <c r="U752" s="52"/>
      <c r="V752" s="52"/>
      <c r="W752" s="52"/>
    </row>
    <row r="753" spans="1:23" hidden="1" x14ac:dyDescent="0.35">
      <c r="A753" s="52" t="s">
        <v>78</v>
      </c>
      <c r="B753" s="52" t="s">
        <v>79</v>
      </c>
      <c r="C753" s="3">
        <v>10</v>
      </c>
      <c r="D753" s="52" t="s">
        <v>87</v>
      </c>
      <c r="E753" s="52" t="s">
        <v>26</v>
      </c>
      <c r="F753" s="52" t="s">
        <v>81</v>
      </c>
      <c r="G753" s="52" t="s">
        <v>82</v>
      </c>
      <c r="H753" s="4">
        <v>1</v>
      </c>
      <c r="I753" s="2">
        <v>14.65</v>
      </c>
      <c r="J753" s="52" t="s">
        <v>3480</v>
      </c>
      <c r="K753" s="71" t="s">
        <v>3481</v>
      </c>
      <c r="L753" s="52" t="s">
        <v>2063</v>
      </c>
      <c r="M753" s="72">
        <v>4237</v>
      </c>
      <c r="N753" s="52" t="s">
        <v>2072</v>
      </c>
      <c r="O753" s="52" t="s">
        <v>2073</v>
      </c>
      <c r="P753" s="52"/>
      <c r="Q753" s="52"/>
      <c r="R753" s="52"/>
      <c r="S753" s="52"/>
      <c r="T753" s="52"/>
      <c r="U753" s="52"/>
      <c r="V753" s="52"/>
      <c r="W753" s="52"/>
    </row>
    <row r="754" spans="1:23" hidden="1" x14ac:dyDescent="0.35">
      <c r="A754" s="52" t="s">
        <v>78</v>
      </c>
      <c r="B754" s="52" t="s">
        <v>79</v>
      </c>
      <c r="C754" s="3">
        <v>20</v>
      </c>
      <c r="D754" s="52" t="s">
        <v>87</v>
      </c>
      <c r="E754" s="52" t="s">
        <v>26</v>
      </c>
      <c r="F754" s="52" t="s">
        <v>81</v>
      </c>
      <c r="G754" s="52" t="s">
        <v>82</v>
      </c>
      <c r="H754" s="4">
        <v>1</v>
      </c>
      <c r="I754" s="2">
        <v>14.65</v>
      </c>
      <c r="J754" s="52" t="s">
        <v>3482</v>
      </c>
      <c r="K754" s="71" t="s">
        <v>3483</v>
      </c>
      <c r="L754" s="52" t="s">
        <v>2063</v>
      </c>
      <c r="M754" s="72">
        <v>3594</v>
      </c>
      <c r="N754" s="52" t="s">
        <v>2072</v>
      </c>
      <c r="O754" s="52" t="s">
        <v>2073</v>
      </c>
      <c r="P754" s="52"/>
      <c r="Q754" s="52"/>
      <c r="R754" s="52"/>
      <c r="S754" s="52"/>
      <c r="T754" s="52"/>
      <c r="U754" s="52"/>
      <c r="V754" s="52"/>
      <c r="W754" s="52"/>
    </row>
    <row r="755" spans="1:23" x14ac:dyDescent="0.35">
      <c r="A755" s="52" t="s">
        <v>78</v>
      </c>
      <c r="B755" s="52" t="s">
        <v>79</v>
      </c>
      <c r="C755" s="3">
        <v>20</v>
      </c>
      <c r="D755" s="52" t="s">
        <v>2021</v>
      </c>
      <c r="E755" s="52" t="s">
        <v>26</v>
      </c>
      <c r="F755" s="52" t="s">
        <v>81</v>
      </c>
      <c r="G755" s="52" t="s">
        <v>82</v>
      </c>
      <c r="H755" s="4">
        <v>1</v>
      </c>
      <c r="I755" s="2">
        <v>14.65</v>
      </c>
      <c r="J755" s="52" t="s">
        <v>3484</v>
      </c>
      <c r="K755" s="71" t="s">
        <v>3485</v>
      </c>
      <c r="L755" s="52" t="s">
        <v>2095</v>
      </c>
      <c r="M755" s="72">
        <v>4362</v>
      </c>
      <c r="N755" s="52" t="s">
        <v>2076</v>
      </c>
      <c r="O755" s="52" t="s">
        <v>2077</v>
      </c>
      <c r="P755" s="52"/>
      <c r="Q755" s="52"/>
      <c r="R755" s="52"/>
      <c r="S755" s="52"/>
      <c r="T755" s="52"/>
      <c r="U755" s="52"/>
      <c r="V755" s="52"/>
      <c r="W755" s="52"/>
    </row>
    <row r="756" spans="1:23" x14ac:dyDescent="0.35">
      <c r="A756" s="52" t="s">
        <v>78</v>
      </c>
      <c r="B756" s="52" t="s">
        <v>79</v>
      </c>
      <c r="C756" s="3">
        <v>10</v>
      </c>
      <c r="D756" s="52" t="s">
        <v>2022</v>
      </c>
      <c r="E756" s="52" t="s">
        <v>26</v>
      </c>
      <c r="F756" s="52" t="s">
        <v>81</v>
      </c>
      <c r="G756" s="52" t="s">
        <v>82</v>
      </c>
      <c r="H756" s="4">
        <v>1</v>
      </c>
      <c r="I756" s="2">
        <v>14.65</v>
      </c>
      <c r="J756" s="52" t="s">
        <v>3486</v>
      </c>
      <c r="K756" s="71" t="s">
        <v>3487</v>
      </c>
      <c r="L756" s="52" t="s">
        <v>2063</v>
      </c>
      <c r="M756" s="72">
        <v>2313</v>
      </c>
      <c r="N756" s="52" t="s">
        <v>2259</v>
      </c>
      <c r="O756" s="52" t="s">
        <v>2260</v>
      </c>
      <c r="P756" s="52"/>
      <c r="Q756" s="52"/>
      <c r="R756" s="52"/>
      <c r="S756" s="52"/>
      <c r="T756" s="52"/>
      <c r="U756" s="52"/>
      <c r="V756" s="52"/>
      <c r="W756" s="52"/>
    </row>
    <row r="757" spans="1:23" hidden="1" x14ac:dyDescent="0.35">
      <c r="A757" s="52" t="s">
        <v>78</v>
      </c>
      <c r="B757" s="52" t="s">
        <v>79</v>
      </c>
      <c r="C757" s="3">
        <v>20</v>
      </c>
      <c r="D757" s="52" t="s">
        <v>83</v>
      </c>
      <c r="E757" s="52" t="s">
        <v>26</v>
      </c>
      <c r="F757" s="52" t="s">
        <v>81</v>
      </c>
      <c r="G757" s="52" t="s">
        <v>82</v>
      </c>
      <c r="H757" s="4">
        <v>1</v>
      </c>
      <c r="I757" s="2">
        <v>14.65</v>
      </c>
      <c r="J757" s="52" t="s">
        <v>3488</v>
      </c>
      <c r="K757" s="71" t="s">
        <v>3489</v>
      </c>
      <c r="L757" s="52" t="s">
        <v>2063</v>
      </c>
      <c r="M757" s="72">
        <v>3580</v>
      </c>
      <c r="N757" s="52" t="s">
        <v>2072</v>
      </c>
      <c r="O757" s="52" t="s">
        <v>2073</v>
      </c>
      <c r="P757" s="52"/>
      <c r="Q757" s="52"/>
      <c r="R757" s="52"/>
      <c r="S757" s="52"/>
      <c r="T757" s="52"/>
      <c r="U757" s="52"/>
      <c r="V757" s="52"/>
      <c r="W757" s="52"/>
    </row>
    <row r="758" spans="1:23" hidden="1" x14ac:dyDescent="0.35">
      <c r="A758" s="52" t="s">
        <v>78</v>
      </c>
      <c r="B758" s="52" t="s">
        <v>79</v>
      </c>
      <c r="C758" s="3">
        <v>20</v>
      </c>
      <c r="D758" s="52" t="s">
        <v>86</v>
      </c>
      <c r="E758" s="52" t="s">
        <v>26</v>
      </c>
      <c r="F758" s="52" t="s">
        <v>81</v>
      </c>
      <c r="G758" s="52" t="s">
        <v>82</v>
      </c>
      <c r="H758" s="4">
        <v>1</v>
      </c>
      <c r="I758" s="2">
        <v>14.65</v>
      </c>
      <c r="J758" s="52" t="s">
        <v>3490</v>
      </c>
      <c r="K758" s="71" t="s">
        <v>3491</v>
      </c>
      <c r="L758" s="52" t="s">
        <v>2063</v>
      </c>
      <c r="M758" s="72">
        <v>3332</v>
      </c>
      <c r="N758" s="52" t="s">
        <v>2072</v>
      </c>
      <c r="O758" s="52" t="s">
        <v>2073</v>
      </c>
      <c r="P758" s="52"/>
      <c r="Q758" s="52"/>
      <c r="R758" s="52"/>
      <c r="S758" s="52"/>
      <c r="T758" s="52"/>
      <c r="U758" s="52"/>
      <c r="V758" s="52"/>
      <c r="W758" s="52"/>
    </row>
    <row r="759" spans="1:23" hidden="1" x14ac:dyDescent="0.35">
      <c r="A759" s="52" t="s">
        <v>78</v>
      </c>
      <c r="B759" s="52" t="s">
        <v>79</v>
      </c>
      <c r="C759" s="3">
        <v>20</v>
      </c>
      <c r="D759" s="52" t="s">
        <v>86</v>
      </c>
      <c r="E759" s="52" t="s">
        <v>26</v>
      </c>
      <c r="F759" s="52" t="s">
        <v>81</v>
      </c>
      <c r="G759" s="52" t="s">
        <v>82</v>
      </c>
      <c r="H759" s="4">
        <v>1</v>
      </c>
      <c r="I759" s="2">
        <v>14.65</v>
      </c>
      <c r="J759" s="52" t="s">
        <v>2467</v>
      </c>
      <c r="K759" s="71" t="s">
        <v>3492</v>
      </c>
      <c r="L759" s="52" t="s">
        <v>2063</v>
      </c>
      <c r="M759" s="72">
        <v>8577</v>
      </c>
      <c r="N759" s="52" t="s">
        <v>2072</v>
      </c>
      <c r="O759" s="52" t="s">
        <v>2073</v>
      </c>
      <c r="P759" s="52"/>
      <c r="Q759" s="52"/>
      <c r="R759" s="52"/>
      <c r="S759" s="52"/>
      <c r="T759" s="52"/>
      <c r="U759" s="52"/>
      <c r="V759" s="52"/>
      <c r="W759" s="52"/>
    </row>
    <row r="760" spans="1:23" x14ac:dyDescent="0.35">
      <c r="A760" s="52" t="s">
        <v>78</v>
      </c>
      <c r="B760" s="52" t="s">
        <v>79</v>
      </c>
      <c r="C760" s="3">
        <v>20</v>
      </c>
      <c r="D760" s="52" t="s">
        <v>2024</v>
      </c>
      <c r="E760" s="52" t="s">
        <v>26</v>
      </c>
      <c r="F760" s="52" t="s">
        <v>81</v>
      </c>
      <c r="G760" s="52" t="s">
        <v>82</v>
      </c>
      <c r="H760" s="4">
        <v>1</v>
      </c>
      <c r="I760" s="2">
        <v>14.65</v>
      </c>
      <c r="J760" s="52" t="s">
        <v>3493</v>
      </c>
      <c r="K760" s="71" t="s">
        <v>3494</v>
      </c>
      <c r="L760" s="52" t="s">
        <v>2063</v>
      </c>
      <c r="M760" s="72">
        <v>3316</v>
      </c>
      <c r="N760" s="52" t="s">
        <v>2259</v>
      </c>
      <c r="O760" s="52" t="s">
        <v>2260</v>
      </c>
      <c r="P760" s="52"/>
      <c r="Q760" s="52"/>
      <c r="R760" s="52"/>
      <c r="S760" s="52"/>
      <c r="T760" s="52"/>
      <c r="U760" s="52"/>
      <c r="V760" s="52"/>
      <c r="W760" s="52"/>
    </row>
    <row r="761" spans="1:23" hidden="1" x14ac:dyDescent="0.35">
      <c r="A761" s="52" t="s">
        <v>78</v>
      </c>
      <c r="B761" s="52" t="s">
        <v>79</v>
      </c>
      <c r="C761" s="3">
        <v>10</v>
      </c>
      <c r="D761" s="52" t="s">
        <v>86</v>
      </c>
      <c r="E761" s="52" t="s">
        <v>26</v>
      </c>
      <c r="F761" s="52" t="s">
        <v>81</v>
      </c>
      <c r="G761" s="52" t="s">
        <v>82</v>
      </c>
      <c r="H761" s="4">
        <v>1</v>
      </c>
      <c r="I761" s="2">
        <v>14.65</v>
      </c>
      <c r="J761" s="52" t="s">
        <v>3495</v>
      </c>
      <c r="K761" s="71" t="s">
        <v>3496</v>
      </c>
      <c r="L761" s="52" t="s">
        <v>2063</v>
      </c>
      <c r="M761" s="72">
        <v>7013</v>
      </c>
      <c r="N761" s="52" t="s">
        <v>2072</v>
      </c>
      <c r="O761" s="52" t="s">
        <v>2073</v>
      </c>
      <c r="P761" s="52"/>
      <c r="Q761" s="52"/>
      <c r="R761" s="52"/>
      <c r="S761" s="52"/>
      <c r="T761" s="52"/>
      <c r="U761" s="52"/>
      <c r="V761" s="52"/>
      <c r="W761" s="52"/>
    </row>
    <row r="762" spans="1:23" hidden="1" x14ac:dyDescent="0.35">
      <c r="A762" s="52" t="s">
        <v>78</v>
      </c>
      <c r="B762" s="52" t="s">
        <v>79</v>
      </c>
      <c r="C762" s="3">
        <v>10</v>
      </c>
      <c r="D762" s="52" t="s">
        <v>86</v>
      </c>
      <c r="E762" s="52" t="s">
        <v>26</v>
      </c>
      <c r="F762" s="52" t="s">
        <v>81</v>
      </c>
      <c r="G762" s="52" t="s">
        <v>82</v>
      </c>
      <c r="H762" s="4">
        <v>1</v>
      </c>
      <c r="I762" s="2">
        <v>14.65</v>
      </c>
      <c r="J762" s="52" t="s">
        <v>3497</v>
      </c>
      <c r="K762" s="71" t="s">
        <v>3498</v>
      </c>
      <c r="L762" s="52" t="s">
        <v>2063</v>
      </c>
      <c r="M762" s="72">
        <v>1925</v>
      </c>
      <c r="N762" s="52" t="s">
        <v>2066</v>
      </c>
      <c r="O762" s="52" t="s">
        <v>2067</v>
      </c>
      <c r="P762" s="52"/>
      <c r="Q762" s="52"/>
      <c r="R762" s="52"/>
      <c r="S762" s="52"/>
      <c r="T762" s="52"/>
      <c r="U762" s="52"/>
      <c r="V762" s="52"/>
      <c r="W762" s="52"/>
    </row>
    <row r="763" spans="1:23" hidden="1" x14ac:dyDescent="0.35">
      <c r="A763" s="52" t="s">
        <v>78</v>
      </c>
      <c r="B763" s="52" t="s">
        <v>79</v>
      </c>
      <c r="C763" s="3">
        <v>20</v>
      </c>
      <c r="D763" s="52" t="s">
        <v>2024</v>
      </c>
      <c r="E763" s="52" t="s">
        <v>26</v>
      </c>
      <c r="F763" s="52" t="s">
        <v>81</v>
      </c>
      <c r="G763" s="52" t="s">
        <v>82</v>
      </c>
      <c r="H763" s="4">
        <v>1</v>
      </c>
      <c r="I763" s="2">
        <v>14.65</v>
      </c>
      <c r="J763" s="52" t="s">
        <v>3499</v>
      </c>
      <c r="K763" s="71" t="s">
        <v>3500</v>
      </c>
      <c r="L763" s="52" t="s">
        <v>2063</v>
      </c>
      <c r="M763" s="72">
        <v>2764</v>
      </c>
      <c r="N763" s="52" t="s">
        <v>2072</v>
      </c>
      <c r="O763" s="52" t="s">
        <v>2073</v>
      </c>
      <c r="P763" s="52"/>
      <c r="Q763" s="52"/>
      <c r="R763" s="52"/>
      <c r="S763" s="52"/>
      <c r="T763" s="52"/>
      <c r="U763" s="52"/>
      <c r="V763" s="52"/>
      <c r="W763" s="52"/>
    </row>
    <row r="764" spans="1:23" hidden="1" x14ac:dyDescent="0.35">
      <c r="A764" s="52" t="s">
        <v>78</v>
      </c>
      <c r="B764" s="52" t="s">
        <v>79</v>
      </c>
      <c r="C764" s="3">
        <v>10</v>
      </c>
      <c r="D764" s="52" t="s">
        <v>86</v>
      </c>
      <c r="E764" s="52" t="s">
        <v>26</v>
      </c>
      <c r="F764" s="52" t="s">
        <v>81</v>
      </c>
      <c r="G764" s="52" t="s">
        <v>82</v>
      </c>
      <c r="H764" s="4">
        <v>1</v>
      </c>
      <c r="I764" s="2">
        <v>14.65</v>
      </c>
      <c r="J764" s="52" t="s">
        <v>2144</v>
      </c>
      <c r="K764" s="71" t="s">
        <v>3501</v>
      </c>
      <c r="L764" s="52" t="s">
        <v>2063</v>
      </c>
      <c r="M764" s="72">
        <v>6132</v>
      </c>
      <c r="N764" s="52"/>
      <c r="O764" s="52"/>
      <c r="P764" s="52"/>
      <c r="Q764" s="52"/>
      <c r="R764" s="52"/>
      <c r="S764" s="52"/>
      <c r="T764" s="52"/>
      <c r="U764" s="52"/>
      <c r="V764" s="52"/>
      <c r="W764" s="52"/>
    </row>
    <row r="765" spans="1:23" hidden="1" x14ac:dyDescent="0.35">
      <c r="A765" s="52" t="s">
        <v>78</v>
      </c>
      <c r="B765" s="52" t="s">
        <v>79</v>
      </c>
      <c r="C765" s="3">
        <v>20</v>
      </c>
      <c r="D765" s="52" t="s">
        <v>2023</v>
      </c>
      <c r="E765" s="52" t="s">
        <v>26</v>
      </c>
      <c r="F765" s="52" t="s">
        <v>81</v>
      </c>
      <c r="G765" s="52" t="s">
        <v>82</v>
      </c>
      <c r="H765" s="4">
        <v>1</v>
      </c>
      <c r="I765" s="2">
        <v>14.65</v>
      </c>
      <c r="J765" s="52" t="s">
        <v>3502</v>
      </c>
      <c r="K765" s="71" t="s">
        <v>3503</v>
      </c>
      <c r="L765" s="52" t="s">
        <v>2063</v>
      </c>
      <c r="M765" s="72">
        <v>6471</v>
      </c>
      <c r="N765" s="52" t="s">
        <v>2072</v>
      </c>
      <c r="O765" s="52" t="s">
        <v>2073</v>
      </c>
      <c r="P765" s="52"/>
      <c r="Q765" s="52"/>
      <c r="R765" s="52"/>
      <c r="S765" s="52"/>
      <c r="T765" s="52"/>
      <c r="U765" s="52"/>
      <c r="V765" s="52"/>
      <c r="W765" s="52"/>
    </row>
    <row r="766" spans="1:23" hidden="1" x14ac:dyDescent="0.35">
      <c r="A766" s="52" t="s">
        <v>78</v>
      </c>
      <c r="B766" s="52" t="s">
        <v>79</v>
      </c>
      <c r="C766" s="3">
        <v>20</v>
      </c>
      <c r="D766" s="52" t="s">
        <v>2020</v>
      </c>
      <c r="E766" s="52" t="s">
        <v>26</v>
      </c>
      <c r="F766" s="52" t="s">
        <v>81</v>
      </c>
      <c r="G766" s="52" t="s">
        <v>82</v>
      </c>
      <c r="H766" s="4">
        <v>1</v>
      </c>
      <c r="I766" s="2">
        <v>14.65</v>
      </c>
      <c r="J766" s="52" t="s">
        <v>3504</v>
      </c>
      <c r="K766" s="71" t="s">
        <v>3505</v>
      </c>
      <c r="L766" s="52" t="s">
        <v>2063</v>
      </c>
      <c r="M766" s="72">
        <v>9098</v>
      </c>
      <c r="N766" s="52" t="s">
        <v>2154</v>
      </c>
      <c r="O766" s="52" t="s">
        <v>2155</v>
      </c>
      <c r="P766" s="52"/>
      <c r="Q766" s="52"/>
      <c r="R766" s="52"/>
      <c r="S766" s="52"/>
      <c r="T766" s="52"/>
      <c r="U766" s="52"/>
      <c r="V766" s="52"/>
      <c r="W766" s="52"/>
    </row>
    <row r="767" spans="1:23" hidden="1" x14ac:dyDescent="0.35">
      <c r="A767" s="52" t="s">
        <v>78</v>
      </c>
      <c r="B767" s="52" t="s">
        <v>79</v>
      </c>
      <c r="C767" s="3">
        <v>20</v>
      </c>
      <c r="D767" s="52" t="s">
        <v>2021</v>
      </c>
      <c r="E767" s="52" t="s">
        <v>26</v>
      </c>
      <c r="F767" s="52" t="s">
        <v>81</v>
      </c>
      <c r="G767" s="52" t="s">
        <v>82</v>
      </c>
      <c r="H767" s="4">
        <v>1</v>
      </c>
      <c r="I767" s="2">
        <v>14.65</v>
      </c>
      <c r="J767" s="52" t="s">
        <v>3268</v>
      </c>
      <c r="K767" s="71" t="s">
        <v>3506</v>
      </c>
      <c r="L767" s="52" t="s">
        <v>2063</v>
      </c>
      <c r="M767" s="72">
        <v>2045</v>
      </c>
      <c r="N767" s="52" t="s">
        <v>2072</v>
      </c>
      <c r="O767" s="52" t="s">
        <v>2073</v>
      </c>
      <c r="P767" s="52"/>
      <c r="Q767" s="52"/>
      <c r="R767" s="52"/>
      <c r="S767" s="52"/>
      <c r="T767" s="52"/>
      <c r="U767" s="52"/>
      <c r="V767" s="52"/>
      <c r="W767" s="52"/>
    </row>
    <row r="768" spans="1:23" hidden="1" x14ac:dyDescent="0.35">
      <c r="A768" s="52" t="s">
        <v>78</v>
      </c>
      <c r="B768" s="52" t="s">
        <v>79</v>
      </c>
      <c r="C768" s="3">
        <v>20</v>
      </c>
      <c r="D768" s="52" t="s">
        <v>83</v>
      </c>
      <c r="E768" s="52" t="s">
        <v>26</v>
      </c>
      <c r="F768" s="52" t="s">
        <v>81</v>
      </c>
      <c r="G768" s="52" t="s">
        <v>82</v>
      </c>
      <c r="H768" s="4">
        <v>1</v>
      </c>
      <c r="I768" s="2">
        <v>14.65</v>
      </c>
      <c r="J768" s="52" t="s">
        <v>2804</v>
      </c>
      <c r="K768" s="71" t="s">
        <v>3507</v>
      </c>
      <c r="L768" s="52" t="s">
        <v>2063</v>
      </c>
      <c r="M768" s="72">
        <v>6664</v>
      </c>
      <c r="N768" s="52" t="s">
        <v>2066</v>
      </c>
      <c r="O768" s="52" t="s">
        <v>2067</v>
      </c>
      <c r="P768" s="52"/>
      <c r="Q768" s="52"/>
      <c r="R768" s="52"/>
      <c r="S768" s="52"/>
      <c r="T768" s="52"/>
      <c r="U768" s="52"/>
      <c r="V768" s="52"/>
      <c r="W768" s="52"/>
    </row>
    <row r="769" spans="1:23" hidden="1" x14ac:dyDescent="0.35">
      <c r="A769" s="52" t="s">
        <v>78</v>
      </c>
      <c r="B769" s="52" t="s">
        <v>79</v>
      </c>
      <c r="C769" s="3">
        <v>10</v>
      </c>
      <c r="D769" s="52" t="s">
        <v>2024</v>
      </c>
      <c r="E769" s="52" t="s">
        <v>26</v>
      </c>
      <c r="F769" s="52" t="s">
        <v>81</v>
      </c>
      <c r="G769" s="52" t="s">
        <v>82</v>
      </c>
      <c r="H769" s="4">
        <v>1</v>
      </c>
      <c r="I769" s="2">
        <v>14.65</v>
      </c>
      <c r="J769" s="52" t="s">
        <v>3508</v>
      </c>
      <c r="K769" s="71" t="s">
        <v>3509</v>
      </c>
      <c r="L769" s="52" t="s">
        <v>2063</v>
      </c>
      <c r="M769" s="72">
        <v>7626</v>
      </c>
      <c r="N769" s="52" t="s">
        <v>2072</v>
      </c>
      <c r="O769" s="52" t="s">
        <v>2073</v>
      </c>
      <c r="P769" s="52"/>
      <c r="Q769" s="52"/>
      <c r="R769" s="52"/>
      <c r="S769" s="52"/>
      <c r="T769" s="52"/>
      <c r="U769" s="52"/>
      <c r="V769" s="52"/>
      <c r="W769" s="52"/>
    </row>
    <row r="770" spans="1:23" hidden="1" x14ac:dyDescent="0.35">
      <c r="A770" s="52" t="s">
        <v>78</v>
      </c>
      <c r="B770" s="52" t="s">
        <v>79</v>
      </c>
      <c r="C770" s="3">
        <v>20</v>
      </c>
      <c r="D770" s="52" t="s">
        <v>80</v>
      </c>
      <c r="E770" s="52" t="s">
        <v>26</v>
      </c>
      <c r="F770" s="52" t="s">
        <v>81</v>
      </c>
      <c r="G770" s="52" t="s">
        <v>82</v>
      </c>
      <c r="H770" s="4">
        <v>1</v>
      </c>
      <c r="I770" s="2">
        <v>14.65</v>
      </c>
      <c r="J770" s="52" t="s">
        <v>2061</v>
      </c>
      <c r="K770" s="71" t="s">
        <v>3510</v>
      </c>
      <c r="L770" s="52" t="s">
        <v>2063</v>
      </c>
      <c r="M770" s="72">
        <v>4969</v>
      </c>
      <c r="N770" s="52"/>
      <c r="O770" s="52"/>
      <c r="P770" s="52"/>
      <c r="Q770" s="52"/>
      <c r="R770" s="52"/>
      <c r="S770" s="52"/>
      <c r="T770" s="52"/>
      <c r="U770" s="52"/>
      <c r="V770" s="52"/>
      <c r="W770" s="52"/>
    </row>
    <row r="771" spans="1:23" x14ac:dyDescent="0.35">
      <c r="A771" s="52" t="s">
        <v>78</v>
      </c>
      <c r="B771" s="52" t="s">
        <v>79</v>
      </c>
      <c r="C771" s="3">
        <v>10</v>
      </c>
      <c r="D771" s="52" t="s">
        <v>2021</v>
      </c>
      <c r="E771" s="52" t="s">
        <v>26</v>
      </c>
      <c r="F771" s="52" t="s">
        <v>81</v>
      </c>
      <c r="G771" s="52" t="s">
        <v>82</v>
      </c>
      <c r="H771" s="4">
        <v>1</v>
      </c>
      <c r="I771" s="2">
        <v>14.65</v>
      </c>
      <c r="J771" s="52" t="s">
        <v>3511</v>
      </c>
      <c r="K771" s="71" t="s">
        <v>3512</v>
      </c>
      <c r="L771" s="52" t="s">
        <v>2063</v>
      </c>
      <c r="M771" s="72">
        <v>5406</v>
      </c>
      <c r="N771" s="52" t="s">
        <v>2076</v>
      </c>
      <c r="O771" s="52" t="s">
        <v>2077</v>
      </c>
      <c r="P771" s="52"/>
      <c r="Q771" s="52"/>
      <c r="R771" s="52"/>
      <c r="S771" s="52"/>
      <c r="T771" s="52"/>
      <c r="U771" s="52"/>
      <c r="V771" s="52"/>
      <c r="W771" s="52"/>
    </row>
    <row r="772" spans="1:23" hidden="1" x14ac:dyDescent="0.35">
      <c r="A772" s="52" t="s">
        <v>78</v>
      </c>
      <c r="B772" s="52" t="s">
        <v>79</v>
      </c>
      <c r="C772" s="3">
        <v>20</v>
      </c>
      <c r="D772" s="52" t="s">
        <v>2019</v>
      </c>
      <c r="E772" s="52" t="s">
        <v>26</v>
      </c>
      <c r="F772" s="52" t="s">
        <v>81</v>
      </c>
      <c r="G772" s="52" t="s">
        <v>82</v>
      </c>
      <c r="H772" s="4">
        <v>1</v>
      </c>
      <c r="I772" s="2">
        <v>14.65</v>
      </c>
      <c r="J772" s="52" t="s">
        <v>3513</v>
      </c>
      <c r="K772" s="71" t="s">
        <v>3514</v>
      </c>
      <c r="L772" s="52" t="s">
        <v>2063</v>
      </c>
      <c r="M772" s="72">
        <v>8085</v>
      </c>
      <c r="N772" s="52" t="s">
        <v>2154</v>
      </c>
      <c r="O772" s="52" t="s">
        <v>2155</v>
      </c>
      <c r="P772" s="52"/>
      <c r="Q772" s="52"/>
      <c r="R772" s="52"/>
      <c r="S772" s="52"/>
      <c r="T772" s="52"/>
      <c r="U772" s="52"/>
      <c r="V772" s="52"/>
      <c r="W772" s="52"/>
    </row>
    <row r="773" spans="1:23" hidden="1" x14ac:dyDescent="0.35">
      <c r="A773" s="52" t="s">
        <v>78</v>
      </c>
      <c r="B773" s="52" t="s">
        <v>79</v>
      </c>
      <c r="C773" s="3">
        <v>10</v>
      </c>
      <c r="D773" s="52" t="s">
        <v>86</v>
      </c>
      <c r="E773" s="52" t="s">
        <v>26</v>
      </c>
      <c r="F773" s="52" t="s">
        <v>81</v>
      </c>
      <c r="G773" s="52" t="s">
        <v>82</v>
      </c>
      <c r="H773" s="4">
        <v>1</v>
      </c>
      <c r="I773" s="2">
        <v>14.65</v>
      </c>
      <c r="J773" s="52" t="s">
        <v>3047</v>
      </c>
      <c r="K773" s="71" t="s">
        <v>3515</v>
      </c>
      <c r="L773" s="52" t="s">
        <v>2063</v>
      </c>
      <c r="M773" s="72">
        <v>689</v>
      </c>
      <c r="N773" s="52" t="s">
        <v>2066</v>
      </c>
      <c r="O773" s="52" t="s">
        <v>2067</v>
      </c>
      <c r="P773" s="52"/>
      <c r="Q773" s="52"/>
      <c r="R773" s="52"/>
      <c r="S773" s="52"/>
      <c r="T773" s="52"/>
      <c r="U773" s="52"/>
      <c r="V773" s="52"/>
      <c r="W773" s="52"/>
    </row>
    <row r="774" spans="1:23" hidden="1" x14ac:dyDescent="0.35">
      <c r="A774" s="52" t="s">
        <v>78</v>
      </c>
      <c r="B774" s="52" t="s">
        <v>79</v>
      </c>
      <c r="C774" s="3">
        <v>10</v>
      </c>
      <c r="D774" s="52" t="s">
        <v>87</v>
      </c>
      <c r="E774" s="52" t="s">
        <v>26</v>
      </c>
      <c r="F774" s="52" t="s">
        <v>81</v>
      </c>
      <c r="G774" s="52" t="s">
        <v>82</v>
      </c>
      <c r="H774" s="4">
        <v>1</v>
      </c>
      <c r="I774" s="2">
        <v>14.65</v>
      </c>
      <c r="J774" s="52" t="s">
        <v>3516</v>
      </c>
      <c r="K774" s="71" t="s">
        <v>3517</v>
      </c>
      <c r="L774" s="52" t="s">
        <v>2095</v>
      </c>
      <c r="M774" s="72">
        <v>5123</v>
      </c>
      <c r="N774" s="52" t="s">
        <v>2066</v>
      </c>
      <c r="O774" s="52" t="s">
        <v>2067</v>
      </c>
      <c r="P774" s="52"/>
      <c r="Q774" s="52"/>
      <c r="R774" s="52"/>
      <c r="S774" s="52"/>
      <c r="T774" s="52"/>
      <c r="U774" s="52"/>
      <c r="V774" s="52"/>
      <c r="W774" s="52"/>
    </row>
    <row r="775" spans="1:23" hidden="1" x14ac:dyDescent="0.35">
      <c r="A775" s="52" t="s">
        <v>78</v>
      </c>
      <c r="B775" s="52" t="s">
        <v>79</v>
      </c>
      <c r="C775" s="3">
        <v>10</v>
      </c>
      <c r="D775" s="52" t="s">
        <v>87</v>
      </c>
      <c r="E775" s="52" t="s">
        <v>26</v>
      </c>
      <c r="F775" s="52" t="s">
        <v>81</v>
      </c>
      <c r="G775" s="52" t="s">
        <v>82</v>
      </c>
      <c r="H775" s="4">
        <v>1</v>
      </c>
      <c r="I775" s="2">
        <v>14.65</v>
      </c>
      <c r="J775" s="52" t="s">
        <v>3518</v>
      </c>
      <c r="K775" s="71" t="s">
        <v>3519</v>
      </c>
      <c r="L775" s="52" t="s">
        <v>2063</v>
      </c>
      <c r="M775" s="72">
        <v>896</v>
      </c>
      <c r="N775" s="52" t="s">
        <v>2072</v>
      </c>
      <c r="O775" s="52" t="s">
        <v>2073</v>
      </c>
      <c r="P775" s="52"/>
      <c r="Q775" s="52"/>
      <c r="R775" s="52"/>
      <c r="S775" s="52"/>
      <c r="T775" s="52"/>
      <c r="U775" s="52"/>
      <c r="V775" s="52"/>
      <c r="W775" s="52"/>
    </row>
    <row r="776" spans="1:23" hidden="1" x14ac:dyDescent="0.35">
      <c r="A776" s="52" t="s">
        <v>78</v>
      </c>
      <c r="B776" s="52" t="s">
        <v>79</v>
      </c>
      <c r="C776" s="3">
        <v>20</v>
      </c>
      <c r="D776" s="52" t="s">
        <v>2023</v>
      </c>
      <c r="E776" s="52" t="s">
        <v>26</v>
      </c>
      <c r="F776" s="52" t="s">
        <v>81</v>
      </c>
      <c r="G776" s="52" t="s">
        <v>82</v>
      </c>
      <c r="H776" s="4">
        <v>1</v>
      </c>
      <c r="I776" s="2">
        <v>14.65</v>
      </c>
      <c r="J776" s="52" t="s">
        <v>3520</v>
      </c>
      <c r="K776" s="71" t="s">
        <v>3521</v>
      </c>
      <c r="L776" s="52" t="s">
        <v>2063</v>
      </c>
      <c r="M776" s="72">
        <v>3492</v>
      </c>
      <c r="N776" s="52" t="s">
        <v>2066</v>
      </c>
      <c r="O776" s="52" t="s">
        <v>2067</v>
      </c>
      <c r="P776" s="52"/>
      <c r="Q776" s="52"/>
      <c r="R776" s="52"/>
      <c r="S776" s="52"/>
      <c r="T776" s="52"/>
      <c r="U776" s="52"/>
      <c r="V776" s="52"/>
      <c r="W776" s="52"/>
    </row>
    <row r="777" spans="1:23" x14ac:dyDescent="0.35">
      <c r="A777" s="52" t="s">
        <v>78</v>
      </c>
      <c r="B777" s="52" t="s">
        <v>79</v>
      </c>
      <c r="C777" s="3">
        <v>10</v>
      </c>
      <c r="D777" s="52" t="s">
        <v>2019</v>
      </c>
      <c r="E777" s="52" t="s">
        <v>26</v>
      </c>
      <c r="F777" s="52" t="s">
        <v>81</v>
      </c>
      <c r="G777" s="52" t="s">
        <v>82</v>
      </c>
      <c r="H777" s="4">
        <v>1</v>
      </c>
      <c r="I777" s="2">
        <v>14.65</v>
      </c>
      <c r="J777" s="52" t="s">
        <v>2491</v>
      </c>
      <c r="K777" s="71" t="s">
        <v>3522</v>
      </c>
      <c r="L777" s="52" t="s">
        <v>2063</v>
      </c>
      <c r="M777" s="72">
        <v>7537</v>
      </c>
      <c r="N777" s="52" t="s">
        <v>2076</v>
      </c>
      <c r="O777" s="52" t="s">
        <v>2077</v>
      </c>
      <c r="P777" s="52"/>
      <c r="Q777" s="52"/>
      <c r="R777" s="52"/>
      <c r="S777" s="52"/>
      <c r="T777" s="52"/>
      <c r="U777" s="52"/>
      <c r="V777" s="52"/>
      <c r="W777" s="52"/>
    </row>
    <row r="778" spans="1:23" hidden="1" x14ac:dyDescent="0.35">
      <c r="A778" s="52" t="s">
        <v>78</v>
      </c>
      <c r="B778" s="52" t="s">
        <v>79</v>
      </c>
      <c r="C778" s="3">
        <v>10</v>
      </c>
      <c r="D778" s="52" t="s">
        <v>84</v>
      </c>
      <c r="E778" s="52" t="s">
        <v>26</v>
      </c>
      <c r="F778" s="52" t="s">
        <v>81</v>
      </c>
      <c r="G778" s="52" t="s">
        <v>82</v>
      </c>
      <c r="H778" s="4">
        <v>1</v>
      </c>
      <c r="I778" s="2">
        <v>14.65</v>
      </c>
      <c r="J778" s="52" t="s">
        <v>3523</v>
      </c>
      <c r="K778" s="71" t="s">
        <v>3524</v>
      </c>
      <c r="L778" s="52" t="s">
        <v>2063</v>
      </c>
      <c r="M778" s="72">
        <v>5617</v>
      </c>
      <c r="N778" s="52"/>
      <c r="O778" s="52"/>
      <c r="P778" s="52"/>
      <c r="Q778" s="52"/>
      <c r="R778" s="52"/>
      <c r="S778" s="52"/>
      <c r="T778" s="52"/>
      <c r="U778" s="52"/>
      <c r="V778" s="52"/>
      <c r="W778" s="52"/>
    </row>
    <row r="779" spans="1:23" hidden="1" x14ac:dyDescent="0.35">
      <c r="A779" s="52" t="s">
        <v>78</v>
      </c>
      <c r="B779" s="52" t="s">
        <v>79</v>
      </c>
      <c r="C779" s="3">
        <v>10</v>
      </c>
      <c r="D779" s="52" t="s">
        <v>2019</v>
      </c>
      <c r="E779" s="52" t="s">
        <v>26</v>
      </c>
      <c r="F779" s="52" t="s">
        <v>81</v>
      </c>
      <c r="G779" s="52" t="s">
        <v>82</v>
      </c>
      <c r="H779" s="4">
        <v>1</v>
      </c>
      <c r="I779" s="2">
        <v>14.65</v>
      </c>
      <c r="J779" s="52" t="s">
        <v>3525</v>
      </c>
      <c r="K779" s="71" t="s">
        <v>3526</v>
      </c>
      <c r="L779" s="52" t="s">
        <v>2063</v>
      </c>
      <c r="M779" s="72">
        <v>5129</v>
      </c>
      <c r="N779" s="52" t="s">
        <v>2154</v>
      </c>
      <c r="O779" s="52" t="s">
        <v>2155</v>
      </c>
      <c r="P779" s="52"/>
      <c r="Q779" s="52"/>
      <c r="R779" s="52"/>
      <c r="S779" s="52"/>
      <c r="T779" s="52"/>
      <c r="U779" s="52"/>
      <c r="V779" s="52"/>
      <c r="W779" s="52"/>
    </row>
    <row r="780" spans="1:23" hidden="1" x14ac:dyDescent="0.35">
      <c r="A780" s="52" t="s">
        <v>78</v>
      </c>
      <c r="B780" s="52" t="s">
        <v>79</v>
      </c>
      <c r="C780" s="3">
        <v>10</v>
      </c>
      <c r="D780" s="52" t="s">
        <v>80</v>
      </c>
      <c r="E780" s="52" t="s">
        <v>26</v>
      </c>
      <c r="F780" s="52" t="s">
        <v>81</v>
      </c>
      <c r="G780" s="52" t="s">
        <v>82</v>
      </c>
      <c r="H780" s="4">
        <v>1</v>
      </c>
      <c r="I780" s="2">
        <v>14.65</v>
      </c>
      <c r="J780" s="52" t="s">
        <v>3527</v>
      </c>
      <c r="K780" s="71" t="s">
        <v>3528</v>
      </c>
      <c r="L780" s="52" t="s">
        <v>2063</v>
      </c>
      <c r="M780" s="72">
        <v>8132</v>
      </c>
      <c r="N780" s="52" t="s">
        <v>2154</v>
      </c>
      <c r="O780" s="52" t="s">
        <v>2155</v>
      </c>
      <c r="P780" s="52"/>
      <c r="Q780" s="52"/>
      <c r="R780" s="52"/>
      <c r="S780" s="52"/>
      <c r="T780" s="52"/>
      <c r="U780" s="52"/>
      <c r="V780" s="52"/>
      <c r="W780" s="52"/>
    </row>
    <row r="781" spans="1:23" hidden="1" x14ac:dyDescent="0.35">
      <c r="A781" s="52" t="s">
        <v>78</v>
      </c>
      <c r="B781" s="52" t="s">
        <v>79</v>
      </c>
      <c r="C781" s="3">
        <v>10</v>
      </c>
      <c r="D781" s="52" t="s">
        <v>2021</v>
      </c>
      <c r="E781" s="52" t="s">
        <v>26</v>
      </c>
      <c r="F781" s="52" t="s">
        <v>81</v>
      </c>
      <c r="G781" s="52" t="s">
        <v>82</v>
      </c>
      <c r="H781" s="4">
        <v>1</v>
      </c>
      <c r="I781" s="2">
        <v>14.65</v>
      </c>
      <c r="J781" s="52" t="s">
        <v>3529</v>
      </c>
      <c r="K781" s="71" t="s">
        <v>3530</v>
      </c>
      <c r="L781" s="52" t="s">
        <v>2063</v>
      </c>
      <c r="M781" s="72">
        <v>7096</v>
      </c>
      <c r="N781" s="52" t="s">
        <v>2304</v>
      </c>
      <c r="O781" s="52" t="s">
        <v>2305</v>
      </c>
      <c r="P781" s="52"/>
      <c r="Q781" s="52"/>
      <c r="R781" s="52"/>
      <c r="S781" s="52"/>
      <c r="T781" s="52"/>
      <c r="U781" s="52"/>
      <c r="V781" s="52"/>
      <c r="W781" s="52"/>
    </row>
    <row r="782" spans="1:23" hidden="1" x14ac:dyDescent="0.35">
      <c r="A782" s="52" t="s">
        <v>78</v>
      </c>
      <c r="B782" s="52" t="s">
        <v>79</v>
      </c>
      <c r="C782" s="3">
        <v>20</v>
      </c>
      <c r="D782" s="52" t="s">
        <v>80</v>
      </c>
      <c r="E782" s="52" t="s">
        <v>26</v>
      </c>
      <c r="F782" s="52" t="s">
        <v>81</v>
      </c>
      <c r="G782" s="52" t="s">
        <v>82</v>
      </c>
      <c r="H782" s="4">
        <v>1</v>
      </c>
      <c r="I782" s="2">
        <v>14.65</v>
      </c>
      <c r="J782" s="52" t="s">
        <v>3531</v>
      </c>
      <c r="K782" s="71" t="s">
        <v>3532</v>
      </c>
      <c r="L782" s="52" t="s">
        <v>2063</v>
      </c>
      <c r="M782" s="72">
        <v>6469</v>
      </c>
      <c r="N782" s="52" t="s">
        <v>2072</v>
      </c>
      <c r="O782" s="52" t="s">
        <v>2073</v>
      </c>
      <c r="P782" s="52"/>
      <c r="Q782" s="52"/>
      <c r="R782" s="52"/>
      <c r="S782" s="52"/>
      <c r="T782" s="52"/>
      <c r="U782" s="52"/>
      <c r="V782" s="52"/>
      <c r="W782" s="52"/>
    </row>
    <row r="783" spans="1:23" hidden="1" x14ac:dyDescent="0.35">
      <c r="A783" s="52" t="s">
        <v>78</v>
      </c>
      <c r="B783" s="52" t="s">
        <v>79</v>
      </c>
      <c r="C783" s="3">
        <v>20</v>
      </c>
      <c r="D783" s="52" t="s">
        <v>2020</v>
      </c>
      <c r="E783" s="52" t="s">
        <v>26</v>
      </c>
      <c r="F783" s="52" t="s">
        <v>81</v>
      </c>
      <c r="G783" s="52" t="s">
        <v>82</v>
      </c>
      <c r="H783" s="4">
        <v>1</v>
      </c>
      <c r="I783" s="2">
        <v>14.65</v>
      </c>
      <c r="J783" s="52" t="s">
        <v>2887</v>
      </c>
      <c r="K783" s="71" t="s">
        <v>3533</v>
      </c>
      <c r="L783" s="52" t="s">
        <v>2063</v>
      </c>
      <c r="M783" s="72">
        <v>9963</v>
      </c>
      <c r="N783" s="52" t="s">
        <v>2072</v>
      </c>
      <c r="O783" s="52" t="s">
        <v>2073</v>
      </c>
      <c r="P783" s="52"/>
      <c r="Q783" s="52"/>
      <c r="R783" s="52"/>
      <c r="S783" s="52"/>
      <c r="T783" s="52"/>
      <c r="U783" s="52"/>
      <c r="V783" s="52"/>
      <c r="W783" s="52"/>
    </row>
    <row r="784" spans="1:23" hidden="1" x14ac:dyDescent="0.35">
      <c r="A784" s="52" t="s">
        <v>78</v>
      </c>
      <c r="B784" s="52" t="s">
        <v>79</v>
      </c>
      <c r="C784" s="3">
        <v>20</v>
      </c>
      <c r="D784" s="52" t="s">
        <v>85</v>
      </c>
      <c r="E784" s="52" t="s">
        <v>26</v>
      </c>
      <c r="F784" s="52" t="s">
        <v>81</v>
      </c>
      <c r="G784" s="52" t="s">
        <v>82</v>
      </c>
      <c r="H784" s="4">
        <v>1</v>
      </c>
      <c r="I784" s="2">
        <v>14.65</v>
      </c>
      <c r="J784" s="52" t="s">
        <v>2189</v>
      </c>
      <c r="K784" s="71" t="s">
        <v>3534</v>
      </c>
      <c r="L784" s="52" t="s">
        <v>2063</v>
      </c>
      <c r="M784" s="72">
        <v>8478</v>
      </c>
      <c r="N784" s="52" t="s">
        <v>2066</v>
      </c>
      <c r="O784" s="52" t="s">
        <v>2067</v>
      </c>
      <c r="P784" s="52"/>
      <c r="Q784" s="52"/>
      <c r="R784" s="52"/>
      <c r="S784" s="52"/>
      <c r="T784" s="52"/>
      <c r="U784" s="52"/>
      <c r="V784" s="52"/>
      <c r="W784" s="52"/>
    </row>
    <row r="785" spans="1:23" hidden="1" x14ac:dyDescent="0.35">
      <c r="A785" s="52" t="s">
        <v>78</v>
      </c>
      <c r="B785" s="52" t="s">
        <v>79</v>
      </c>
      <c r="C785" s="3">
        <v>20</v>
      </c>
      <c r="D785" s="52" t="s">
        <v>2021</v>
      </c>
      <c r="E785" s="52" t="s">
        <v>26</v>
      </c>
      <c r="F785" s="52" t="s">
        <v>81</v>
      </c>
      <c r="G785" s="52" t="s">
        <v>82</v>
      </c>
      <c r="H785" s="4">
        <v>1</v>
      </c>
      <c r="I785" s="2">
        <v>14.65</v>
      </c>
      <c r="J785" s="52" t="s">
        <v>3535</v>
      </c>
      <c r="K785" s="71" t="s">
        <v>3536</v>
      </c>
      <c r="L785" s="52" t="s">
        <v>2063</v>
      </c>
      <c r="M785" s="72">
        <v>228</v>
      </c>
      <c r="N785" s="52" t="s">
        <v>2066</v>
      </c>
      <c r="O785" s="52" t="s">
        <v>2067</v>
      </c>
      <c r="P785" s="52"/>
      <c r="Q785" s="52"/>
      <c r="R785" s="52"/>
      <c r="S785" s="52"/>
      <c r="T785" s="52"/>
      <c r="U785" s="52"/>
      <c r="V785" s="52"/>
      <c r="W785" s="52"/>
    </row>
    <row r="786" spans="1:23" x14ac:dyDescent="0.35">
      <c r="A786" s="52" t="s">
        <v>78</v>
      </c>
      <c r="B786" s="52" t="s">
        <v>79</v>
      </c>
      <c r="C786" s="3">
        <v>20</v>
      </c>
      <c r="D786" s="52" t="s">
        <v>83</v>
      </c>
      <c r="E786" s="52" t="s">
        <v>26</v>
      </c>
      <c r="F786" s="52" t="s">
        <v>81</v>
      </c>
      <c r="G786" s="52" t="s">
        <v>82</v>
      </c>
      <c r="H786" s="4">
        <v>1</v>
      </c>
      <c r="I786" s="2">
        <v>14.65</v>
      </c>
      <c r="J786" s="52" t="s">
        <v>3537</v>
      </c>
      <c r="K786" s="71" t="s">
        <v>3538</v>
      </c>
      <c r="L786" s="52" t="s">
        <v>2063</v>
      </c>
      <c r="M786" s="72">
        <v>9394</v>
      </c>
      <c r="N786" s="52" t="s">
        <v>2259</v>
      </c>
      <c r="O786" s="52" t="s">
        <v>2260</v>
      </c>
      <c r="P786" s="52" t="s">
        <v>2158</v>
      </c>
      <c r="Q786" s="52" t="s">
        <v>2159</v>
      </c>
      <c r="R786" s="52"/>
      <c r="S786" s="52"/>
      <c r="T786" s="52"/>
      <c r="U786" s="52"/>
      <c r="V786" s="52"/>
      <c r="W786" s="52"/>
    </row>
    <row r="787" spans="1:23" hidden="1" x14ac:dyDescent="0.35">
      <c r="A787" s="52" t="s">
        <v>78</v>
      </c>
      <c r="B787" s="52" t="s">
        <v>79</v>
      </c>
      <c r="C787" s="3">
        <v>10</v>
      </c>
      <c r="D787" s="52" t="s">
        <v>85</v>
      </c>
      <c r="E787" s="52" t="s">
        <v>26</v>
      </c>
      <c r="F787" s="52" t="s">
        <v>81</v>
      </c>
      <c r="G787" s="52" t="s">
        <v>82</v>
      </c>
      <c r="H787" s="4">
        <v>1</v>
      </c>
      <c r="I787" s="2">
        <v>14.65</v>
      </c>
      <c r="J787" s="52" t="s">
        <v>3539</v>
      </c>
      <c r="K787" s="71" t="s">
        <v>3540</v>
      </c>
      <c r="L787" s="52" t="s">
        <v>2063</v>
      </c>
      <c r="M787" s="72">
        <v>8423</v>
      </c>
      <c r="N787" s="52" t="s">
        <v>2158</v>
      </c>
      <c r="O787" s="52" t="s">
        <v>2159</v>
      </c>
      <c r="P787" s="52"/>
      <c r="Q787" s="52"/>
      <c r="R787" s="52"/>
      <c r="S787" s="52"/>
      <c r="T787" s="52"/>
      <c r="U787" s="52"/>
      <c r="V787" s="52"/>
      <c r="W787" s="52"/>
    </row>
    <row r="788" spans="1:23" hidden="1" x14ac:dyDescent="0.35">
      <c r="A788" s="52" t="s">
        <v>78</v>
      </c>
      <c r="B788" s="52" t="s">
        <v>79</v>
      </c>
      <c r="C788" s="3">
        <v>10</v>
      </c>
      <c r="D788" s="52" t="s">
        <v>85</v>
      </c>
      <c r="E788" s="52" t="s">
        <v>26</v>
      </c>
      <c r="F788" s="52" t="s">
        <v>81</v>
      </c>
      <c r="G788" s="52" t="s">
        <v>82</v>
      </c>
      <c r="H788" s="4">
        <v>1</v>
      </c>
      <c r="I788" s="2">
        <v>14.65</v>
      </c>
      <c r="J788" s="52" t="s">
        <v>3541</v>
      </c>
      <c r="K788" s="71" t="s">
        <v>3542</v>
      </c>
      <c r="L788" s="52" t="s">
        <v>2063</v>
      </c>
      <c r="M788" s="72">
        <v>1153</v>
      </c>
      <c r="N788" s="52" t="s">
        <v>2072</v>
      </c>
      <c r="O788" s="52" t="s">
        <v>2073</v>
      </c>
      <c r="P788" s="52"/>
      <c r="Q788" s="52"/>
      <c r="R788" s="52"/>
      <c r="S788" s="52"/>
      <c r="T788" s="52"/>
      <c r="U788" s="52"/>
      <c r="V788" s="52"/>
      <c r="W788" s="52"/>
    </row>
    <row r="789" spans="1:23" hidden="1" x14ac:dyDescent="0.35">
      <c r="A789" s="52" t="s">
        <v>78</v>
      </c>
      <c r="B789" s="52" t="s">
        <v>79</v>
      </c>
      <c r="C789" s="3">
        <v>211</v>
      </c>
      <c r="D789" s="52" t="s">
        <v>83</v>
      </c>
      <c r="E789" s="52" t="s">
        <v>26</v>
      </c>
      <c r="F789" s="52" t="s">
        <v>81</v>
      </c>
      <c r="G789" s="52" t="s">
        <v>82</v>
      </c>
      <c r="H789" s="4">
        <v>1</v>
      </c>
      <c r="I789" s="2">
        <v>14.65</v>
      </c>
      <c r="J789" s="52" t="s">
        <v>3543</v>
      </c>
      <c r="K789" s="71" t="s">
        <v>3544</v>
      </c>
      <c r="L789" s="52" t="s">
        <v>2063</v>
      </c>
      <c r="M789" s="72">
        <v>440</v>
      </c>
      <c r="N789" s="52" t="s">
        <v>2072</v>
      </c>
      <c r="O789" s="52" t="s">
        <v>2073</v>
      </c>
      <c r="P789" s="52"/>
      <c r="Q789" s="52"/>
      <c r="R789" s="52"/>
      <c r="S789" s="52"/>
      <c r="T789" s="52"/>
      <c r="U789" s="52"/>
      <c r="V789" s="52"/>
      <c r="W789" s="52"/>
    </row>
    <row r="790" spans="1:23" hidden="1" x14ac:dyDescent="0.35">
      <c r="A790" s="52" t="s">
        <v>78</v>
      </c>
      <c r="B790" s="52" t="s">
        <v>79</v>
      </c>
      <c r="C790" s="3">
        <v>10</v>
      </c>
      <c r="D790" s="52" t="s">
        <v>2022</v>
      </c>
      <c r="E790" s="52" t="s">
        <v>26</v>
      </c>
      <c r="F790" s="52" t="s">
        <v>81</v>
      </c>
      <c r="G790" s="52" t="s">
        <v>82</v>
      </c>
      <c r="H790" s="4">
        <v>1</v>
      </c>
      <c r="I790" s="2">
        <v>14.65</v>
      </c>
      <c r="J790" s="52" t="s">
        <v>3545</v>
      </c>
      <c r="K790" s="71" t="s">
        <v>3546</v>
      </c>
      <c r="L790" s="52" t="s">
        <v>2063</v>
      </c>
      <c r="M790" s="72">
        <v>4223</v>
      </c>
      <c r="N790" s="52" t="s">
        <v>2158</v>
      </c>
      <c r="O790" s="52" t="s">
        <v>2159</v>
      </c>
      <c r="P790" s="52"/>
      <c r="Q790" s="52"/>
      <c r="R790" s="52"/>
      <c r="S790" s="52"/>
      <c r="T790" s="52"/>
      <c r="U790" s="52"/>
      <c r="V790" s="52"/>
      <c r="W790" s="52"/>
    </row>
    <row r="791" spans="1:23" hidden="1" x14ac:dyDescent="0.35">
      <c r="A791" s="52" t="s">
        <v>78</v>
      </c>
      <c r="B791" s="52" t="s">
        <v>79</v>
      </c>
      <c r="C791" s="3">
        <v>20</v>
      </c>
      <c r="D791" s="52" t="s">
        <v>2024</v>
      </c>
      <c r="E791" s="52" t="s">
        <v>26</v>
      </c>
      <c r="F791" s="52" t="s">
        <v>81</v>
      </c>
      <c r="G791" s="52" t="s">
        <v>82</v>
      </c>
      <c r="H791" s="4">
        <v>1</v>
      </c>
      <c r="I791" s="2">
        <v>14.65</v>
      </c>
      <c r="J791" s="52" t="s">
        <v>3547</v>
      </c>
      <c r="K791" s="71" t="s">
        <v>3548</v>
      </c>
      <c r="L791" s="52" t="s">
        <v>2063</v>
      </c>
      <c r="M791" s="72">
        <v>4095</v>
      </c>
      <c r="N791" s="52"/>
      <c r="O791" s="52"/>
      <c r="P791" s="52"/>
      <c r="Q791" s="52"/>
      <c r="R791" s="52"/>
      <c r="S791" s="52"/>
      <c r="T791" s="52"/>
      <c r="U791" s="52"/>
      <c r="V791" s="52"/>
      <c r="W791" s="52"/>
    </row>
    <row r="792" spans="1:23" hidden="1" x14ac:dyDescent="0.35">
      <c r="A792" s="52" t="s">
        <v>78</v>
      </c>
      <c r="B792" s="52" t="s">
        <v>79</v>
      </c>
      <c r="C792" s="3">
        <v>20</v>
      </c>
      <c r="D792" s="52" t="s">
        <v>2020</v>
      </c>
      <c r="E792" s="52" t="s">
        <v>26</v>
      </c>
      <c r="F792" s="52" t="s">
        <v>81</v>
      </c>
      <c r="G792" s="52" t="s">
        <v>82</v>
      </c>
      <c r="H792" s="4">
        <v>1</v>
      </c>
      <c r="I792" s="2">
        <v>14.65</v>
      </c>
      <c r="J792" s="52" t="s">
        <v>2339</v>
      </c>
      <c r="K792" s="71" t="s">
        <v>3549</v>
      </c>
      <c r="L792" s="52" t="s">
        <v>2063</v>
      </c>
      <c r="M792" s="72">
        <v>8912</v>
      </c>
      <c r="N792" s="52" t="s">
        <v>2072</v>
      </c>
      <c r="O792" s="52" t="s">
        <v>2073</v>
      </c>
      <c r="P792" s="52"/>
      <c r="Q792" s="52"/>
      <c r="R792" s="52"/>
      <c r="S792" s="52"/>
      <c r="T792" s="52"/>
      <c r="U792" s="52"/>
      <c r="V792" s="52"/>
      <c r="W792" s="52"/>
    </row>
    <row r="793" spans="1:23" hidden="1" x14ac:dyDescent="0.35">
      <c r="A793" s="52" t="s">
        <v>78</v>
      </c>
      <c r="B793" s="52" t="s">
        <v>79</v>
      </c>
      <c r="C793" s="3">
        <v>20</v>
      </c>
      <c r="D793" s="52" t="s">
        <v>80</v>
      </c>
      <c r="E793" s="52" t="s">
        <v>26</v>
      </c>
      <c r="F793" s="52" t="s">
        <v>81</v>
      </c>
      <c r="G793" s="52" t="s">
        <v>82</v>
      </c>
      <c r="H793" s="4">
        <v>1</v>
      </c>
      <c r="I793" s="2">
        <v>14.65</v>
      </c>
      <c r="J793" s="52" t="s">
        <v>2597</v>
      </c>
      <c r="K793" s="71" t="s">
        <v>3550</v>
      </c>
      <c r="L793" s="52" t="s">
        <v>2063</v>
      </c>
      <c r="M793" s="72">
        <v>2709</v>
      </c>
      <c r="N793" s="52" t="s">
        <v>2072</v>
      </c>
      <c r="O793" s="52" t="s">
        <v>2073</v>
      </c>
      <c r="P793" s="52"/>
      <c r="Q793" s="52"/>
      <c r="R793" s="52"/>
      <c r="S793" s="52"/>
      <c r="T793" s="52"/>
      <c r="U793" s="52"/>
      <c r="V793" s="52"/>
      <c r="W793" s="52"/>
    </row>
    <row r="794" spans="1:23" hidden="1" x14ac:dyDescent="0.35">
      <c r="A794" s="52" t="s">
        <v>78</v>
      </c>
      <c r="B794" s="52" t="s">
        <v>79</v>
      </c>
      <c r="C794" s="3">
        <v>10</v>
      </c>
      <c r="D794" s="52" t="s">
        <v>2023</v>
      </c>
      <c r="E794" s="52" t="s">
        <v>26</v>
      </c>
      <c r="F794" s="52" t="s">
        <v>81</v>
      </c>
      <c r="G794" s="52" t="s">
        <v>82</v>
      </c>
      <c r="H794" s="4">
        <v>1</v>
      </c>
      <c r="I794" s="2">
        <v>14.65</v>
      </c>
      <c r="J794" s="52" t="s">
        <v>2093</v>
      </c>
      <c r="K794" s="71" t="s">
        <v>3551</v>
      </c>
      <c r="L794" s="52" t="s">
        <v>2063</v>
      </c>
      <c r="M794" s="72">
        <v>4458</v>
      </c>
      <c r="N794" s="52" t="s">
        <v>2072</v>
      </c>
      <c r="O794" s="52" t="s">
        <v>2073</v>
      </c>
      <c r="P794" s="52"/>
      <c r="Q794" s="52"/>
      <c r="R794" s="52"/>
      <c r="S794" s="52"/>
      <c r="T794" s="52"/>
      <c r="U794" s="52"/>
      <c r="V794" s="52"/>
      <c r="W794" s="52"/>
    </row>
    <row r="795" spans="1:23" hidden="1" x14ac:dyDescent="0.35">
      <c r="A795" s="52" t="s">
        <v>78</v>
      </c>
      <c r="B795" s="52" t="s">
        <v>79</v>
      </c>
      <c r="C795" s="3">
        <v>20</v>
      </c>
      <c r="D795" s="52" t="s">
        <v>2019</v>
      </c>
      <c r="E795" s="52" t="s">
        <v>26</v>
      </c>
      <c r="F795" s="52" t="s">
        <v>81</v>
      </c>
      <c r="G795" s="52" t="s">
        <v>82</v>
      </c>
      <c r="H795" s="4">
        <v>1</v>
      </c>
      <c r="I795" s="2">
        <v>14.65</v>
      </c>
      <c r="J795" s="52" t="s">
        <v>3552</v>
      </c>
      <c r="K795" s="71" t="s">
        <v>3553</v>
      </c>
      <c r="L795" s="52" t="s">
        <v>2063</v>
      </c>
      <c r="M795" s="72">
        <v>8201</v>
      </c>
      <c r="N795" s="52" t="s">
        <v>2158</v>
      </c>
      <c r="O795" s="52" t="s">
        <v>2159</v>
      </c>
      <c r="P795" s="52"/>
      <c r="Q795" s="52"/>
      <c r="R795" s="52"/>
      <c r="S795" s="52"/>
      <c r="T795" s="52"/>
      <c r="U795" s="52"/>
      <c r="V795" s="52"/>
      <c r="W795" s="52"/>
    </row>
    <row r="796" spans="1:23" hidden="1" x14ac:dyDescent="0.35">
      <c r="A796" s="52" t="s">
        <v>78</v>
      </c>
      <c r="B796" s="52" t="s">
        <v>79</v>
      </c>
      <c r="C796" s="3">
        <v>10</v>
      </c>
      <c r="D796" s="52" t="s">
        <v>2023</v>
      </c>
      <c r="E796" s="52" t="s">
        <v>26</v>
      </c>
      <c r="F796" s="52" t="s">
        <v>81</v>
      </c>
      <c r="G796" s="52" t="s">
        <v>82</v>
      </c>
      <c r="H796" s="4">
        <v>1</v>
      </c>
      <c r="I796" s="2">
        <v>14.65</v>
      </c>
      <c r="J796" s="52" t="s">
        <v>2093</v>
      </c>
      <c r="K796" s="71" t="s">
        <v>3554</v>
      </c>
      <c r="L796" s="52" t="s">
        <v>2095</v>
      </c>
      <c r="M796" s="72">
        <v>4216</v>
      </c>
      <c r="N796" s="52" t="s">
        <v>2072</v>
      </c>
      <c r="O796" s="52" t="s">
        <v>2073</v>
      </c>
      <c r="P796" s="52"/>
      <c r="Q796" s="52"/>
      <c r="R796" s="52"/>
      <c r="S796" s="52"/>
      <c r="T796" s="52"/>
      <c r="U796" s="52"/>
      <c r="V796" s="52"/>
      <c r="W796" s="52"/>
    </row>
    <row r="797" spans="1:23" hidden="1" x14ac:dyDescent="0.35">
      <c r="A797" s="52" t="s">
        <v>78</v>
      </c>
      <c r="B797" s="52" t="s">
        <v>79</v>
      </c>
      <c r="C797" s="3">
        <v>10</v>
      </c>
      <c r="D797" s="52" t="s">
        <v>80</v>
      </c>
      <c r="E797" s="52" t="s">
        <v>26</v>
      </c>
      <c r="F797" s="52" t="s">
        <v>81</v>
      </c>
      <c r="G797" s="52" t="s">
        <v>82</v>
      </c>
      <c r="H797" s="4">
        <v>1</v>
      </c>
      <c r="I797" s="2">
        <v>14.65</v>
      </c>
      <c r="J797" s="52" t="s">
        <v>3555</v>
      </c>
      <c r="K797" s="71" t="s">
        <v>3556</v>
      </c>
      <c r="L797" s="52" t="s">
        <v>2063</v>
      </c>
      <c r="M797" s="72">
        <v>1279</v>
      </c>
      <c r="N797" s="52" t="s">
        <v>2066</v>
      </c>
      <c r="O797" s="52" t="s">
        <v>2067</v>
      </c>
      <c r="P797" s="52"/>
      <c r="Q797" s="52"/>
      <c r="R797" s="52"/>
      <c r="S797" s="52"/>
      <c r="T797" s="52"/>
      <c r="U797" s="52"/>
      <c r="V797" s="52"/>
      <c r="W797" s="52"/>
    </row>
    <row r="798" spans="1:23" hidden="1" x14ac:dyDescent="0.35">
      <c r="A798" s="52" t="s">
        <v>78</v>
      </c>
      <c r="B798" s="52" t="s">
        <v>79</v>
      </c>
      <c r="C798" s="3">
        <v>20</v>
      </c>
      <c r="D798" s="52" t="s">
        <v>2019</v>
      </c>
      <c r="E798" s="52" t="s">
        <v>26</v>
      </c>
      <c r="F798" s="52" t="s">
        <v>81</v>
      </c>
      <c r="G798" s="52" t="s">
        <v>82</v>
      </c>
      <c r="H798" s="4">
        <v>1</v>
      </c>
      <c r="I798" s="2">
        <v>14.65</v>
      </c>
      <c r="J798" s="52" t="s">
        <v>2244</v>
      </c>
      <c r="K798" s="71" t="s">
        <v>3557</v>
      </c>
      <c r="L798" s="52" t="s">
        <v>2095</v>
      </c>
      <c r="M798" s="72">
        <v>6748</v>
      </c>
      <c r="N798" s="52" t="s">
        <v>2066</v>
      </c>
      <c r="O798" s="52" t="s">
        <v>2067</v>
      </c>
      <c r="P798" s="52"/>
      <c r="Q798" s="52"/>
      <c r="R798" s="52"/>
      <c r="S798" s="52"/>
      <c r="T798" s="52"/>
      <c r="U798" s="52"/>
      <c r="V798" s="52"/>
      <c r="W798" s="52"/>
    </row>
    <row r="799" spans="1:23" hidden="1" x14ac:dyDescent="0.35">
      <c r="A799" s="52" t="s">
        <v>78</v>
      </c>
      <c r="B799" s="52" t="s">
        <v>79</v>
      </c>
      <c r="C799" s="3">
        <v>10</v>
      </c>
      <c r="D799" s="52" t="s">
        <v>83</v>
      </c>
      <c r="E799" s="52" t="s">
        <v>26</v>
      </c>
      <c r="F799" s="52" t="s">
        <v>81</v>
      </c>
      <c r="G799" s="52" t="s">
        <v>82</v>
      </c>
      <c r="H799" s="4">
        <v>1</v>
      </c>
      <c r="I799" s="2">
        <v>14.65</v>
      </c>
      <c r="J799" s="52" t="s">
        <v>2548</v>
      </c>
      <c r="K799" s="71" t="s">
        <v>3558</v>
      </c>
      <c r="L799" s="52" t="s">
        <v>2063</v>
      </c>
      <c r="M799" s="72">
        <v>5366</v>
      </c>
      <c r="N799" s="52" t="s">
        <v>2072</v>
      </c>
      <c r="O799" s="52" t="s">
        <v>2073</v>
      </c>
      <c r="P799" s="52"/>
      <c r="Q799" s="52"/>
      <c r="R799" s="52"/>
      <c r="S799" s="52"/>
      <c r="T799" s="52"/>
      <c r="U799" s="52"/>
      <c r="V799" s="52"/>
      <c r="W799" s="52"/>
    </row>
    <row r="800" spans="1:23" x14ac:dyDescent="0.35">
      <c r="A800" s="52" t="s">
        <v>78</v>
      </c>
      <c r="B800" s="52" t="s">
        <v>79</v>
      </c>
      <c r="C800" s="3">
        <v>20</v>
      </c>
      <c r="D800" s="52" t="s">
        <v>2021</v>
      </c>
      <c r="E800" s="52" t="s">
        <v>26</v>
      </c>
      <c r="F800" s="52" t="s">
        <v>81</v>
      </c>
      <c r="G800" s="52" t="s">
        <v>82</v>
      </c>
      <c r="H800" s="4">
        <v>1</v>
      </c>
      <c r="I800" s="2">
        <v>14.65</v>
      </c>
      <c r="J800" s="52" t="s">
        <v>3559</v>
      </c>
      <c r="K800" s="71" t="s">
        <v>3560</v>
      </c>
      <c r="L800" s="52" t="s">
        <v>2063</v>
      </c>
      <c r="M800" s="72">
        <v>395</v>
      </c>
      <c r="N800" s="52" t="s">
        <v>2076</v>
      </c>
      <c r="O800" s="52" t="s">
        <v>2077</v>
      </c>
      <c r="P800" s="52"/>
      <c r="Q800" s="52"/>
      <c r="R800" s="52"/>
      <c r="S800" s="52"/>
      <c r="T800" s="52"/>
      <c r="U800" s="52"/>
      <c r="V800" s="52"/>
      <c r="W800" s="52"/>
    </row>
    <row r="801" spans="1:23" x14ac:dyDescent="0.35">
      <c r="A801" s="52" t="s">
        <v>78</v>
      </c>
      <c r="B801" s="52" t="s">
        <v>79</v>
      </c>
      <c r="C801" s="3">
        <v>20</v>
      </c>
      <c r="D801" s="52" t="s">
        <v>87</v>
      </c>
      <c r="E801" s="52" t="s">
        <v>26</v>
      </c>
      <c r="F801" s="52" t="s">
        <v>81</v>
      </c>
      <c r="G801" s="52" t="s">
        <v>82</v>
      </c>
      <c r="H801" s="4">
        <v>1</v>
      </c>
      <c r="I801" s="2">
        <v>14.65</v>
      </c>
      <c r="J801" s="52" t="s">
        <v>3561</v>
      </c>
      <c r="K801" s="71" t="s">
        <v>3562</v>
      </c>
      <c r="L801" s="52" t="s">
        <v>2063</v>
      </c>
      <c r="M801" s="72">
        <v>4725</v>
      </c>
      <c r="N801" s="52" t="s">
        <v>2259</v>
      </c>
      <c r="O801" s="52" t="s">
        <v>2260</v>
      </c>
      <c r="P801" s="52"/>
      <c r="Q801" s="52"/>
      <c r="R801" s="52"/>
      <c r="S801" s="52"/>
      <c r="T801" s="52"/>
      <c r="U801" s="52"/>
      <c r="V801" s="52"/>
      <c r="W801" s="52"/>
    </row>
    <row r="802" spans="1:23" x14ac:dyDescent="0.35">
      <c r="A802" s="52" t="s">
        <v>78</v>
      </c>
      <c r="B802" s="52" t="s">
        <v>79</v>
      </c>
      <c r="C802" s="3">
        <v>20</v>
      </c>
      <c r="D802" s="52" t="s">
        <v>2024</v>
      </c>
      <c r="E802" s="52" t="s">
        <v>26</v>
      </c>
      <c r="F802" s="52" t="s">
        <v>81</v>
      </c>
      <c r="G802" s="52" t="s">
        <v>82</v>
      </c>
      <c r="H802" s="4">
        <v>1</v>
      </c>
      <c r="I802" s="2">
        <v>14.65</v>
      </c>
      <c r="J802" s="52" t="s">
        <v>2644</v>
      </c>
      <c r="K802" s="71" t="s">
        <v>3563</v>
      </c>
      <c r="L802" s="52" t="s">
        <v>2063</v>
      </c>
      <c r="M802" s="72">
        <v>6254</v>
      </c>
      <c r="N802" s="52" t="s">
        <v>2259</v>
      </c>
      <c r="O802" s="52" t="s">
        <v>2260</v>
      </c>
      <c r="P802" s="52"/>
      <c r="Q802" s="52"/>
      <c r="R802" s="52"/>
      <c r="S802" s="52"/>
      <c r="T802" s="52"/>
      <c r="U802" s="52"/>
      <c r="V802" s="52"/>
      <c r="W802" s="52"/>
    </row>
    <row r="803" spans="1:23" hidden="1" x14ac:dyDescent="0.35">
      <c r="A803" s="52" t="s">
        <v>78</v>
      </c>
      <c r="B803" s="52" t="s">
        <v>79</v>
      </c>
      <c r="C803" s="3">
        <v>230</v>
      </c>
      <c r="D803" s="52" t="s">
        <v>83</v>
      </c>
      <c r="E803" s="52" t="s">
        <v>26</v>
      </c>
      <c r="F803" s="52" t="s">
        <v>81</v>
      </c>
      <c r="G803" s="52" t="s">
        <v>82</v>
      </c>
      <c r="H803" s="4">
        <v>1</v>
      </c>
      <c r="I803" s="2">
        <v>14.65</v>
      </c>
      <c r="J803" s="52" t="s">
        <v>3564</v>
      </c>
      <c r="K803" s="71" t="s">
        <v>3565</v>
      </c>
      <c r="L803" s="52" t="s">
        <v>2063</v>
      </c>
      <c r="M803" s="72">
        <v>6667</v>
      </c>
      <c r="N803" s="52" t="s">
        <v>2154</v>
      </c>
      <c r="O803" s="52" t="s">
        <v>2155</v>
      </c>
      <c r="P803" s="52"/>
      <c r="Q803" s="52"/>
      <c r="R803" s="52"/>
      <c r="S803" s="52"/>
      <c r="T803" s="52"/>
      <c r="U803" s="52"/>
      <c r="V803" s="52"/>
      <c r="W803" s="52"/>
    </row>
    <row r="804" spans="1:23" hidden="1" x14ac:dyDescent="0.35">
      <c r="A804" s="52" t="s">
        <v>78</v>
      </c>
      <c r="B804" s="52" t="s">
        <v>79</v>
      </c>
      <c r="C804" s="3">
        <v>20</v>
      </c>
      <c r="D804" s="52" t="s">
        <v>80</v>
      </c>
      <c r="E804" s="52" t="s">
        <v>26</v>
      </c>
      <c r="F804" s="52" t="s">
        <v>81</v>
      </c>
      <c r="G804" s="52" t="s">
        <v>82</v>
      </c>
      <c r="H804" s="4">
        <v>1</v>
      </c>
      <c r="I804" s="2">
        <v>14.65</v>
      </c>
      <c r="J804" s="52" t="s">
        <v>2683</v>
      </c>
      <c r="K804" s="71" t="s">
        <v>3566</v>
      </c>
      <c r="L804" s="52" t="s">
        <v>2063</v>
      </c>
      <c r="M804" s="72">
        <v>7788</v>
      </c>
      <c r="N804" s="52" t="s">
        <v>2072</v>
      </c>
      <c r="O804" s="52" t="s">
        <v>2073</v>
      </c>
      <c r="P804" s="52"/>
      <c r="Q804" s="52"/>
      <c r="R804" s="52"/>
      <c r="S804" s="52"/>
      <c r="T804" s="52"/>
      <c r="U804" s="52"/>
      <c r="V804" s="52"/>
      <c r="W804" s="52"/>
    </row>
    <row r="805" spans="1:23" hidden="1" x14ac:dyDescent="0.35">
      <c r="A805" s="52" t="s">
        <v>78</v>
      </c>
      <c r="B805" s="52" t="s">
        <v>79</v>
      </c>
      <c r="C805" s="3">
        <v>10</v>
      </c>
      <c r="D805" s="52" t="s">
        <v>80</v>
      </c>
      <c r="E805" s="52" t="s">
        <v>26</v>
      </c>
      <c r="F805" s="52" t="s">
        <v>81</v>
      </c>
      <c r="G805" s="52" t="s">
        <v>82</v>
      </c>
      <c r="H805" s="4">
        <v>1</v>
      </c>
      <c r="I805" s="2">
        <v>14.65</v>
      </c>
      <c r="J805" s="52" t="s">
        <v>3541</v>
      </c>
      <c r="K805" s="71" t="s">
        <v>3567</v>
      </c>
      <c r="L805" s="52" t="s">
        <v>2063</v>
      </c>
      <c r="M805" s="72">
        <v>6869</v>
      </c>
      <c r="N805" s="52"/>
      <c r="O805" s="52"/>
      <c r="P805" s="52"/>
      <c r="Q805" s="52"/>
      <c r="R805" s="52"/>
      <c r="S805" s="52"/>
      <c r="T805" s="52"/>
      <c r="U805" s="52"/>
      <c r="V805" s="52"/>
      <c r="W805" s="52"/>
    </row>
    <row r="806" spans="1:23" hidden="1" x14ac:dyDescent="0.35">
      <c r="A806" s="52" t="s">
        <v>78</v>
      </c>
      <c r="B806" s="52" t="s">
        <v>79</v>
      </c>
      <c r="C806" s="3">
        <v>10</v>
      </c>
      <c r="D806" s="52" t="s">
        <v>2020</v>
      </c>
      <c r="E806" s="52" t="s">
        <v>26</v>
      </c>
      <c r="F806" s="52" t="s">
        <v>81</v>
      </c>
      <c r="G806" s="52" t="s">
        <v>82</v>
      </c>
      <c r="H806" s="4">
        <v>1</v>
      </c>
      <c r="I806" s="2">
        <v>14.65</v>
      </c>
      <c r="J806" s="52" t="s">
        <v>2400</v>
      </c>
      <c r="K806" s="71" t="s">
        <v>3568</v>
      </c>
      <c r="L806" s="52" t="s">
        <v>2063</v>
      </c>
      <c r="M806" s="72">
        <v>2183</v>
      </c>
      <c r="N806" s="52" t="s">
        <v>2072</v>
      </c>
      <c r="O806" s="52" t="s">
        <v>2073</v>
      </c>
      <c r="P806" s="52"/>
      <c r="Q806" s="52"/>
      <c r="R806" s="52"/>
      <c r="S806" s="52"/>
      <c r="T806" s="52"/>
      <c r="U806" s="52"/>
      <c r="V806" s="52"/>
      <c r="W806" s="52"/>
    </row>
    <row r="807" spans="1:23" hidden="1" x14ac:dyDescent="0.35">
      <c r="A807" s="52" t="s">
        <v>78</v>
      </c>
      <c r="B807" s="52" t="s">
        <v>79</v>
      </c>
      <c r="C807" s="3">
        <v>20</v>
      </c>
      <c r="D807" s="52" t="s">
        <v>2022</v>
      </c>
      <c r="E807" s="52" t="s">
        <v>26</v>
      </c>
      <c r="F807" s="52" t="s">
        <v>81</v>
      </c>
      <c r="G807" s="52" t="s">
        <v>82</v>
      </c>
      <c r="H807" s="4">
        <v>1</v>
      </c>
      <c r="I807" s="2">
        <v>14.65</v>
      </c>
      <c r="J807" s="52" t="s">
        <v>3170</v>
      </c>
      <c r="K807" s="71" t="s">
        <v>3569</v>
      </c>
      <c r="L807" s="52" t="s">
        <v>2063</v>
      </c>
      <c r="M807" s="72">
        <v>9334</v>
      </c>
      <c r="N807" s="52" t="s">
        <v>2072</v>
      </c>
      <c r="O807" s="52" t="s">
        <v>2073</v>
      </c>
      <c r="P807" s="52"/>
      <c r="Q807" s="52"/>
      <c r="R807" s="52"/>
      <c r="S807" s="52"/>
      <c r="T807" s="52"/>
      <c r="U807" s="52"/>
      <c r="V807" s="52"/>
      <c r="W807" s="52"/>
    </row>
    <row r="808" spans="1:23" x14ac:dyDescent="0.35">
      <c r="A808" s="52" t="s">
        <v>78</v>
      </c>
      <c r="B808" s="52" t="s">
        <v>79</v>
      </c>
      <c r="C808" s="3">
        <v>20</v>
      </c>
      <c r="D808" s="52" t="s">
        <v>83</v>
      </c>
      <c r="E808" s="52" t="s">
        <v>26</v>
      </c>
      <c r="F808" s="52" t="s">
        <v>81</v>
      </c>
      <c r="G808" s="52" t="s">
        <v>82</v>
      </c>
      <c r="H808" s="4">
        <v>1</v>
      </c>
      <c r="I808" s="2">
        <v>14.65</v>
      </c>
      <c r="J808" s="52" t="s">
        <v>3570</v>
      </c>
      <c r="K808" s="71" t="s">
        <v>3571</v>
      </c>
      <c r="L808" s="52" t="s">
        <v>2063</v>
      </c>
      <c r="M808" s="72">
        <v>1124</v>
      </c>
      <c r="N808" s="52" t="s">
        <v>2259</v>
      </c>
      <c r="O808" s="52" t="s">
        <v>2260</v>
      </c>
      <c r="P808" s="52"/>
      <c r="Q808" s="52"/>
      <c r="R808" s="52"/>
      <c r="S808" s="52"/>
      <c r="T808" s="52"/>
      <c r="U808" s="52"/>
      <c r="V808" s="52"/>
      <c r="W808" s="52"/>
    </row>
    <row r="809" spans="1:23" x14ac:dyDescent="0.35">
      <c r="A809" s="52" t="s">
        <v>78</v>
      </c>
      <c r="B809" s="52" t="s">
        <v>79</v>
      </c>
      <c r="C809" s="3">
        <v>20</v>
      </c>
      <c r="D809" s="52" t="s">
        <v>80</v>
      </c>
      <c r="E809" s="52" t="s">
        <v>26</v>
      </c>
      <c r="F809" s="52" t="s">
        <v>81</v>
      </c>
      <c r="G809" s="52" t="s">
        <v>82</v>
      </c>
      <c r="H809" s="4">
        <v>1</v>
      </c>
      <c r="I809" s="2">
        <v>14.65</v>
      </c>
      <c r="J809" s="52" t="s">
        <v>2644</v>
      </c>
      <c r="K809" s="71" t="s">
        <v>3572</v>
      </c>
      <c r="L809" s="52" t="s">
        <v>2063</v>
      </c>
      <c r="M809" s="72">
        <v>6007</v>
      </c>
      <c r="N809" s="52" t="s">
        <v>2259</v>
      </c>
      <c r="O809" s="52" t="s">
        <v>2260</v>
      </c>
      <c r="P809" s="52"/>
      <c r="Q809" s="52"/>
      <c r="R809" s="52"/>
      <c r="S809" s="52"/>
      <c r="T809" s="52"/>
      <c r="U809" s="52"/>
      <c r="V809" s="52"/>
      <c r="W809" s="52"/>
    </row>
    <row r="810" spans="1:23" x14ac:dyDescent="0.35">
      <c r="A810" s="52" t="s">
        <v>78</v>
      </c>
      <c r="B810" s="52" t="s">
        <v>79</v>
      </c>
      <c r="C810" s="3">
        <v>20</v>
      </c>
      <c r="D810" s="52" t="s">
        <v>2020</v>
      </c>
      <c r="E810" s="52" t="s">
        <v>26</v>
      </c>
      <c r="F810" s="52" t="s">
        <v>81</v>
      </c>
      <c r="G810" s="52" t="s">
        <v>82</v>
      </c>
      <c r="H810" s="4">
        <v>1</v>
      </c>
      <c r="I810" s="2">
        <v>14.65</v>
      </c>
      <c r="J810" s="52" t="s">
        <v>2148</v>
      </c>
      <c r="K810" s="71" t="s">
        <v>3573</v>
      </c>
      <c r="L810" s="52" t="s">
        <v>2063</v>
      </c>
      <c r="M810" s="72">
        <v>8587</v>
      </c>
      <c r="N810" s="52" t="s">
        <v>2259</v>
      </c>
      <c r="O810" s="52" t="s">
        <v>2260</v>
      </c>
      <c r="P810" s="52"/>
      <c r="Q810" s="52"/>
      <c r="R810" s="52"/>
      <c r="S810" s="52"/>
      <c r="T810" s="52"/>
      <c r="U810" s="52"/>
      <c r="V810" s="52"/>
      <c r="W810" s="52"/>
    </row>
    <row r="811" spans="1:23" hidden="1" x14ac:dyDescent="0.35">
      <c r="A811" s="52" t="s">
        <v>78</v>
      </c>
      <c r="B811" s="52" t="s">
        <v>79</v>
      </c>
      <c r="C811" s="3">
        <v>211</v>
      </c>
      <c r="D811" s="52" t="s">
        <v>84</v>
      </c>
      <c r="E811" s="52" t="s">
        <v>26</v>
      </c>
      <c r="F811" s="52" t="s">
        <v>81</v>
      </c>
      <c r="G811" s="52" t="s">
        <v>82</v>
      </c>
      <c r="H811" s="4">
        <v>1</v>
      </c>
      <c r="I811" s="2">
        <v>14.65</v>
      </c>
      <c r="J811" s="52" t="s">
        <v>2697</v>
      </c>
      <c r="K811" s="71" t="s">
        <v>3574</v>
      </c>
      <c r="L811" s="52" t="s">
        <v>2063</v>
      </c>
      <c r="M811" s="72">
        <v>8303</v>
      </c>
      <c r="N811" s="52" t="s">
        <v>2154</v>
      </c>
      <c r="O811" s="52" t="s">
        <v>2155</v>
      </c>
      <c r="P811" s="52"/>
      <c r="Q811" s="52"/>
      <c r="R811" s="52"/>
      <c r="S811" s="52"/>
      <c r="T811" s="52"/>
      <c r="U811" s="52"/>
      <c r="V811" s="52"/>
      <c r="W811" s="52"/>
    </row>
    <row r="812" spans="1:23" hidden="1" x14ac:dyDescent="0.35">
      <c r="A812" s="52" t="s">
        <v>78</v>
      </c>
      <c r="B812" s="52" t="s">
        <v>79</v>
      </c>
      <c r="C812" s="3">
        <v>20</v>
      </c>
      <c r="D812" s="52" t="s">
        <v>2021</v>
      </c>
      <c r="E812" s="52" t="s">
        <v>26</v>
      </c>
      <c r="F812" s="52" t="s">
        <v>81</v>
      </c>
      <c r="G812" s="52" t="s">
        <v>82</v>
      </c>
      <c r="H812" s="4">
        <v>1</v>
      </c>
      <c r="I812" s="2">
        <v>14.65</v>
      </c>
      <c r="J812" s="52" t="s">
        <v>3575</v>
      </c>
      <c r="K812" s="71" t="s">
        <v>3576</v>
      </c>
      <c r="L812" s="52" t="s">
        <v>2063</v>
      </c>
      <c r="M812" s="72">
        <v>7203</v>
      </c>
      <c r="N812" s="52" t="s">
        <v>2072</v>
      </c>
      <c r="O812" s="52" t="s">
        <v>2073</v>
      </c>
      <c r="P812" s="52"/>
      <c r="Q812" s="52"/>
      <c r="R812" s="52"/>
      <c r="S812" s="52"/>
      <c r="T812" s="52"/>
      <c r="U812" s="52"/>
      <c r="V812" s="52"/>
      <c r="W812" s="52"/>
    </row>
    <row r="813" spans="1:23" hidden="1" x14ac:dyDescent="0.35">
      <c r="A813" s="52" t="s">
        <v>78</v>
      </c>
      <c r="B813" s="52" t="s">
        <v>79</v>
      </c>
      <c r="C813" s="3">
        <v>20</v>
      </c>
      <c r="D813" s="52" t="s">
        <v>2021</v>
      </c>
      <c r="E813" s="52" t="s">
        <v>26</v>
      </c>
      <c r="F813" s="52" t="s">
        <v>81</v>
      </c>
      <c r="G813" s="52" t="s">
        <v>82</v>
      </c>
      <c r="H813" s="4">
        <v>1</v>
      </c>
      <c r="I813" s="2">
        <v>14.65</v>
      </c>
      <c r="J813" s="52" t="s">
        <v>3577</v>
      </c>
      <c r="K813" s="71" t="s">
        <v>3578</v>
      </c>
      <c r="L813" s="52" t="s">
        <v>2063</v>
      </c>
      <c r="M813" s="72">
        <v>6577</v>
      </c>
      <c r="N813" s="52"/>
      <c r="O813" s="52"/>
      <c r="P813" s="52"/>
      <c r="Q813" s="52"/>
      <c r="R813" s="52"/>
      <c r="S813" s="52"/>
      <c r="T813" s="52"/>
      <c r="U813" s="52"/>
      <c r="V813" s="52"/>
      <c r="W813" s="52"/>
    </row>
    <row r="814" spans="1:23" hidden="1" x14ac:dyDescent="0.35">
      <c r="A814" s="52" t="s">
        <v>78</v>
      </c>
      <c r="B814" s="52" t="s">
        <v>79</v>
      </c>
      <c r="C814" s="3">
        <v>230</v>
      </c>
      <c r="D814" s="52" t="s">
        <v>2021</v>
      </c>
      <c r="E814" s="52" t="s">
        <v>26</v>
      </c>
      <c r="F814" s="52" t="s">
        <v>81</v>
      </c>
      <c r="G814" s="52" t="s">
        <v>82</v>
      </c>
      <c r="H814" s="4">
        <v>1</v>
      </c>
      <c r="I814" s="2">
        <v>14.65</v>
      </c>
      <c r="J814" s="52" t="s">
        <v>3564</v>
      </c>
      <c r="K814" s="71" t="s">
        <v>3579</v>
      </c>
      <c r="L814" s="52" t="s">
        <v>2063</v>
      </c>
      <c r="M814" s="72">
        <v>1085</v>
      </c>
      <c r="N814" s="52" t="s">
        <v>3580</v>
      </c>
      <c r="O814" s="52" t="s">
        <v>3581</v>
      </c>
      <c r="P814" s="52"/>
      <c r="Q814" s="52"/>
      <c r="R814" s="52"/>
      <c r="S814" s="52"/>
      <c r="T814" s="52"/>
      <c r="U814" s="52"/>
      <c r="V814" s="52"/>
      <c r="W814" s="52"/>
    </row>
    <row r="815" spans="1:23" hidden="1" x14ac:dyDescent="0.35">
      <c r="A815" s="52" t="s">
        <v>78</v>
      </c>
      <c r="B815" s="52" t="s">
        <v>79</v>
      </c>
      <c r="C815" s="3">
        <v>20</v>
      </c>
      <c r="D815" s="52" t="s">
        <v>85</v>
      </c>
      <c r="E815" s="52" t="s">
        <v>26</v>
      </c>
      <c r="F815" s="52" t="s">
        <v>81</v>
      </c>
      <c r="G815" s="52" t="s">
        <v>82</v>
      </c>
      <c r="H815" s="4">
        <v>1</v>
      </c>
      <c r="I815" s="2">
        <v>14.65</v>
      </c>
      <c r="J815" s="52" t="s">
        <v>3582</v>
      </c>
      <c r="K815" s="71" t="s">
        <v>3583</v>
      </c>
      <c r="L815" s="52" t="s">
        <v>2063</v>
      </c>
      <c r="M815" s="72">
        <v>9080</v>
      </c>
      <c r="N815" s="52" t="s">
        <v>2072</v>
      </c>
      <c r="O815" s="52" t="s">
        <v>2073</v>
      </c>
      <c r="P815" s="52"/>
      <c r="Q815" s="52"/>
      <c r="R815" s="52"/>
      <c r="S815" s="52"/>
      <c r="T815" s="52"/>
      <c r="U815" s="52"/>
      <c r="V815" s="52"/>
      <c r="W815" s="52"/>
    </row>
    <row r="816" spans="1:23" hidden="1" x14ac:dyDescent="0.35">
      <c r="A816" s="52" t="s">
        <v>78</v>
      </c>
      <c r="B816" s="52" t="s">
        <v>79</v>
      </c>
      <c r="C816" s="3">
        <v>20</v>
      </c>
      <c r="D816" s="52" t="s">
        <v>84</v>
      </c>
      <c r="E816" s="52" t="s">
        <v>26</v>
      </c>
      <c r="F816" s="52" t="s">
        <v>81</v>
      </c>
      <c r="G816" s="52" t="s">
        <v>82</v>
      </c>
      <c r="H816" s="4">
        <v>1</v>
      </c>
      <c r="I816" s="2">
        <v>14.65</v>
      </c>
      <c r="J816" s="52" t="s">
        <v>3584</v>
      </c>
      <c r="K816" s="71" t="s">
        <v>3585</v>
      </c>
      <c r="L816" s="52" t="s">
        <v>2095</v>
      </c>
      <c r="M816" s="72">
        <v>5588</v>
      </c>
      <c r="N816" s="52" t="s">
        <v>2072</v>
      </c>
      <c r="O816" s="52" t="s">
        <v>2073</v>
      </c>
      <c r="P816" s="52"/>
      <c r="Q816" s="52"/>
      <c r="R816" s="52"/>
      <c r="S816" s="52"/>
      <c r="T816" s="52"/>
      <c r="U816" s="52"/>
      <c r="V816" s="52"/>
      <c r="W816" s="52"/>
    </row>
    <row r="817" spans="1:23" hidden="1" x14ac:dyDescent="0.35">
      <c r="A817" s="52" t="s">
        <v>78</v>
      </c>
      <c r="B817" s="52" t="s">
        <v>79</v>
      </c>
      <c r="C817" s="3">
        <v>212</v>
      </c>
      <c r="D817" s="52" t="s">
        <v>2022</v>
      </c>
      <c r="E817" s="52" t="s">
        <v>26</v>
      </c>
      <c r="F817" s="52" t="s">
        <v>81</v>
      </c>
      <c r="G817" s="52" t="s">
        <v>82</v>
      </c>
      <c r="H817" s="4">
        <v>1</v>
      </c>
      <c r="I817" s="2">
        <v>14.65</v>
      </c>
      <c r="J817" s="52" t="s">
        <v>3586</v>
      </c>
      <c r="K817" s="71" t="s">
        <v>3587</v>
      </c>
      <c r="L817" s="52" t="s">
        <v>2063</v>
      </c>
      <c r="M817" s="72">
        <v>4892</v>
      </c>
      <c r="N817" s="52" t="s">
        <v>2158</v>
      </c>
      <c r="O817" s="52" t="s">
        <v>2159</v>
      </c>
      <c r="P817" s="52"/>
      <c r="Q817" s="52"/>
      <c r="R817" s="52"/>
      <c r="S817" s="52"/>
      <c r="T817" s="52"/>
      <c r="U817" s="52"/>
      <c r="V817" s="52"/>
      <c r="W817" s="52"/>
    </row>
    <row r="818" spans="1:23" hidden="1" x14ac:dyDescent="0.35">
      <c r="A818" s="52" t="s">
        <v>78</v>
      </c>
      <c r="B818" s="52" t="s">
        <v>79</v>
      </c>
      <c r="C818" s="3">
        <v>211</v>
      </c>
      <c r="D818" s="52" t="s">
        <v>87</v>
      </c>
      <c r="E818" s="52" t="s">
        <v>26</v>
      </c>
      <c r="F818" s="52" t="s">
        <v>81</v>
      </c>
      <c r="G818" s="52" t="s">
        <v>82</v>
      </c>
      <c r="H818" s="4">
        <v>1</v>
      </c>
      <c r="I818" s="2">
        <v>14.65</v>
      </c>
      <c r="J818" s="52" t="s">
        <v>2669</v>
      </c>
      <c r="K818" s="71" t="s">
        <v>3588</v>
      </c>
      <c r="L818" s="52" t="s">
        <v>2063</v>
      </c>
      <c r="M818" s="72">
        <v>8030</v>
      </c>
      <c r="N818" s="52" t="s">
        <v>2072</v>
      </c>
      <c r="O818" s="52" t="s">
        <v>2073</v>
      </c>
      <c r="P818" s="52"/>
      <c r="Q818" s="52"/>
      <c r="R818" s="52"/>
      <c r="S818" s="52"/>
      <c r="T818" s="52"/>
      <c r="U818" s="52"/>
      <c r="V818" s="52"/>
      <c r="W818" s="52"/>
    </row>
    <row r="819" spans="1:23" hidden="1" x14ac:dyDescent="0.35">
      <c r="A819" s="52" t="s">
        <v>78</v>
      </c>
      <c r="B819" s="52" t="s">
        <v>79</v>
      </c>
      <c r="C819" s="3">
        <v>10</v>
      </c>
      <c r="D819" s="52" t="s">
        <v>84</v>
      </c>
      <c r="E819" s="52" t="s">
        <v>26</v>
      </c>
      <c r="F819" s="52" t="s">
        <v>81</v>
      </c>
      <c r="G819" s="52" t="s">
        <v>82</v>
      </c>
      <c r="H819" s="4">
        <v>1</v>
      </c>
      <c r="I819" s="2">
        <v>14.65</v>
      </c>
      <c r="J819" s="52" t="s">
        <v>3589</v>
      </c>
      <c r="K819" s="71" t="s">
        <v>3590</v>
      </c>
      <c r="L819" s="52" t="s">
        <v>2063</v>
      </c>
      <c r="M819" s="72">
        <v>4233</v>
      </c>
      <c r="N819" s="52" t="s">
        <v>2072</v>
      </c>
      <c r="O819" s="52" t="s">
        <v>2073</v>
      </c>
      <c r="P819" s="52"/>
      <c r="Q819" s="52"/>
      <c r="R819" s="52"/>
      <c r="S819" s="52"/>
      <c r="T819" s="52"/>
      <c r="U819" s="52"/>
      <c r="V819" s="52"/>
      <c r="W819" s="52"/>
    </row>
    <row r="820" spans="1:23" hidden="1" x14ac:dyDescent="0.35">
      <c r="A820" s="52" t="s">
        <v>78</v>
      </c>
      <c r="B820" s="52" t="s">
        <v>79</v>
      </c>
      <c r="C820" s="3">
        <v>20</v>
      </c>
      <c r="D820" s="52" t="s">
        <v>2022</v>
      </c>
      <c r="E820" s="52" t="s">
        <v>26</v>
      </c>
      <c r="F820" s="52" t="s">
        <v>81</v>
      </c>
      <c r="G820" s="52" t="s">
        <v>82</v>
      </c>
      <c r="H820" s="4">
        <v>1</v>
      </c>
      <c r="I820" s="2">
        <v>14.65</v>
      </c>
      <c r="J820" s="52" t="s">
        <v>3591</v>
      </c>
      <c r="K820" s="71" t="s">
        <v>3592</v>
      </c>
      <c r="L820" s="52" t="s">
        <v>2063</v>
      </c>
      <c r="M820" s="72">
        <v>287</v>
      </c>
      <c r="N820" s="52" t="s">
        <v>2158</v>
      </c>
      <c r="O820" s="52" t="s">
        <v>2159</v>
      </c>
      <c r="P820" s="52"/>
      <c r="Q820" s="52"/>
      <c r="R820" s="52"/>
      <c r="S820" s="52"/>
      <c r="T820" s="52"/>
      <c r="U820" s="52"/>
      <c r="V820" s="52"/>
      <c r="W820" s="52"/>
    </row>
    <row r="821" spans="1:23" hidden="1" x14ac:dyDescent="0.35">
      <c r="A821" s="52" t="s">
        <v>78</v>
      </c>
      <c r="B821" s="52" t="s">
        <v>79</v>
      </c>
      <c r="C821" s="3">
        <v>20</v>
      </c>
      <c r="D821" s="52" t="s">
        <v>83</v>
      </c>
      <c r="E821" s="52" t="s">
        <v>26</v>
      </c>
      <c r="F821" s="52" t="s">
        <v>81</v>
      </c>
      <c r="G821" s="52" t="s">
        <v>82</v>
      </c>
      <c r="H821" s="4">
        <v>1</v>
      </c>
      <c r="I821" s="2">
        <v>14.65</v>
      </c>
      <c r="J821" s="52" t="s">
        <v>3593</v>
      </c>
      <c r="K821" s="71" t="s">
        <v>3594</v>
      </c>
      <c r="L821" s="52" t="s">
        <v>2063</v>
      </c>
      <c r="M821" s="72">
        <v>3266</v>
      </c>
      <c r="N821" s="52" t="s">
        <v>2072</v>
      </c>
      <c r="O821" s="52" t="s">
        <v>2073</v>
      </c>
      <c r="P821" s="52"/>
      <c r="Q821" s="52"/>
      <c r="R821" s="52"/>
      <c r="S821" s="52"/>
      <c r="T821" s="52"/>
      <c r="U821" s="52"/>
      <c r="V821" s="52"/>
      <c r="W821" s="52"/>
    </row>
    <row r="822" spans="1:23" hidden="1" x14ac:dyDescent="0.35">
      <c r="A822" s="52" t="s">
        <v>78</v>
      </c>
      <c r="B822" s="52" t="s">
        <v>79</v>
      </c>
      <c r="C822" s="3">
        <v>211</v>
      </c>
      <c r="D822" s="52" t="s">
        <v>2021</v>
      </c>
      <c r="E822" s="52" t="s">
        <v>26</v>
      </c>
      <c r="F822" s="52" t="s">
        <v>81</v>
      </c>
      <c r="G822" s="52" t="s">
        <v>82</v>
      </c>
      <c r="H822" s="4">
        <v>1</v>
      </c>
      <c r="I822" s="2">
        <v>14.65</v>
      </c>
      <c r="J822" s="52" t="s">
        <v>3595</v>
      </c>
      <c r="K822" s="71" t="s">
        <v>3596</v>
      </c>
      <c r="L822" s="52" t="s">
        <v>2063</v>
      </c>
      <c r="M822" s="72">
        <v>2164</v>
      </c>
      <c r="N822" s="52" t="s">
        <v>2072</v>
      </c>
      <c r="O822" s="52" t="s">
        <v>2073</v>
      </c>
      <c r="P822" s="52"/>
      <c r="Q822" s="52"/>
      <c r="R822" s="52"/>
      <c r="S822" s="52"/>
      <c r="T822" s="52"/>
      <c r="U822" s="52"/>
      <c r="V822" s="52"/>
      <c r="W822" s="52"/>
    </row>
    <row r="823" spans="1:23" hidden="1" x14ac:dyDescent="0.35">
      <c r="A823" s="52" t="s">
        <v>78</v>
      </c>
      <c r="B823" s="52" t="s">
        <v>79</v>
      </c>
      <c r="C823" s="3">
        <v>20</v>
      </c>
      <c r="D823" s="52" t="s">
        <v>87</v>
      </c>
      <c r="E823" s="52" t="s">
        <v>26</v>
      </c>
      <c r="F823" s="52" t="s">
        <v>81</v>
      </c>
      <c r="G823" s="52" t="s">
        <v>82</v>
      </c>
      <c r="H823" s="4">
        <v>1</v>
      </c>
      <c r="I823" s="2">
        <v>14.65</v>
      </c>
      <c r="J823" s="52" t="s">
        <v>3597</v>
      </c>
      <c r="K823" s="71" t="s">
        <v>3598</v>
      </c>
      <c r="L823" s="52" t="s">
        <v>2063</v>
      </c>
      <c r="M823" s="72">
        <v>9770</v>
      </c>
      <c r="N823" s="52" t="s">
        <v>2072</v>
      </c>
      <c r="O823" s="52" t="s">
        <v>2073</v>
      </c>
      <c r="P823" s="52"/>
      <c r="Q823" s="52"/>
      <c r="R823" s="52"/>
      <c r="S823" s="52"/>
      <c r="T823" s="52"/>
      <c r="U823" s="52"/>
      <c r="V823" s="52"/>
      <c r="W823" s="52"/>
    </row>
    <row r="824" spans="1:23" hidden="1" x14ac:dyDescent="0.35">
      <c r="A824" s="52" t="s">
        <v>78</v>
      </c>
      <c r="B824" s="52" t="s">
        <v>79</v>
      </c>
      <c r="C824" s="3">
        <v>10</v>
      </c>
      <c r="D824" s="52" t="s">
        <v>84</v>
      </c>
      <c r="E824" s="52" t="s">
        <v>26</v>
      </c>
      <c r="F824" s="52" t="s">
        <v>81</v>
      </c>
      <c r="G824" s="52" t="s">
        <v>82</v>
      </c>
      <c r="H824" s="4">
        <v>1</v>
      </c>
      <c r="I824" s="2">
        <v>14.65</v>
      </c>
      <c r="J824" s="52" t="s">
        <v>3599</v>
      </c>
      <c r="K824" s="71" t="s">
        <v>3600</v>
      </c>
      <c r="L824" s="52" t="s">
        <v>2063</v>
      </c>
      <c r="M824" s="72">
        <v>8142</v>
      </c>
      <c r="N824" s="52" t="s">
        <v>2072</v>
      </c>
      <c r="O824" s="52" t="s">
        <v>2073</v>
      </c>
      <c r="P824" s="52"/>
      <c r="Q824" s="52"/>
      <c r="R824" s="52"/>
      <c r="S824" s="52"/>
      <c r="T824" s="52"/>
      <c r="U824" s="52"/>
      <c r="V824" s="52"/>
      <c r="W824" s="52"/>
    </row>
    <row r="825" spans="1:23" hidden="1" x14ac:dyDescent="0.35">
      <c r="A825" s="52" t="s">
        <v>78</v>
      </c>
      <c r="B825" s="52" t="s">
        <v>79</v>
      </c>
      <c r="C825" s="3">
        <v>212</v>
      </c>
      <c r="D825" s="52" t="s">
        <v>2019</v>
      </c>
      <c r="E825" s="52" t="s">
        <v>26</v>
      </c>
      <c r="F825" s="52" t="s">
        <v>81</v>
      </c>
      <c r="G825" s="52" t="s">
        <v>82</v>
      </c>
      <c r="H825" s="4">
        <v>1</v>
      </c>
      <c r="I825" s="2">
        <v>14.65</v>
      </c>
      <c r="J825" s="52" t="s">
        <v>3601</v>
      </c>
      <c r="K825" s="71" t="s">
        <v>3602</v>
      </c>
      <c r="L825" s="52" t="s">
        <v>2063</v>
      </c>
      <c r="M825" s="72">
        <v>4403</v>
      </c>
      <c r="N825" s="52" t="s">
        <v>2154</v>
      </c>
      <c r="O825" s="52" t="s">
        <v>2155</v>
      </c>
      <c r="P825" s="52"/>
      <c r="Q825" s="52"/>
      <c r="R825" s="52"/>
      <c r="S825" s="52"/>
      <c r="T825" s="52"/>
      <c r="U825" s="52"/>
      <c r="V825" s="52"/>
      <c r="W825" s="52"/>
    </row>
    <row r="826" spans="1:23" hidden="1" x14ac:dyDescent="0.35">
      <c r="A826" s="52" t="s">
        <v>78</v>
      </c>
      <c r="B826" s="52" t="s">
        <v>79</v>
      </c>
      <c r="C826" s="3">
        <v>20</v>
      </c>
      <c r="D826" s="52" t="s">
        <v>86</v>
      </c>
      <c r="E826" s="52" t="s">
        <v>26</v>
      </c>
      <c r="F826" s="52" t="s">
        <v>81</v>
      </c>
      <c r="G826" s="52" t="s">
        <v>82</v>
      </c>
      <c r="H826" s="4">
        <v>1</v>
      </c>
      <c r="I826" s="2">
        <v>14.65</v>
      </c>
      <c r="J826" s="52" t="s">
        <v>3603</v>
      </c>
      <c r="K826" s="71" t="s">
        <v>3604</v>
      </c>
      <c r="L826" s="52" t="s">
        <v>2063</v>
      </c>
      <c r="M826" s="72">
        <v>3848</v>
      </c>
      <c r="N826" s="52" t="s">
        <v>2066</v>
      </c>
      <c r="O826" s="52" t="s">
        <v>2067</v>
      </c>
      <c r="P826" s="52"/>
      <c r="Q826" s="52"/>
      <c r="R826" s="52"/>
      <c r="S826" s="52"/>
      <c r="T826" s="52"/>
      <c r="U826" s="52"/>
      <c r="V826" s="52"/>
      <c r="W826" s="52"/>
    </row>
    <row r="827" spans="1:23" hidden="1" x14ac:dyDescent="0.35">
      <c r="A827" s="52" t="s">
        <v>78</v>
      </c>
      <c r="B827" s="52" t="s">
        <v>79</v>
      </c>
      <c r="C827" s="3">
        <v>10</v>
      </c>
      <c r="D827" s="52" t="s">
        <v>2024</v>
      </c>
      <c r="E827" s="52" t="s">
        <v>26</v>
      </c>
      <c r="F827" s="52" t="s">
        <v>81</v>
      </c>
      <c r="G827" s="52" t="s">
        <v>82</v>
      </c>
      <c r="H827" s="4">
        <v>1</v>
      </c>
      <c r="I827" s="2">
        <v>14.65</v>
      </c>
      <c r="J827" s="52" t="s">
        <v>3605</v>
      </c>
      <c r="K827" s="71" t="s">
        <v>3606</v>
      </c>
      <c r="L827" s="52" t="s">
        <v>2063</v>
      </c>
      <c r="M827" s="72">
        <v>3592</v>
      </c>
      <c r="N827" s="52" t="s">
        <v>2072</v>
      </c>
      <c r="O827" s="52" t="s">
        <v>2073</v>
      </c>
      <c r="P827" s="52"/>
      <c r="Q827" s="52"/>
      <c r="R827" s="52"/>
      <c r="S827" s="52"/>
      <c r="T827" s="52"/>
      <c r="U827" s="52"/>
      <c r="V827" s="52"/>
      <c r="W827" s="52"/>
    </row>
    <row r="828" spans="1:23" hidden="1" x14ac:dyDescent="0.35">
      <c r="A828" s="52" t="s">
        <v>78</v>
      </c>
      <c r="B828" s="52" t="s">
        <v>79</v>
      </c>
      <c r="C828" s="3">
        <v>20</v>
      </c>
      <c r="D828" s="52" t="s">
        <v>84</v>
      </c>
      <c r="E828" s="52" t="s">
        <v>26</v>
      </c>
      <c r="F828" s="52" t="s">
        <v>81</v>
      </c>
      <c r="G828" s="52" t="s">
        <v>82</v>
      </c>
      <c r="H828" s="4">
        <v>1</v>
      </c>
      <c r="I828" s="2">
        <v>14.65</v>
      </c>
      <c r="J828" s="52" t="s">
        <v>3607</v>
      </c>
      <c r="K828" s="71" t="s">
        <v>3608</v>
      </c>
      <c r="L828" s="52" t="s">
        <v>2063</v>
      </c>
      <c r="M828" s="72">
        <v>652</v>
      </c>
      <c r="N828" s="52"/>
      <c r="O828" s="52"/>
      <c r="P828" s="52"/>
      <c r="Q828" s="52"/>
      <c r="R828" s="52"/>
      <c r="S828" s="52"/>
      <c r="T828" s="52"/>
      <c r="U828" s="52"/>
      <c r="V828" s="52"/>
      <c r="W828" s="52"/>
    </row>
    <row r="829" spans="1:23" hidden="1" x14ac:dyDescent="0.35">
      <c r="A829" s="52" t="s">
        <v>78</v>
      </c>
      <c r="B829" s="52" t="s">
        <v>79</v>
      </c>
      <c r="C829" s="3">
        <v>10</v>
      </c>
      <c r="D829" s="52" t="s">
        <v>2019</v>
      </c>
      <c r="E829" s="52" t="s">
        <v>26</v>
      </c>
      <c r="F829" s="52" t="s">
        <v>81</v>
      </c>
      <c r="G829" s="52" t="s">
        <v>82</v>
      </c>
      <c r="H829" s="4">
        <v>1</v>
      </c>
      <c r="I829" s="2">
        <v>14.65</v>
      </c>
      <c r="J829" s="52" t="s">
        <v>3609</v>
      </c>
      <c r="K829" s="71" t="s">
        <v>3610</v>
      </c>
      <c r="L829" s="52" t="s">
        <v>2063</v>
      </c>
      <c r="M829" s="72">
        <v>9028</v>
      </c>
      <c r="N829" s="52" t="s">
        <v>2158</v>
      </c>
      <c r="O829" s="52" t="s">
        <v>2159</v>
      </c>
      <c r="P829" s="52"/>
      <c r="Q829" s="52"/>
      <c r="R829" s="52"/>
      <c r="S829" s="52"/>
      <c r="T829" s="52"/>
      <c r="U829" s="52"/>
      <c r="V829" s="52"/>
      <c r="W829" s="52"/>
    </row>
    <row r="830" spans="1:23" hidden="1" x14ac:dyDescent="0.35">
      <c r="A830" s="52" t="s">
        <v>78</v>
      </c>
      <c r="B830" s="52" t="s">
        <v>79</v>
      </c>
      <c r="C830" s="3">
        <v>10</v>
      </c>
      <c r="D830" s="52" t="s">
        <v>87</v>
      </c>
      <c r="E830" s="52" t="s">
        <v>26</v>
      </c>
      <c r="F830" s="52" t="s">
        <v>81</v>
      </c>
      <c r="G830" s="52" t="s">
        <v>82</v>
      </c>
      <c r="H830" s="4">
        <v>1</v>
      </c>
      <c r="I830" s="2">
        <v>14.65</v>
      </c>
      <c r="J830" s="52" t="s">
        <v>3611</v>
      </c>
      <c r="K830" s="71" t="s">
        <v>3612</v>
      </c>
      <c r="L830" s="52" t="s">
        <v>2063</v>
      </c>
      <c r="M830" s="72">
        <v>8840</v>
      </c>
      <c r="N830" s="52" t="s">
        <v>2066</v>
      </c>
      <c r="O830" s="52" t="s">
        <v>2067</v>
      </c>
      <c r="P830" s="52"/>
      <c r="Q830" s="52"/>
      <c r="R830" s="52"/>
      <c r="S830" s="52"/>
      <c r="T830" s="52"/>
      <c r="U830" s="52"/>
      <c r="V830" s="52"/>
      <c r="W830" s="52"/>
    </row>
    <row r="831" spans="1:23" hidden="1" x14ac:dyDescent="0.35">
      <c r="A831" s="52" t="s">
        <v>78</v>
      </c>
      <c r="B831" s="52" t="s">
        <v>79</v>
      </c>
      <c r="C831" s="3">
        <v>212</v>
      </c>
      <c r="D831" s="52" t="s">
        <v>2023</v>
      </c>
      <c r="E831" s="52" t="s">
        <v>26</v>
      </c>
      <c r="F831" s="52" t="s">
        <v>81</v>
      </c>
      <c r="G831" s="52" t="s">
        <v>82</v>
      </c>
      <c r="H831" s="4">
        <v>1</v>
      </c>
      <c r="I831" s="2">
        <v>14.65</v>
      </c>
      <c r="J831" s="52" t="s">
        <v>3613</v>
      </c>
      <c r="K831" s="71" t="s">
        <v>3614</v>
      </c>
      <c r="L831" s="52" t="s">
        <v>2063</v>
      </c>
      <c r="M831" s="72">
        <v>6592</v>
      </c>
      <c r="N831" s="52" t="s">
        <v>2072</v>
      </c>
      <c r="O831" s="52" t="s">
        <v>2073</v>
      </c>
      <c r="P831" s="52" t="s">
        <v>2076</v>
      </c>
      <c r="Q831" s="52" t="s">
        <v>2077</v>
      </c>
      <c r="R831" s="52"/>
      <c r="S831" s="52"/>
      <c r="T831" s="52"/>
      <c r="U831" s="52"/>
      <c r="V831" s="52"/>
      <c r="W831" s="52"/>
    </row>
    <row r="832" spans="1:23" hidden="1" x14ac:dyDescent="0.35">
      <c r="A832" s="52" t="s">
        <v>78</v>
      </c>
      <c r="B832" s="52" t="s">
        <v>79</v>
      </c>
      <c r="C832" s="3">
        <v>20</v>
      </c>
      <c r="D832" s="52" t="s">
        <v>2021</v>
      </c>
      <c r="E832" s="52" t="s">
        <v>26</v>
      </c>
      <c r="F832" s="52" t="s">
        <v>81</v>
      </c>
      <c r="G832" s="52" t="s">
        <v>82</v>
      </c>
      <c r="H832" s="4">
        <v>1</v>
      </c>
      <c r="I832" s="2">
        <v>14.65</v>
      </c>
      <c r="J832" s="52" t="s">
        <v>3615</v>
      </c>
      <c r="K832" s="71" t="s">
        <v>3616</v>
      </c>
      <c r="L832" s="52" t="s">
        <v>2063</v>
      </c>
      <c r="M832" s="72">
        <v>9691</v>
      </c>
      <c r="N832" s="52" t="s">
        <v>2072</v>
      </c>
      <c r="O832" s="52" t="s">
        <v>2073</v>
      </c>
      <c r="P832" s="52"/>
      <c r="Q832" s="52"/>
      <c r="R832" s="52"/>
      <c r="S832" s="52"/>
      <c r="T832" s="52"/>
      <c r="U832" s="52"/>
      <c r="V832" s="52"/>
      <c r="W832" s="52"/>
    </row>
    <row r="833" spans="1:23" hidden="1" x14ac:dyDescent="0.35">
      <c r="A833" s="52" t="s">
        <v>78</v>
      </c>
      <c r="B833" s="52" t="s">
        <v>79</v>
      </c>
      <c r="C833" s="3">
        <v>10</v>
      </c>
      <c r="D833" s="52" t="s">
        <v>85</v>
      </c>
      <c r="E833" s="52" t="s">
        <v>26</v>
      </c>
      <c r="F833" s="52" t="s">
        <v>81</v>
      </c>
      <c r="G833" s="52" t="s">
        <v>82</v>
      </c>
      <c r="H833" s="4">
        <v>1</v>
      </c>
      <c r="I833" s="2">
        <v>14.65</v>
      </c>
      <c r="J833" s="52" t="s">
        <v>3617</v>
      </c>
      <c r="K833" s="71" t="s">
        <v>3618</v>
      </c>
      <c r="L833" s="52" t="s">
        <v>2063</v>
      </c>
      <c r="M833" s="72">
        <v>4523</v>
      </c>
      <c r="N833" s="52" t="s">
        <v>2066</v>
      </c>
      <c r="O833" s="52" t="s">
        <v>2067</v>
      </c>
      <c r="P833" s="52"/>
      <c r="Q833" s="52"/>
      <c r="R833" s="52"/>
      <c r="S833" s="52"/>
      <c r="T833" s="52"/>
      <c r="U833" s="52"/>
      <c r="V833" s="52"/>
      <c r="W833" s="52"/>
    </row>
    <row r="834" spans="1:23" hidden="1" x14ac:dyDescent="0.35">
      <c r="A834" s="52" t="s">
        <v>78</v>
      </c>
      <c r="B834" s="52" t="s">
        <v>79</v>
      </c>
      <c r="C834" s="3">
        <v>10</v>
      </c>
      <c r="D834" s="52" t="s">
        <v>86</v>
      </c>
      <c r="E834" s="52" t="s">
        <v>26</v>
      </c>
      <c r="F834" s="52" t="s">
        <v>81</v>
      </c>
      <c r="G834" s="52" t="s">
        <v>82</v>
      </c>
      <c r="H834" s="4">
        <v>1</v>
      </c>
      <c r="I834" s="2">
        <v>14.65</v>
      </c>
      <c r="J834" s="52" t="s">
        <v>3619</v>
      </c>
      <c r="K834" s="71" t="s">
        <v>3620</v>
      </c>
      <c r="L834" s="52" t="s">
        <v>2063</v>
      </c>
      <c r="M834" s="72">
        <v>1888</v>
      </c>
      <c r="N834" s="52" t="s">
        <v>2066</v>
      </c>
      <c r="O834" s="52" t="s">
        <v>2067</v>
      </c>
      <c r="P834" s="52"/>
      <c r="Q834" s="52"/>
      <c r="R834" s="52"/>
      <c r="S834" s="52"/>
      <c r="T834" s="52"/>
      <c r="U834" s="52"/>
      <c r="V834" s="52"/>
      <c r="W834" s="52"/>
    </row>
    <row r="835" spans="1:23" hidden="1" x14ac:dyDescent="0.35">
      <c r="A835" s="52" t="s">
        <v>78</v>
      </c>
      <c r="B835" s="52" t="s">
        <v>79</v>
      </c>
      <c r="C835" s="3">
        <v>10</v>
      </c>
      <c r="D835" s="52" t="s">
        <v>2021</v>
      </c>
      <c r="E835" s="52" t="s">
        <v>26</v>
      </c>
      <c r="F835" s="52" t="s">
        <v>81</v>
      </c>
      <c r="G835" s="52" t="s">
        <v>82</v>
      </c>
      <c r="H835" s="4">
        <v>1</v>
      </c>
      <c r="I835" s="2">
        <v>14.65</v>
      </c>
      <c r="J835" s="52" t="s">
        <v>3621</v>
      </c>
      <c r="K835" s="71" t="s">
        <v>3622</v>
      </c>
      <c r="L835" s="52" t="s">
        <v>2063</v>
      </c>
      <c r="M835" s="72">
        <v>303</v>
      </c>
      <c r="N835" s="52" t="s">
        <v>2066</v>
      </c>
      <c r="O835" s="52" t="s">
        <v>2067</v>
      </c>
      <c r="P835" s="52" t="s">
        <v>2066</v>
      </c>
      <c r="Q835" s="52" t="s">
        <v>2067</v>
      </c>
      <c r="R835" s="52"/>
      <c r="S835" s="52"/>
      <c r="T835" s="52"/>
      <c r="U835" s="52"/>
      <c r="V835" s="52"/>
      <c r="W835" s="52"/>
    </row>
    <row r="836" spans="1:23" hidden="1" x14ac:dyDescent="0.35">
      <c r="A836" s="52" t="s">
        <v>78</v>
      </c>
      <c r="B836" s="52" t="s">
        <v>79</v>
      </c>
      <c r="C836" s="3">
        <v>10</v>
      </c>
      <c r="D836" s="52" t="s">
        <v>87</v>
      </c>
      <c r="E836" s="52" t="s">
        <v>26</v>
      </c>
      <c r="F836" s="52" t="s">
        <v>81</v>
      </c>
      <c r="G836" s="52" t="s">
        <v>82</v>
      </c>
      <c r="H836" s="4">
        <v>1</v>
      </c>
      <c r="I836" s="2">
        <v>14.65</v>
      </c>
      <c r="J836" s="52" t="s">
        <v>3623</v>
      </c>
      <c r="K836" s="71" t="s">
        <v>3624</v>
      </c>
      <c r="L836" s="52" t="s">
        <v>2063</v>
      </c>
      <c r="M836" s="72">
        <v>5237</v>
      </c>
      <c r="N836" s="52" t="s">
        <v>2154</v>
      </c>
      <c r="O836" s="52" t="s">
        <v>2155</v>
      </c>
      <c r="P836" s="52"/>
      <c r="Q836" s="52"/>
      <c r="R836" s="52"/>
      <c r="S836" s="52"/>
      <c r="T836" s="52"/>
      <c r="U836" s="52"/>
      <c r="V836" s="52"/>
      <c r="W836" s="52"/>
    </row>
    <row r="837" spans="1:23" hidden="1" x14ac:dyDescent="0.35">
      <c r="A837" s="52" t="s">
        <v>78</v>
      </c>
      <c r="B837" s="52" t="s">
        <v>79</v>
      </c>
      <c r="C837" s="3">
        <v>20</v>
      </c>
      <c r="D837" s="52" t="s">
        <v>85</v>
      </c>
      <c r="E837" s="52" t="s">
        <v>26</v>
      </c>
      <c r="F837" s="52" t="s">
        <v>81</v>
      </c>
      <c r="G837" s="52" t="s">
        <v>82</v>
      </c>
      <c r="H837" s="4">
        <v>1</v>
      </c>
      <c r="I837" s="2">
        <v>14.65</v>
      </c>
      <c r="J837" s="52" t="s">
        <v>3625</v>
      </c>
      <c r="K837" s="71" t="s">
        <v>3626</v>
      </c>
      <c r="L837" s="52" t="s">
        <v>2063</v>
      </c>
      <c r="M837" s="72">
        <v>9724</v>
      </c>
      <c r="N837" s="52"/>
      <c r="O837" s="52"/>
      <c r="P837" s="52"/>
      <c r="Q837" s="52"/>
      <c r="R837" s="52"/>
      <c r="S837" s="52"/>
      <c r="T837" s="52"/>
      <c r="U837" s="52"/>
      <c r="V837" s="52"/>
      <c r="W837" s="52"/>
    </row>
    <row r="838" spans="1:23" hidden="1" x14ac:dyDescent="0.35">
      <c r="A838" s="52" t="s">
        <v>78</v>
      </c>
      <c r="B838" s="52" t="s">
        <v>79</v>
      </c>
      <c r="C838" s="3">
        <v>20</v>
      </c>
      <c r="D838" s="52" t="s">
        <v>2024</v>
      </c>
      <c r="E838" s="52" t="s">
        <v>26</v>
      </c>
      <c r="F838" s="52" t="s">
        <v>81</v>
      </c>
      <c r="G838" s="52" t="s">
        <v>82</v>
      </c>
      <c r="H838" s="4">
        <v>1</v>
      </c>
      <c r="I838" s="2">
        <v>14.65</v>
      </c>
      <c r="J838" s="52" t="s">
        <v>3627</v>
      </c>
      <c r="K838" s="71" t="s">
        <v>3628</v>
      </c>
      <c r="L838" s="52" t="s">
        <v>2063</v>
      </c>
      <c r="M838" s="72">
        <v>7388</v>
      </c>
      <c r="N838" s="52" t="s">
        <v>2072</v>
      </c>
      <c r="O838" s="52" t="s">
        <v>2073</v>
      </c>
      <c r="P838" s="52" t="s">
        <v>2072</v>
      </c>
      <c r="Q838" s="52" t="s">
        <v>2073</v>
      </c>
      <c r="R838" s="52"/>
      <c r="S838" s="52"/>
      <c r="T838" s="52"/>
      <c r="U838" s="52"/>
      <c r="V838" s="52"/>
      <c r="W838" s="52"/>
    </row>
    <row r="839" spans="1:23" hidden="1" x14ac:dyDescent="0.35">
      <c r="A839" s="52" t="s">
        <v>78</v>
      </c>
      <c r="B839" s="52" t="s">
        <v>79</v>
      </c>
      <c r="C839" s="3">
        <v>20</v>
      </c>
      <c r="D839" s="52" t="s">
        <v>2022</v>
      </c>
      <c r="E839" s="52" t="s">
        <v>26</v>
      </c>
      <c r="F839" s="52" t="s">
        <v>81</v>
      </c>
      <c r="G839" s="52" t="s">
        <v>82</v>
      </c>
      <c r="H839" s="4">
        <v>1</v>
      </c>
      <c r="I839" s="2">
        <v>14.65</v>
      </c>
      <c r="J839" s="52" t="s">
        <v>3629</v>
      </c>
      <c r="K839" s="71" t="s">
        <v>3630</v>
      </c>
      <c r="L839" s="52" t="s">
        <v>2063</v>
      </c>
      <c r="M839" s="72">
        <v>1718</v>
      </c>
      <c r="N839" s="52"/>
      <c r="O839" s="52"/>
      <c r="P839" s="52"/>
      <c r="Q839" s="52"/>
      <c r="R839" s="52"/>
      <c r="S839" s="52"/>
      <c r="T839" s="52"/>
      <c r="U839" s="52"/>
      <c r="V839" s="52"/>
      <c r="W839" s="52"/>
    </row>
    <row r="840" spans="1:23" hidden="1" x14ac:dyDescent="0.35">
      <c r="A840" s="52" t="s">
        <v>78</v>
      </c>
      <c r="B840" s="52" t="s">
        <v>79</v>
      </c>
      <c r="C840" s="3">
        <v>20</v>
      </c>
      <c r="D840" s="52" t="s">
        <v>85</v>
      </c>
      <c r="E840" s="52" t="s">
        <v>26</v>
      </c>
      <c r="F840" s="52" t="s">
        <v>81</v>
      </c>
      <c r="G840" s="52" t="s">
        <v>82</v>
      </c>
      <c r="H840" s="4">
        <v>1</v>
      </c>
      <c r="I840" s="2">
        <v>14.65</v>
      </c>
      <c r="J840" s="52" t="s">
        <v>3631</v>
      </c>
      <c r="K840" s="71" t="s">
        <v>3632</v>
      </c>
      <c r="L840" s="52" t="s">
        <v>2063</v>
      </c>
      <c r="M840" s="72">
        <v>5111</v>
      </c>
      <c r="N840" s="52"/>
      <c r="O840" s="52"/>
      <c r="P840" s="52"/>
      <c r="Q840" s="52"/>
      <c r="R840" s="52"/>
      <c r="S840" s="52"/>
      <c r="T840" s="52"/>
      <c r="U840" s="52"/>
      <c r="V840" s="52"/>
      <c r="W840" s="52"/>
    </row>
    <row r="841" spans="1:23" hidden="1" x14ac:dyDescent="0.35">
      <c r="A841" s="52" t="s">
        <v>78</v>
      </c>
      <c r="B841" s="52" t="s">
        <v>79</v>
      </c>
      <c r="C841" s="3">
        <v>20</v>
      </c>
      <c r="D841" s="52" t="s">
        <v>2024</v>
      </c>
      <c r="E841" s="52" t="s">
        <v>26</v>
      </c>
      <c r="F841" s="52" t="s">
        <v>81</v>
      </c>
      <c r="G841" s="52" t="s">
        <v>82</v>
      </c>
      <c r="H841" s="4">
        <v>1</v>
      </c>
      <c r="I841" s="2">
        <v>14.65</v>
      </c>
      <c r="J841" s="52" t="s">
        <v>3633</v>
      </c>
      <c r="K841" s="71" t="s">
        <v>3634</v>
      </c>
      <c r="L841" s="52" t="s">
        <v>2063</v>
      </c>
      <c r="M841" s="72">
        <v>9039</v>
      </c>
      <c r="N841" s="52" t="s">
        <v>2154</v>
      </c>
      <c r="O841" s="52" t="s">
        <v>2155</v>
      </c>
      <c r="P841" s="52"/>
      <c r="Q841" s="52"/>
      <c r="R841" s="52"/>
      <c r="S841" s="52"/>
      <c r="T841" s="52"/>
      <c r="U841" s="52"/>
      <c r="V841" s="52"/>
      <c r="W841" s="52"/>
    </row>
    <row r="842" spans="1:23" hidden="1" x14ac:dyDescent="0.35">
      <c r="A842" s="52" t="s">
        <v>78</v>
      </c>
      <c r="B842" s="52" t="s">
        <v>79</v>
      </c>
      <c r="C842" s="3">
        <v>10</v>
      </c>
      <c r="D842" s="52" t="s">
        <v>80</v>
      </c>
      <c r="E842" s="52" t="s">
        <v>26</v>
      </c>
      <c r="F842" s="52" t="s">
        <v>81</v>
      </c>
      <c r="G842" s="52" t="s">
        <v>82</v>
      </c>
      <c r="H842" s="4">
        <v>1</v>
      </c>
      <c r="I842" s="2">
        <v>14.65</v>
      </c>
      <c r="J842" s="52" t="s">
        <v>3635</v>
      </c>
      <c r="K842" s="71" t="s">
        <v>3636</v>
      </c>
      <c r="L842" s="52" t="s">
        <v>2063</v>
      </c>
      <c r="M842" s="72">
        <v>6933</v>
      </c>
      <c r="N842" s="52" t="s">
        <v>2072</v>
      </c>
      <c r="O842" s="52" t="s">
        <v>2073</v>
      </c>
      <c r="P842" s="52"/>
      <c r="Q842" s="52"/>
      <c r="R842" s="52"/>
      <c r="S842" s="52"/>
      <c r="T842" s="52"/>
      <c r="U842" s="52"/>
      <c r="V842" s="52"/>
      <c r="W842" s="52"/>
    </row>
    <row r="843" spans="1:23" hidden="1" x14ac:dyDescent="0.35">
      <c r="A843" s="52" t="s">
        <v>78</v>
      </c>
      <c r="B843" s="52" t="s">
        <v>79</v>
      </c>
      <c r="C843" s="3">
        <v>20</v>
      </c>
      <c r="D843" s="52" t="s">
        <v>2022</v>
      </c>
      <c r="E843" s="52" t="s">
        <v>26</v>
      </c>
      <c r="F843" s="52" t="s">
        <v>81</v>
      </c>
      <c r="G843" s="52" t="s">
        <v>82</v>
      </c>
      <c r="H843" s="4">
        <v>1</v>
      </c>
      <c r="I843" s="2">
        <v>14.65</v>
      </c>
      <c r="J843" s="52" t="s">
        <v>3637</v>
      </c>
      <c r="K843" s="71" t="s">
        <v>3638</v>
      </c>
      <c r="L843" s="52" t="s">
        <v>2063</v>
      </c>
      <c r="M843" s="72">
        <v>6246</v>
      </c>
      <c r="N843" s="52" t="s">
        <v>2072</v>
      </c>
      <c r="O843" s="52" t="s">
        <v>2073</v>
      </c>
      <c r="P843" s="52"/>
      <c r="Q843" s="52"/>
      <c r="R843" s="52"/>
      <c r="S843" s="52"/>
      <c r="T843" s="52"/>
      <c r="U843" s="52"/>
      <c r="V843" s="52"/>
      <c r="W843" s="52"/>
    </row>
    <row r="844" spans="1:23" hidden="1" x14ac:dyDescent="0.35">
      <c r="A844" s="52" t="s">
        <v>78</v>
      </c>
      <c r="B844" s="52" t="s">
        <v>79</v>
      </c>
      <c r="C844" s="3">
        <v>20</v>
      </c>
      <c r="D844" s="52" t="s">
        <v>86</v>
      </c>
      <c r="E844" s="52" t="s">
        <v>26</v>
      </c>
      <c r="F844" s="52" t="s">
        <v>81</v>
      </c>
      <c r="G844" s="52" t="s">
        <v>82</v>
      </c>
      <c r="H844" s="4">
        <v>1</v>
      </c>
      <c r="I844" s="2">
        <v>14.65</v>
      </c>
      <c r="J844" s="52" t="s">
        <v>3639</v>
      </c>
      <c r="K844" s="71" t="s">
        <v>3640</v>
      </c>
      <c r="L844" s="52" t="s">
        <v>2063</v>
      </c>
      <c r="M844" s="72">
        <v>6253</v>
      </c>
      <c r="N844" s="52"/>
      <c r="O844" s="52"/>
      <c r="P844" s="52"/>
      <c r="Q844" s="52"/>
      <c r="R844" s="52"/>
      <c r="S844" s="52"/>
      <c r="T844" s="52"/>
      <c r="U844" s="52"/>
      <c r="V844" s="52"/>
      <c r="W844" s="52"/>
    </row>
    <row r="845" spans="1:23" x14ac:dyDescent="0.35">
      <c r="A845" s="52" t="s">
        <v>78</v>
      </c>
      <c r="B845" s="52" t="s">
        <v>79</v>
      </c>
      <c r="C845" s="3">
        <v>20</v>
      </c>
      <c r="D845" s="52" t="s">
        <v>2024</v>
      </c>
      <c r="E845" s="52" t="s">
        <v>26</v>
      </c>
      <c r="F845" s="52" t="s">
        <v>81</v>
      </c>
      <c r="G845" s="52" t="s">
        <v>82</v>
      </c>
      <c r="H845" s="4">
        <v>1</v>
      </c>
      <c r="I845" s="2">
        <v>14.65</v>
      </c>
      <c r="J845" s="52" t="s">
        <v>3641</v>
      </c>
      <c r="K845" s="71" t="s">
        <v>3642</v>
      </c>
      <c r="L845" s="52" t="s">
        <v>2063</v>
      </c>
      <c r="M845" s="72">
        <v>9206</v>
      </c>
      <c r="N845" s="52" t="s">
        <v>2076</v>
      </c>
      <c r="O845" s="52" t="s">
        <v>2077</v>
      </c>
      <c r="P845" s="52"/>
      <c r="Q845" s="52"/>
      <c r="R845" s="52"/>
      <c r="S845" s="52"/>
      <c r="T845" s="52"/>
      <c r="U845" s="52"/>
      <c r="V845" s="52"/>
      <c r="W845" s="52"/>
    </row>
    <row r="846" spans="1:23" hidden="1" x14ac:dyDescent="0.35">
      <c r="A846" s="52" t="s">
        <v>78</v>
      </c>
      <c r="B846" s="52" t="s">
        <v>79</v>
      </c>
      <c r="C846" s="3">
        <v>20</v>
      </c>
      <c r="D846" s="52" t="s">
        <v>2023</v>
      </c>
      <c r="E846" s="52" t="s">
        <v>26</v>
      </c>
      <c r="F846" s="52" t="s">
        <v>81</v>
      </c>
      <c r="G846" s="52" t="s">
        <v>82</v>
      </c>
      <c r="H846" s="4">
        <v>1</v>
      </c>
      <c r="I846" s="2">
        <v>14.65</v>
      </c>
      <c r="J846" s="52" t="s">
        <v>3643</v>
      </c>
      <c r="K846" s="71" t="s">
        <v>3644</v>
      </c>
      <c r="L846" s="52" t="s">
        <v>2063</v>
      </c>
      <c r="M846" s="72">
        <v>4006</v>
      </c>
      <c r="N846" s="52" t="s">
        <v>2066</v>
      </c>
      <c r="O846" s="52" t="s">
        <v>2067</v>
      </c>
      <c r="P846" s="52"/>
      <c r="Q846" s="52"/>
      <c r="R846" s="52"/>
      <c r="S846" s="52"/>
      <c r="T846" s="52"/>
      <c r="U846" s="52"/>
      <c r="V846" s="52"/>
      <c r="W846" s="52"/>
    </row>
    <row r="847" spans="1:23" hidden="1" x14ac:dyDescent="0.35">
      <c r="A847" s="52" t="s">
        <v>78</v>
      </c>
      <c r="B847" s="52" t="s">
        <v>79</v>
      </c>
      <c r="C847" s="3">
        <v>10</v>
      </c>
      <c r="D847" s="52" t="s">
        <v>86</v>
      </c>
      <c r="E847" s="52" t="s">
        <v>26</v>
      </c>
      <c r="F847" s="52" t="s">
        <v>81</v>
      </c>
      <c r="G847" s="52" t="s">
        <v>82</v>
      </c>
      <c r="H847" s="4">
        <v>1</v>
      </c>
      <c r="I847" s="2">
        <v>14.65</v>
      </c>
      <c r="J847" s="52" t="s">
        <v>3645</v>
      </c>
      <c r="K847" s="71" t="s">
        <v>3646</v>
      </c>
      <c r="L847" s="52" t="s">
        <v>2063</v>
      </c>
      <c r="M847" s="72">
        <v>7231</v>
      </c>
      <c r="N847" s="52"/>
      <c r="O847" s="52"/>
      <c r="P847" s="52"/>
      <c r="Q847" s="52"/>
      <c r="R847" s="52"/>
      <c r="S847" s="52"/>
      <c r="T847" s="52"/>
      <c r="U847" s="52"/>
      <c r="V847" s="52"/>
      <c r="W847" s="52"/>
    </row>
    <row r="848" spans="1:23" hidden="1" x14ac:dyDescent="0.35">
      <c r="A848" s="52" t="s">
        <v>78</v>
      </c>
      <c r="B848" s="52" t="s">
        <v>79</v>
      </c>
      <c r="C848" s="3">
        <v>10</v>
      </c>
      <c r="D848" s="52" t="s">
        <v>2021</v>
      </c>
      <c r="E848" s="52" t="s">
        <v>26</v>
      </c>
      <c r="F848" s="52" t="s">
        <v>81</v>
      </c>
      <c r="G848" s="52" t="s">
        <v>82</v>
      </c>
      <c r="H848" s="4">
        <v>1</v>
      </c>
      <c r="I848" s="2">
        <v>14.65</v>
      </c>
      <c r="J848" s="52" t="s">
        <v>3647</v>
      </c>
      <c r="K848" s="71" t="s">
        <v>3648</v>
      </c>
      <c r="L848" s="52" t="s">
        <v>2063</v>
      </c>
      <c r="M848" s="72">
        <v>2716</v>
      </c>
      <c r="N848" s="52" t="s">
        <v>2066</v>
      </c>
      <c r="O848" s="52" t="s">
        <v>2067</v>
      </c>
      <c r="P848" s="52"/>
      <c r="Q848" s="52"/>
      <c r="R848" s="52"/>
      <c r="S848" s="52"/>
      <c r="T848" s="52"/>
      <c r="U848" s="52"/>
      <c r="V848" s="52"/>
      <c r="W848" s="52"/>
    </row>
    <row r="849" spans="1:23" hidden="1" x14ac:dyDescent="0.35">
      <c r="A849" s="52" t="s">
        <v>78</v>
      </c>
      <c r="B849" s="52" t="s">
        <v>79</v>
      </c>
      <c r="C849" s="3">
        <v>10</v>
      </c>
      <c r="D849" s="52" t="s">
        <v>2022</v>
      </c>
      <c r="E849" s="52" t="s">
        <v>26</v>
      </c>
      <c r="F849" s="52" t="s">
        <v>81</v>
      </c>
      <c r="G849" s="52" t="s">
        <v>82</v>
      </c>
      <c r="H849" s="4">
        <v>1</v>
      </c>
      <c r="I849" s="2">
        <v>14.65</v>
      </c>
      <c r="J849" s="52" t="s">
        <v>3649</v>
      </c>
      <c r="K849" s="71" t="s">
        <v>3650</v>
      </c>
      <c r="L849" s="52" t="s">
        <v>2063</v>
      </c>
      <c r="M849" s="72">
        <v>3005</v>
      </c>
      <c r="N849" s="52" t="s">
        <v>2072</v>
      </c>
      <c r="O849" s="52" t="s">
        <v>2073</v>
      </c>
      <c r="P849" s="52"/>
      <c r="Q849" s="52"/>
      <c r="R849" s="52"/>
      <c r="S849" s="52"/>
      <c r="T849" s="52"/>
      <c r="U849" s="52"/>
      <c r="V849" s="52"/>
      <c r="W849" s="52"/>
    </row>
    <row r="850" spans="1:23" hidden="1" x14ac:dyDescent="0.35">
      <c r="A850" s="52" t="s">
        <v>78</v>
      </c>
      <c r="B850" s="52" t="s">
        <v>79</v>
      </c>
      <c r="C850" s="3">
        <v>20</v>
      </c>
      <c r="D850" s="52" t="s">
        <v>86</v>
      </c>
      <c r="E850" s="52" t="s">
        <v>26</v>
      </c>
      <c r="F850" s="52" t="s">
        <v>81</v>
      </c>
      <c r="G850" s="52" t="s">
        <v>82</v>
      </c>
      <c r="H850" s="4">
        <v>1</v>
      </c>
      <c r="I850" s="2">
        <v>14.65</v>
      </c>
      <c r="J850" s="52" t="s">
        <v>3651</v>
      </c>
      <c r="K850" s="71" t="s">
        <v>3652</v>
      </c>
      <c r="L850" s="52" t="s">
        <v>2063</v>
      </c>
      <c r="M850" s="72">
        <v>1216</v>
      </c>
      <c r="N850" s="52" t="s">
        <v>2072</v>
      </c>
      <c r="O850" s="52" t="s">
        <v>2073</v>
      </c>
      <c r="P850" s="52"/>
      <c r="Q850" s="52"/>
      <c r="R850" s="52"/>
      <c r="S850" s="52"/>
      <c r="T850" s="52"/>
      <c r="U850" s="52"/>
      <c r="V850" s="52"/>
      <c r="W850" s="52"/>
    </row>
    <row r="851" spans="1:23" x14ac:dyDescent="0.35">
      <c r="A851" s="52" t="s">
        <v>78</v>
      </c>
      <c r="B851" s="52" t="s">
        <v>79</v>
      </c>
      <c r="C851" s="3">
        <v>212</v>
      </c>
      <c r="D851" s="52" t="s">
        <v>2019</v>
      </c>
      <c r="E851" s="52" t="s">
        <v>26</v>
      </c>
      <c r="F851" s="52" t="s">
        <v>81</v>
      </c>
      <c r="G851" s="52" t="s">
        <v>82</v>
      </c>
      <c r="H851" s="4">
        <v>1</v>
      </c>
      <c r="I851" s="2">
        <v>14.65</v>
      </c>
      <c r="J851" s="52" t="s">
        <v>3653</v>
      </c>
      <c r="K851" s="71" t="s">
        <v>3654</v>
      </c>
      <c r="L851" s="52" t="s">
        <v>2063</v>
      </c>
      <c r="M851" s="72">
        <v>9285</v>
      </c>
      <c r="N851" s="52" t="s">
        <v>2076</v>
      </c>
      <c r="O851" s="52" t="s">
        <v>2077</v>
      </c>
      <c r="P851" s="52"/>
      <c r="Q851" s="52"/>
      <c r="R851" s="52"/>
      <c r="S851" s="52"/>
      <c r="T851" s="52"/>
      <c r="U851" s="52"/>
      <c r="V851" s="52"/>
      <c r="W851" s="52"/>
    </row>
    <row r="852" spans="1:23" hidden="1" x14ac:dyDescent="0.35">
      <c r="A852" s="52" t="s">
        <v>78</v>
      </c>
      <c r="B852" s="52" t="s">
        <v>79</v>
      </c>
      <c r="C852" s="3">
        <v>10</v>
      </c>
      <c r="D852" s="52" t="s">
        <v>86</v>
      </c>
      <c r="E852" s="52" t="s">
        <v>26</v>
      </c>
      <c r="F852" s="52" t="s">
        <v>81</v>
      </c>
      <c r="G852" s="52" t="s">
        <v>82</v>
      </c>
      <c r="H852" s="4">
        <v>1</v>
      </c>
      <c r="I852" s="2">
        <v>14.65</v>
      </c>
      <c r="J852" s="52" t="s">
        <v>3655</v>
      </c>
      <c r="K852" s="71" t="s">
        <v>3656</v>
      </c>
      <c r="L852" s="52" t="s">
        <v>2063</v>
      </c>
      <c r="M852" s="72">
        <v>269</v>
      </c>
      <c r="N852" s="52" t="s">
        <v>2072</v>
      </c>
      <c r="O852" s="52" t="s">
        <v>2073</v>
      </c>
      <c r="P852" s="52"/>
      <c r="Q852" s="52"/>
      <c r="R852" s="52"/>
      <c r="S852" s="52"/>
      <c r="T852" s="52"/>
      <c r="U852" s="52"/>
      <c r="V852" s="52"/>
      <c r="W852" s="52"/>
    </row>
    <row r="853" spans="1:23" hidden="1" x14ac:dyDescent="0.35">
      <c r="A853" s="52" t="s">
        <v>78</v>
      </c>
      <c r="B853" s="52" t="s">
        <v>79</v>
      </c>
      <c r="C853" s="3">
        <v>211</v>
      </c>
      <c r="D853" s="52" t="s">
        <v>2020</v>
      </c>
      <c r="E853" s="52" t="s">
        <v>26</v>
      </c>
      <c r="F853" s="52" t="s">
        <v>81</v>
      </c>
      <c r="G853" s="52" t="s">
        <v>82</v>
      </c>
      <c r="H853" s="4">
        <v>1</v>
      </c>
      <c r="I853" s="2">
        <v>14.65</v>
      </c>
      <c r="J853" s="52" t="s">
        <v>3657</v>
      </c>
      <c r="K853" s="71" t="s">
        <v>3658</v>
      </c>
      <c r="L853" s="52" t="s">
        <v>2063</v>
      </c>
      <c r="M853" s="72">
        <v>1366</v>
      </c>
      <c r="N853" s="52"/>
      <c r="O853" s="52"/>
      <c r="P853" s="52"/>
      <c r="Q853" s="52"/>
      <c r="R853" s="52"/>
      <c r="S853" s="52"/>
      <c r="T853" s="52"/>
      <c r="U853" s="52"/>
      <c r="V853" s="52"/>
      <c r="W853" s="52"/>
    </row>
    <row r="854" spans="1:23" hidden="1" x14ac:dyDescent="0.35">
      <c r="A854" s="52" t="s">
        <v>78</v>
      </c>
      <c r="B854" s="52" t="s">
        <v>79</v>
      </c>
      <c r="C854" s="3">
        <v>10</v>
      </c>
      <c r="D854" s="52" t="s">
        <v>84</v>
      </c>
      <c r="E854" s="52" t="s">
        <v>26</v>
      </c>
      <c r="F854" s="52" t="s">
        <v>81</v>
      </c>
      <c r="G854" s="52" t="s">
        <v>82</v>
      </c>
      <c r="H854" s="4">
        <v>1</v>
      </c>
      <c r="I854" s="2">
        <v>14.65</v>
      </c>
      <c r="J854" s="52" t="s">
        <v>3659</v>
      </c>
      <c r="K854" s="71" t="s">
        <v>3660</v>
      </c>
      <c r="L854" s="52" t="s">
        <v>2063</v>
      </c>
      <c r="M854" s="72">
        <v>4383</v>
      </c>
      <c r="N854" s="52" t="s">
        <v>2072</v>
      </c>
      <c r="O854" s="52" t="s">
        <v>2073</v>
      </c>
      <c r="P854" s="52"/>
      <c r="Q854" s="52"/>
      <c r="R854" s="52"/>
      <c r="S854" s="52"/>
      <c r="T854" s="52"/>
      <c r="U854" s="52"/>
      <c r="V854" s="52"/>
      <c r="W854" s="52"/>
    </row>
    <row r="855" spans="1:23" hidden="1" x14ac:dyDescent="0.35">
      <c r="A855" s="52" t="s">
        <v>78</v>
      </c>
      <c r="B855" s="52" t="s">
        <v>79</v>
      </c>
      <c r="C855" s="3">
        <v>10</v>
      </c>
      <c r="D855" s="52" t="s">
        <v>2022</v>
      </c>
      <c r="E855" s="52" t="s">
        <v>26</v>
      </c>
      <c r="F855" s="52" t="s">
        <v>81</v>
      </c>
      <c r="G855" s="52" t="s">
        <v>82</v>
      </c>
      <c r="H855" s="4">
        <v>1</v>
      </c>
      <c r="I855" s="2">
        <v>14.65</v>
      </c>
      <c r="J855" s="52" t="s">
        <v>3661</v>
      </c>
      <c r="K855" s="71" t="s">
        <v>3662</v>
      </c>
      <c r="L855" s="52" t="s">
        <v>2063</v>
      </c>
      <c r="M855" s="72">
        <v>1650</v>
      </c>
      <c r="N855" s="52" t="s">
        <v>2072</v>
      </c>
      <c r="O855" s="52" t="s">
        <v>2073</v>
      </c>
      <c r="P855" s="52"/>
      <c r="Q855" s="52"/>
      <c r="R855" s="52"/>
      <c r="S855" s="52"/>
      <c r="T855" s="52"/>
      <c r="U855" s="52"/>
      <c r="V855" s="52"/>
      <c r="W855" s="52"/>
    </row>
    <row r="856" spans="1:23" hidden="1" x14ac:dyDescent="0.35">
      <c r="A856" s="52" t="s">
        <v>78</v>
      </c>
      <c r="B856" s="52" t="s">
        <v>79</v>
      </c>
      <c r="C856" s="3">
        <v>20</v>
      </c>
      <c r="D856" s="52" t="s">
        <v>2024</v>
      </c>
      <c r="E856" s="52" t="s">
        <v>26</v>
      </c>
      <c r="F856" s="52" t="s">
        <v>81</v>
      </c>
      <c r="G856" s="52" t="s">
        <v>82</v>
      </c>
      <c r="H856" s="4">
        <v>1</v>
      </c>
      <c r="I856" s="2">
        <v>14.65</v>
      </c>
      <c r="J856" s="52" t="s">
        <v>3663</v>
      </c>
      <c r="K856" s="71" t="s">
        <v>3664</v>
      </c>
      <c r="L856" s="52" t="s">
        <v>2063</v>
      </c>
      <c r="M856" s="72">
        <v>2106</v>
      </c>
      <c r="N856" s="52" t="s">
        <v>2072</v>
      </c>
      <c r="O856" s="52" t="s">
        <v>2073</v>
      </c>
      <c r="P856" s="52"/>
      <c r="Q856" s="52"/>
      <c r="R856" s="52"/>
      <c r="S856" s="52"/>
      <c r="T856" s="52"/>
      <c r="U856" s="52"/>
      <c r="V856" s="52"/>
      <c r="W856" s="52"/>
    </row>
    <row r="857" spans="1:23" hidden="1" x14ac:dyDescent="0.35">
      <c r="A857" s="52" t="s">
        <v>78</v>
      </c>
      <c r="B857" s="52" t="s">
        <v>79</v>
      </c>
      <c r="C857" s="3">
        <v>10</v>
      </c>
      <c r="D857" s="52" t="s">
        <v>83</v>
      </c>
      <c r="E857" s="52" t="s">
        <v>26</v>
      </c>
      <c r="F857" s="52" t="s">
        <v>81</v>
      </c>
      <c r="G857" s="52" t="s">
        <v>82</v>
      </c>
      <c r="H857" s="4">
        <v>1</v>
      </c>
      <c r="I857" s="2">
        <v>14.65</v>
      </c>
      <c r="J857" s="52" t="s">
        <v>3665</v>
      </c>
      <c r="K857" s="71" t="s">
        <v>3666</v>
      </c>
      <c r="L857" s="52" t="s">
        <v>2063</v>
      </c>
      <c r="M857" s="72">
        <v>9356</v>
      </c>
      <c r="N857" s="52" t="s">
        <v>2154</v>
      </c>
      <c r="O857" s="52" t="s">
        <v>2155</v>
      </c>
      <c r="P857" s="52"/>
      <c r="Q857" s="52"/>
      <c r="R857" s="52"/>
      <c r="S857" s="52"/>
      <c r="T857" s="52"/>
      <c r="U857" s="52"/>
      <c r="V857" s="52"/>
      <c r="W857" s="52"/>
    </row>
    <row r="858" spans="1:23" hidden="1" x14ac:dyDescent="0.35">
      <c r="A858" s="52" t="s">
        <v>78</v>
      </c>
      <c r="B858" s="52" t="s">
        <v>79</v>
      </c>
      <c r="C858" s="3">
        <v>10</v>
      </c>
      <c r="D858" s="52" t="s">
        <v>86</v>
      </c>
      <c r="E858" s="52" t="s">
        <v>26</v>
      </c>
      <c r="F858" s="52" t="s">
        <v>81</v>
      </c>
      <c r="G858" s="52" t="s">
        <v>82</v>
      </c>
      <c r="H858" s="4">
        <v>1</v>
      </c>
      <c r="I858" s="2">
        <v>14.65</v>
      </c>
      <c r="J858" s="52" t="s">
        <v>3667</v>
      </c>
      <c r="K858" s="71" t="s">
        <v>3668</v>
      </c>
      <c r="L858" s="52" t="s">
        <v>2063</v>
      </c>
      <c r="M858" s="72">
        <v>1428</v>
      </c>
      <c r="N858" s="52" t="s">
        <v>2066</v>
      </c>
      <c r="O858" s="52" t="s">
        <v>2067</v>
      </c>
      <c r="P858" s="52"/>
      <c r="Q858" s="52"/>
      <c r="R858" s="52"/>
      <c r="S858" s="52"/>
      <c r="T858" s="52"/>
      <c r="U858" s="52"/>
      <c r="V858" s="52"/>
      <c r="W858" s="52"/>
    </row>
    <row r="859" spans="1:23" x14ac:dyDescent="0.35">
      <c r="A859" s="52" t="s">
        <v>78</v>
      </c>
      <c r="B859" s="52" t="s">
        <v>79</v>
      </c>
      <c r="C859" s="3">
        <v>20</v>
      </c>
      <c r="D859" s="52" t="s">
        <v>2023</v>
      </c>
      <c r="E859" s="52" t="s">
        <v>26</v>
      </c>
      <c r="F859" s="52" t="s">
        <v>81</v>
      </c>
      <c r="G859" s="52" t="s">
        <v>82</v>
      </c>
      <c r="H859" s="4">
        <v>1</v>
      </c>
      <c r="I859" s="2">
        <v>14.65</v>
      </c>
      <c r="J859" s="52" t="s">
        <v>3669</v>
      </c>
      <c r="K859" s="71" t="s">
        <v>3670</v>
      </c>
      <c r="L859" s="52" t="s">
        <v>2063</v>
      </c>
      <c r="M859" s="72">
        <v>8297</v>
      </c>
      <c r="N859" s="52" t="s">
        <v>2076</v>
      </c>
      <c r="O859" s="52" t="s">
        <v>2077</v>
      </c>
      <c r="P859" s="52"/>
      <c r="Q859" s="52"/>
      <c r="R859" s="52"/>
      <c r="S859" s="52"/>
      <c r="T859" s="52"/>
      <c r="U859" s="52"/>
      <c r="V859" s="52"/>
      <c r="W859" s="52"/>
    </row>
    <row r="860" spans="1:23" hidden="1" x14ac:dyDescent="0.35">
      <c r="A860" s="52" t="s">
        <v>78</v>
      </c>
      <c r="B860" s="52" t="s">
        <v>79</v>
      </c>
      <c r="C860" s="3">
        <v>212</v>
      </c>
      <c r="D860" s="52" t="s">
        <v>2024</v>
      </c>
      <c r="E860" s="52" t="s">
        <v>26</v>
      </c>
      <c r="F860" s="52" t="s">
        <v>81</v>
      </c>
      <c r="G860" s="52" t="s">
        <v>82</v>
      </c>
      <c r="H860" s="4">
        <v>1</v>
      </c>
      <c r="I860" s="2">
        <v>14.65</v>
      </c>
      <c r="J860" s="52" t="s">
        <v>3671</v>
      </c>
      <c r="K860" s="71" t="s">
        <v>3672</v>
      </c>
      <c r="L860" s="52" t="s">
        <v>2063</v>
      </c>
      <c r="M860" s="72">
        <v>4117</v>
      </c>
      <c r="N860" s="52" t="s">
        <v>2066</v>
      </c>
      <c r="O860" s="52" t="s">
        <v>2067</v>
      </c>
      <c r="P860" s="52"/>
      <c r="Q860" s="52"/>
      <c r="R860" s="52"/>
      <c r="S860" s="52"/>
      <c r="T860" s="52"/>
      <c r="U860" s="52"/>
      <c r="V860" s="52"/>
      <c r="W860" s="52"/>
    </row>
    <row r="861" spans="1:23" hidden="1" x14ac:dyDescent="0.35">
      <c r="A861" s="52" t="s">
        <v>78</v>
      </c>
      <c r="B861" s="52" t="s">
        <v>79</v>
      </c>
      <c r="C861" s="3">
        <v>10</v>
      </c>
      <c r="D861" s="52" t="s">
        <v>2019</v>
      </c>
      <c r="E861" s="52" t="s">
        <v>26</v>
      </c>
      <c r="F861" s="52" t="s">
        <v>81</v>
      </c>
      <c r="G861" s="52" t="s">
        <v>82</v>
      </c>
      <c r="H861" s="4">
        <v>1</v>
      </c>
      <c r="I861" s="2">
        <v>14.65</v>
      </c>
      <c r="J861" s="52" t="s">
        <v>3673</v>
      </c>
      <c r="K861" s="71" t="s">
        <v>3674</v>
      </c>
      <c r="L861" s="52" t="s">
        <v>2063</v>
      </c>
      <c r="M861" s="72">
        <v>3779</v>
      </c>
      <c r="N861" s="52" t="s">
        <v>2072</v>
      </c>
      <c r="O861" s="52" t="s">
        <v>2073</v>
      </c>
      <c r="P861" s="52"/>
      <c r="Q861" s="52"/>
      <c r="R861" s="52"/>
      <c r="S861" s="52"/>
      <c r="T861" s="52"/>
      <c r="U861" s="52"/>
      <c r="V861" s="52"/>
      <c r="W861" s="52"/>
    </row>
    <row r="862" spans="1:23" hidden="1" x14ac:dyDescent="0.35">
      <c r="A862" s="52" t="s">
        <v>78</v>
      </c>
      <c r="B862" s="52" t="s">
        <v>79</v>
      </c>
      <c r="C862" s="3">
        <v>10</v>
      </c>
      <c r="D862" s="52" t="s">
        <v>80</v>
      </c>
      <c r="E862" s="52" t="s">
        <v>26</v>
      </c>
      <c r="F862" s="52" t="s">
        <v>81</v>
      </c>
      <c r="G862" s="52" t="s">
        <v>82</v>
      </c>
      <c r="H862" s="4">
        <v>1</v>
      </c>
      <c r="I862" s="2">
        <v>14.65</v>
      </c>
      <c r="J862" s="52" t="s">
        <v>3675</v>
      </c>
      <c r="K862" s="71" t="s">
        <v>3676</v>
      </c>
      <c r="L862" s="52" t="s">
        <v>2063</v>
      </c>
      <c r="M862" s="72">
        <v>6705</v>
      </c>
      <c r="N862" s="52"/>
      <c r="O862" s="52"/>
      <c r="P862" s="52"/>
      <c r="Q862" s="52"/>
      <c r="R862" s="52"/>
      <c r="S862" s="52"/>
      <c r="T862" s="52"/>
      <c r="U862" s="52"/>
      <c r="V862" s="52"/>
      <c r="W862" s="52"/>
    </row>
    <row r="863" spans="1:23" hidden="1" x14ac:dyDescent="0.35">
      <c r="A863" s="52" t="s">
        <v>78</v>
      </c>
      <c r="B863" s="52" t="s">
        <v>79</v>
      </c>
      <c r="C863" s="3">
        <v>20</v>
      </c>
      <c r="D863" s="52" t="s">
        <v>86</v>
      </c>
      <c r="E863" s="52" t="s">
        <v>26</v>
      </c>
      <c r="F863" s="52" t="s">
        <v>81</v>
      </c>
      <c r="G863" s="52" t="s">
        <v>82</v>
      </c>
      <c r="H863" s="4">
        <v>1</v>
      </c>
      <c r="I863" s="2">
        <v>14.65</v>
      </c>
      <c r="J863" s="52" t="s">
        <v>3677</v>
      </c>
      <c r="K863" s="71" t="s">
        <v>3678</v>
      </c>
      <c r="L863" s="52" t="s">
        <v>2095</v>
      </c>
      <c r="M863" s="72">
        <v>4327</v>
      </c>
      <c r="N863" s="52" t="s">
        <v>2154</v>
      </c>
      <c r="O863" s="52" t="s">
        <v>2155</v>
      </c>
      <c r="P863" s="52"/>
      <c r="Q863" s="52"/>
      <c r="R863" s="52"/>
      <c r="S863" s="52"/>
      <c r="T863" s="52"/>
      <c r="U863" s="52"/>
      <c r="V863" s="52"/>
      <c r="W863" s="52"/>
    </row>
    <row r="864" spans="1:23" hidden="1" x14ac:dyDescent="0.35">
      <c r="A864" s="52" t="s">
        <v>78</v>
      </c>
      <c r="B864" s="52" t="s">
        <v>79</v>
      </c>
      <c r="C864" s="3">
        <v>211</v>
      </c>
      <c r="D864" s="52" t="s">
        <v>85</v>
      </c>
      <c r="E864" s="52" t="s">
        <v>26</v>
      </c>
      <c r="F864" s="52" t="s">
        <v>81</v>
      </c>
      <c r="G864" s="52" t="s">
        <v>82</v>
      </c>
      <c r="H864" s="4">
        <v>1</v>
      </c>
      <c r="I864" s="2">
        <v>14.65</v>
      </c>
      <c r="J864" s="52" t="s">
        <v>3679</v>
      </c>
      <c r="K864" s="71" t="s">
        <v>3680</v>
      </c>
      <c r="L864" s="52" t="s">
        <v>2063</v>
      </c>
      <c r="M864" s="72">
        <v>8838</v>
      </c>
      <c r="N864" s="52" t="s">
        <v>2158</v>
      </c>
      <c r="O864" s="52" t="s">
        <v>2159</v>
      </c>
      <c r="P864" s="52"/>
      <c r="Q864" s="52"/>
      <c r="R864" s="52"/>
      <c r="S864" s="52"/>
      <c r="T864" s="52"/>
      <c r="U864" s="52"/>
      <c r="V864" s="52"/>
      <c r="W864" s="52"/>
    </row>
    <row r="865" spans="1:23" hidden="1" x14ac:dyDescent="0.35">
      <c r="A865" s="52" t="s">
        <v>78</v>
      </c>
      <c r="B865" s="52" t="s">
        <v>79</v>
      </c>
      <c r="C865" s="3">
        <v>20</v>
      </c>
      <c r="D865" s="52" t="s">
        <v>2024</v>
      </c>
      <c r="E865" s="52" t="s">
        <v>26</v>
      </c>
      <c r="F865" s="52" t="s">
        <v>81</v>
      </c>
      <c r="G865" s="52" t="s">
        <v>82</v>
      </c>
      <c r="H865" s="4">
        <v>1</v>
      </c>
      <c r="I865" s="2">
        <v>14.65</v>
      </c>
      <c r="J865" s="52" t="s">
        <v>3681</v>
      </c>
      <c r="K865" s="71" t="s">
        <v>3682</v>
      </c>
      <c r="L865" s="52" t="s">
        <v>2063</v>
      </c>
      <c r="M865" s="72">
        <v>9169</v>
      </c>
      <c r="N865" s="52" t="s">
        <v>2158</v>
      </c>
      <c r="O865" s="52" t="s">
        <v>2159</v>
      </c>
      <c r="P865" s="52"/>
      <c r="Q865" s="52"/>
      <c r="R865" s="52"/>
      <c r="S865" s="52"/>
      <c r="T865" s="52"/>
      <c r="U865" s="52"/>
      <c r="V865" s="52"/>
      <c r="W865" s="52"/>
    </row>
    <row r="866" spans="1:23" hidden="1" x14ac:dyDescent="0.35">
      <c r="A866" s="52" t="s">
        <v>78</v>
      </c>
      <c r="B866" s="52" t="s">
        <v>79</v>
      </c>
      <c r="C866" s="3">
        <v>20</v>
      </c>
      <c r="D866" s="52" t="s">
        <v>84</v>
      </c>
      <c r="E866" s="52" t="s">
        <v>26</v>
      </c>
      <c r="F866" s="52" t="s">
        <v>81</v>
      </c>
      <c r="G866" s="52" t="s">
        <v>82</v>
      </c>
      <c r="H866" s="4">
        <v>1</v>
      </c>
      <c r="I866" s="2">
        <v>14.65</v>
      </c>
      <c r="J866" s="52" t="s">
        <v>3683</v>
      </c>
      <c r="K866" s="71" t="s">
        <v>3684</v>
      </c>
      <c r="L866" s="52" t="s">
        <v>2063</v>
      </c>
      <c r="M866" s="72">
        <v>4132</v>
      </c>
      <c r="N866" s="52" t="s">
        <v>2066</v>
      </c>
      <c r="O866" s="52" t="s">
        <v>2067</v>
      </c>
      <c r="P866" s="52"/>
      <c r="Q866" s="52"/>
      <c r="R866" s="52"/>
      <c r="S866" s="52"/>
      <c r="T866" s="52"/>
      <c r="U866" s="52"/>
      <c r="V866" s="52"/>
      <c r="W866" s="52"/>
    </row>
    <row r="867" spans="1:23" hidden="1" x14ac:dyDescent="0.35">
      <c r="A867" s="52" t="s">
        <v>78</v>
      </c>
      <c r="B867" s="52" t="s">
        <v>79</v>
      </c>
      <c r="C867" s="3">
        <v>20</v>
      </c>
      <c r="D867" s="52" t="s">
        <v>83</v>
      </c>
      <c r="E867" s="52" t="s">
        <v>26</v>
      </c>
      <c r="F867" s="52" t="s">
        <v>81</v>
      </c>
      <c r="G867" s="52" t="s">
        <v>82</v>
      </c>
      <c r="H867" s="4">
        <v>1</v>
      </c>
      <c r="I867" s="2">
        <v>14.65</v>
      </c>
      <c r="J867" s="52" t="s">
        <v>3685</v>
      </c>
      <c r="K867" s="71" t="s">
        <v>3686</v>
      </c>
      <c r="L867" s="52" t="s">
        <v>2063</v>
      </c>
      <c r="M867" s="72">
        <v>3480</v>
      </c>
      <c r="N867" s="52" t="s">
        <v>2072</v>
      </c>
      <c r="O867" s="52" t="s">
        <v>2073</v>
      </c>
      <c r="P867" s="52"/>
      <c r="Q867" s="52"/>
      <c r="R867" s="52"/>
      <c r="S867" s="52"/>
      <c r="T867" s="52"/>
      <c r="U867" s="52"/>
      <c r="V867" s="52"/>
      <c r="W867" s="52"/>
    </row>
    <row r="868" spans="1:23" hidden="1" x14ac:dyDescent="0.35">
      <c r="A868" s="52" t="s">
        <v>78</v>
      </c>
      <c r="B868" s="52" t="s">
        <v>79</v>
      </c>
      <c r="C868" s="3">
        <v>10</v>
      </c>
      <c r="D868" s="52" t="s">
        <v>80</v>
      </c>
      <c r="E868" s="52" t="s">
        <v>26</v>
      </c>
      <c r="F868" s="52" t="s">
        <v>81</v>
      </c>
      <c r="G868" s="52" t="s">
        <v>82</v>
      </c>
      <c r="H868" s="4">
        <v>1</v>
      </c>
      <c r="I868" s="2">
        <v>14.65</v>
      </c>
      <c r="J868" s="52" t="s">
        <v>3687</v>
      </c>
      <c r="K868" s="71" t="s">
        <v>3688</v>
      </c>
      <c r="L868" s="52" t="s">
        <v>2063</v>
      </c>
      <c r="M868" s="72">
        <v>1111</v>
      </c>
      <c r="N868" s="52" t="s">
        <v>2066</v>
      </c>
      <c r="O868" s="52" t="s">
        <v>2067</v>
      </c>
      <c r="P868" s="52"/>
      <c r="Q868" s="52"/>
      <c r="R868" s="52"/>
      <c r="S868" s="52"/>
      <c r="T868" s="52"/>
      <c r="U868" s="52"/>
      <c r="V868" s="52"/>
      <c r="W868" s="52"/>
    </row>
    <row r="869" spans="1:23" hidden="1" x14ac:dyDescent="0.35">
      <c r="A869" s="52" t="s">
        <v>78</v>
      </c>
      <c r="B869" s="52" t="s">
        <v>79</v>
      </c>
      <c r="C869" s="3">
        <v>20</v>
      </c>
      <c r="D869" s="52" t="s">
        <v>80</v>
      </c>
      <c r="E869" s="52" t="s">
        <v>26</v>
      </c>
      <c r="F869" s="52" t="s">
        <v>81</v>
      </c>
      <c r="G869" s="52" t="s">
        <v>82</v>
      </c>
      <c r="H869" s="4">
        <v>1</v>
      </c>
      <c r="I869" s="2">
        <v>14.65</v>
      </c>
      <c r="J869" s="52" t="s">
        <v>3689</v>
      </c>
      <c r="K869" s="71" t="s">
        <v>3690</v>
      </c>
      <c r="L869" s="52" t="s">
        <v>2063</v>
      </c>
      <c r="M869" s="72">
        <v>8904</v>
      </c>
      <c r="N869" s="52" t="s">
        <v>2072</v>
      </c>
      <c r="O869" s="52" t="s">
        <v>2073</v>
      </c>
      <c r="P869" s="52"/>
      <c r="Q869" s="52"/>
      <c r="R869" s="52"/>
      <c r="S869" s="52"/>
      <c r="T869" s="52"/>
      <c r="U869" s="52"/>
      <c r="V869" s="52"/>
      <c r="W869" s="52"/>
    </row>
    <row r="870" spans="1:23" hidden="1" x14ac:dyDescent="0.35">
      <c r="A870" s="52" t="s">
        <v>78</v>
      </c>
      <c r="B870" s="52" t="s">
        <v>79</v>
      </c>
      <c r="C870" s="3">
        <v>20</v>
      </c>
      <c r="D870" s="52" t="s">
        <v>80</v>
      </c>
      <c r="E870" s="52" t="s">
        <v>26</v>
      </c>
      <c r="F870" s="52" t="s">
        <v>81</v>
      </c>
      <c r="G870" s="52" t="s">
        <v>82</v>
      </c>
      <c r="H870" s="4">
        <v>1</v>
      </c>
      <c r="I870" s="2">
        <v>14.65</v>
      </c>
      <c r="J870" s="52" t="s">
        <v>3384</v>
      </c>
      <c r="K870" s="71" t="s">
        <v>3691</v>
      </c>
      <c r="L870" s="52" t="s">
        <v>2063</v>
      </c>
      <c r="M870" s="72">
        <v>2216</v>
      </c>
      <c r="N870" s="52"/>
      <c r="O870" s="52"/>
      <c r="P870" s="52"/>
      <c r="Q870" s="52"/>
      <c r="R870" s="52"/>
      <c r="S870" s="52"/>
      <c r="T870" s="52"/>
      <c r="U870" s="52"/>
      <c r="V870" s="52"/>
      <c r="W870" s="52"/>
    </row>
    <row r="871" spans="1:23" hidden="1" x14ac:dyDescent="0.35">
      <c r="A871" s="52" t="s">
        <v>78</v>
      </c>
      <c r="B871" s="52" t="s">
        <v>79</v>
      </c>
      <c r="C871" s="3">
        <v>20</v>
      </c>
      <c r="D871" s="52" t="s">
        <v>87</v>
      </c>
      <c r="E871" s="52" t="s">
        <v>26</v>
      </c>
      <c r="F871" s="52" t="s">
        <v>81</v>
      </c>
      <c r="G871" s="52" t="s">
        <v>82</v>
      </c>
      <c r="H871" s="4">
        <v>1</v>
      </c>
      <c r="I871" s="2">
        <v>14.65</v>
      </c>
      <c r="J871" s="52" t="s">
        <v>3692</v>
      </c>
      <c r="K871" s="71" t="s">
        <v>3693</v>
      </c>
      <c r="L871" s="52" t="s">
        <v>2063</v>
      </c>
      <c r="M871" s="72">
        <v>2739</v>
      </c>
      <c r="N871" s="52" t="s">
        <v>2072</v>
      </c>
      <c r="O871" s="52" t="s">
        <v>2073</v>
      </c>
      <c r="P871" s="52"/>
      <c r="Q871" s="52"/>
      <c r="R871" s="52"/>
      <c r="S871" s="52"/>
      <c r="T871" s="52"/>
      <c r="U871" s="52"/>
      <c r="V871" s="52"/>
      <c r="W871" s="52"/>
    </row>
    <row r="872" spans="1:23" x14ac:dyDescent="0.35">
      <c r="A872" s="52" t="s">
        <v>78</v>
      </c>
      <c r="B872" s="52" t="s">
        <v>79</v>
      </c>
      <c r="C872" s="3">
        <v>20</v>
      </c>
      <c r="D872" s="52" t="s">
        <v>2023</v>
      </c>
      <c r="E872" s="52" t="s">
        <v>26</v>
      </c>
      <c r="F872" s="52" t="s">
        <v>81</v>
      </c>
      <c r="G872" s="52" t="s">
        <v>82</v>
      </c>
      <c r="H872" s="4">
        <v>1</v>
      </c>
      <c r="I872" s="2">
        <v>14.65</v>
      </c>
      <c r="J872" s="52" t="s">
        <v>3694</v>
      </c>
      <c r="K872" s="71" t="s">
        <v>3695</v>
      </c>
      <c r="L872" s="52" t="s">
        <v>2063</v>
      </c>
      <c r="M872" s="72">
        <v>3645</v>
      </c>
      <c r="N872" s="52" t="s">
        <v>2076</v>
      </c>
      <c r="O872" s="52" t="s">
        <v>2077</v>
      </c>
      <c r="P872" s="52"/>
      <c r="Q872" s="52"/>
      <c r="R872" s="52"/>
      <c r="S872" s="52"/>
      <c r="T872" s="52"/>
      <c r="U872" s="52"/>
      <c r="V872" s="52"/>
      <c r="W872" s="52"/>
    </row>
    <row r="873" spans="1:23" hidden="1" x14ac:dyDescent="0.35">
      <c r="A873" s="52" t="s">
        <v>78</v>
      </c>
      <c r="B873" s="52" t="s">
        <v>79</v>
      </c>
      <c r="C873" s="3">
        <v>20</v>
      </c>
      <c r="D873" s="52" t="s">
        <v>2019</v>
      </c>
      <c r="E873" s="52" t="s">
        <v>26</v>
      </c>
      <c r="F873" s="52" t="s">
        <v>81</v>
      </c>
      <c r="G873" s="52" t="s">
        <v>82</v>
      </c>
      <c r="H873" s="4">
        <v>1</v>
      </c>
      <c r="I873" s="2">
        <v>14.65</v>
      </c>
      <c r="J873" s="52" t="s">
        <v>3696</v>
      </c>
      <c r="K873" s="71" t="s">
        <v>3697</v>
      </c>
      <c r="L873" s="52" t="s">
        <v>2063</v>
      </c>
      <c r="M873" s="72">
        <v>5116</v>
      </c>
      <c r="N873" s="52" t="s">
        <v>2066</v>
      </c>
      <c r="O873" s="52" t="s">
        <v>2067</v>
      </c>
      <c r="P873" s="52" t="s">
        <v>2066</v>
      </c>
      <c r="Q873" s="52" t="s">
        <v>2067</v>
      </c>
      <c r="R873" s="52"/>
      <c r="S873" s="52"/>
      <c r="T873" s="52"/>
      <c r="U873" s="52"/>
      <c r="V873" s="52"/>
      <c r="W873" s="52"/>
    </row>
    <row r="874" spans="1:23" x14ac:dyDescent="0.35">
      <c r="A874" s="52" t="s">
        <v>78</v>
      </c>
      <c r="B874" s="52" t="s">
        <v>79</v>
      </c>
      <c r="C874" s="3">
        <v>20</v>
      </c>
      <c r="D874" s="52" t="s">
        <v>2024</v>
      </c>
      <c r="E874" s="52" t="s">
        <v>26</v>
      </c>
      <c r="F874" s="52" t="s">
        <v>81</v>
      </c>
      <c r="G874" s="52" t="s">
        <v>82</v>
      </c>
      <c r="H874" s="4">
        <v>1</v>
      </c>
      <c r="I874" s="2">
        <v>14.65</v>
      </c>
      <c r="J874" s="52" t="s">
        <v>3698</v>
      </c>
      <c r="K874" s="71" t="s">
        <v>3699</v>
      </c>
      <c r="L874" s="52" t="s">
        <v>2063</v>
      </c>
      <c r="M874" s="72">
        <v>5484</v>
      </c>
      <c r="N874" s="52" t="s">
        <v>2259</v>
      </c>
      <c r="O874" s="52" t="s">
        <v>2260</v>
      </c>
      <c r="P874" s="52"/>
      <c r="Q874" s="52"/>
      <c r="R874" s="52"/>
      <c r="S874" s="52"/>
      <c r="T874" s="52"/>
      <c r="U874" s="52"/>
      <c r="V874" s="52"/>
      <c r="W874" s="52"/>
    </row>
    <row r="875" spans="1:23" hidden="1" x14ac:dyDescent="0.35">
      <c r="A875" s="52" t="s">
        <v>78</v>
      </c>
      <c r="B875" s="52" t="s">
        <v>79</v>
      </c>
      <c r="C875" s="3">
        <v>10</v>
      </c>
      <c r="D875" s="52" t="s">
        <v>2020</v>
      </c>
      <c r="E875" s="52" t="s">
        <v>26</v>
      </c>
      <c r="F875" s="52" t="s">
        <v>81</v>
      </c>
      <c r="G875" s="52" t="s">
        <v>82</v>
      </c>
      <c r="H875" s="4">
        <v>1</v>
      </c>
      <c r="I875" s="2">
        <v>14.65</v>
      </c>
      <c r="J875" s="52" t="s">
        <v>3700</v>
      </c>
      <c r="K875" s="71" t="s">
        <v>3701</v>
      </c>
      <c r="L875" s="52" t="s">
        <v>2063</v>
      </c>
      <c r="M875" s="72">
        <v>7596</v>
      </c>
      <c r="N875" s="52"/>
      <c r="O875" s="52"/>
      <c r="P875" s="52"/>
      <c r="Q875" s="52"/>
      <c r="R875" s="52"/>
      <c r="S875" s="52"/>
      <c r="T875" s="52"/>
      <c r="U875" s="52"/>
      <c r="V875" s="52"/>
      <c r="W875" s="52"/>
    </row>
    <row r="876" spans="1:23" hidden="1" x14ac:dyDescent="0.35">
      <c r="A876" s="52" t="s">
        <v>78</v>
      </c>
      <c r="B876" s="52" t="s">
        <v>79</v>
      </c>
      <c r="C876" s="3">
        <v>20</v>
      </c>
      <c r="D876" s="52" t="s">
        <v>83</v>
      </c>
      <c r="E876" s="52" t="s">
        <v>26</v>
      </c>
      <c r="F876" s="52" t="s">
        <v>81</v>
      </c>
      <c r="G876" s="52" t="s">
        <v>82</v>
      </c>
      <c r="H876" s="4">
        <v>1</v>
      </c>
      <c r="I876" s="2">
        <v>14.65</v>
      </c>
      <c r="J876" s="52" t="s">
        <v>3702</v>
      </c>
      <c r="K876" s="71" t="s">
        <v>3703</v>
      </c>
      <c r="L876" s="52" t="s">
        <v>2095</v>
      </c>
      <c r="M876" s="72">
        <v>1163</v>
      </c>
      <c r="N876" s="52"/>
      <c r="O876" s="52"/>
      <c r="P876" s="52"/>
      <c r="Q876" s="52"/>
      <c r="R876" s="52"/>
      <c r="S876" s="52"/>
      <c r="T876" s="52"/>
      <c r="U876" s="52"/>
      <c r="V876" s="52"/>
      <c r="W876" s="52"/>
    </row>
    <row r="877" spans="1:23" hidden="1" x14ac:dyDescent="0.35">
      <c r="A877" s="52" t="s">
        <v>78</v>
      </c>
      <c r="B877" s="52" t="s">
        <v>79</v>
      </c>
      <c r="C877" s="3">
        <v>10</v>
      </c>
      <c r="D877" s="52" t="s">
        <v>2023</v>
      </c>
      <c r="E877" s="52" t="s">
        <v>26</v>
      </c>
      <c r="F877" s="52" t="s">
        <v>81</v>
      </c>
      <c r="G877" s="52" t="s">
        <v>82</v>
      </c>
      <c r="H877" s="4">
        <v>1</v>
      </c>
      <c r="I877" s="2">
        <v>14.65</v>
      </c>
      <c r="J877" s="52" t="s">
        <v>3704</v>
      </c>
      <c r="K877" s="71" t="s">
        <v>3705</v>
      </c>
      <c r="L877" s="52" t="s">
        <v>2063</v>
      </c>
      <c r="M877" s="72">
        <v>8208</v>
      </c>
      <c r="N877" s="52" t="s">
        <v>2072</v>
      </c>
      <c r="O877" s="52" t="s">
        <v>2073</v>
      </c>
      <c r="P877" s="52"/>
      <c r="Q877" s="52"/>
      <c r="R877" s="52"/>
      <c r="S877" s="52"/>
      <c r="T877" s="52"/>
      <c r="U877" s="52"/>
      <c r="V877" s="52"/>
      <c r="W877" s="52"/>
    </row>
    <row r="878" spans="1:23" hidden="1" x14ac:dyDescent="0.35">
      <c r="A878" s="52" t="s">
        <v>78</v>
      </c>
      <c r="B878" s="52" t="s">
        <v>79</v>
      </c>
      <c r="C878" s="3">
        <v>20</v>
      </c>
      <c r="D878" s="52" t="s">
        <v>2019</v>
      </c>
      <c r="E878" s="52" t="s">
        <v>26</v>
      </c>
      <c r="F878" s="52" t="s">
        <v>81</v>
      </c>
      <c r="G878" s="52" t="s">
        <v>82</v>
      </c>
      <c r="H878" s="4">
        <v>1</v>
      </c>
      <c r="I878" s="2">
        <v>14.65</v>
      </c>
      <c r="J878" s="52" t="s">
        <v>3706</v>
      </c>
      <c r="K878" s="71" t="s">
        <v>3707</v>
      </c>
      <c r="L878" s="52" t="s">
        <v>2063</v>
      </c>
      <c r="M878" s="72">
        <v>8271</v>
      </c>
      <c r="N878" s="52" t="s">
        <v>2072</v>
      </c>
      <c r="O878" s="52" t="s">
        <v>2073</v>
      </c>
      <c r="P878" s="52"/>
      <c r="Q878" s="52"/>
      <c r="R878" s="52"/>
      <c r="S878" s="52"/>
      <c r="T878" s="52"/>
      <c r="U878" s="52"/>
      <c r="V878" s="52"/>
      <c r="W878" s="52"/>
    </row>
    <row r="879" spans="1:23" hidden="1" x14ac:dyDescent="0.35">
      <c r="A879" s="52" t="s">
        <v>78</v>
      </c>
      <c r="B879" s="52" t="s">
        <v>79</v>
      </c>
      <c r="C879" s="3">
        <v>10</v>
      </c>
      <c r="D879" s="52" t="s">
        <v>2023</v>
      </c>
      <c r="E879" s="52" t="s">
        <v>26</v>
      </c>
      <c r="F879" s="52" t="s">
        <v>81</v>
      </c>
      <c r="G879" s="52" t="s">
        <v>82</v>
      </c>
      <c r="H879" s="4">
        <v>1</v>
      </c>
      <c r="I879" s="2">
        <v>14.65</v>
      </c>
      <c r="J879" s="52" t="s">
        <v>3708</v>
      </c>
      <c r="K879" s="71" t="s">
        <v>3709</v>
      </c>
      <c r="L879" s="52" t="s">
        <v>2063</v>
      </c>
      <c r="M879" s="72">
        <v>6408</v>
      </c>
      <c r="N879" s="52" t="s">
        <v>2072</v>
      </c>
      <c r="O879" s="52" t="s">
        <v>2073</v>
      </c>
      <c r="P879" s="52"/>
      <c r="Q879" s="52"/>
      <c r="R879" s="52"/>
      <c r="S879" s="52"/>
      <c r="T879" s="52"/>
      <c r="U879" s="52"/>
      <c r="V879" s="52"/>
      <c r="W879" s="52"/>
    </row>
    <row r="880" spans="1:23" hidden="1" x14ac:dyDescent="0.35">
      <c r="A880" s="52" t="s">
        <v>78</v>
      </c>
      <c r="B880" s="52" t="s">
        <v>79</v>
      </c>
      <c r="C880" s="3">
        <v>20</v>
      </c>
      <c r="D880" s="52" t="s">
        <v>2023</v>
      </c>
      <c r="E880" s="52" t="s">
        <v>26</v>
      </c>
      <c r="F880" s="52" t="s">
        <v>81</v>
      </c>
      <c r="G880" s="52" t="s">
        <v>82</v>
      </c>
      <c r="H880" s="4">
        <v>1</v>
      </c>
      <c r="I880" s="2">
        <v>14.65</v>
      </c>
      <c r="J880" s="52" t="s">
        <v>3710</v>
      </c>
      <c r="K880" s="71" t="s">
        <v>3711</v>
      </c>
      <c r="L880" s="52" t="s">
        <v>2063</v>
      </c>
      <c r="M880" s="72">
        <v>1007</v>
      </c>
      <c r="N880" s="52" t="s">
        <v>2066</v>
      </c>
      <c r="O880" s="52" t="s">
        <v>2067</v>
      </c>
      <c r="P880" s="52"/>
      <c r="Q880" s="52"/>
      <c r="R880" s="52"/>
      <c r="S880" s="52"/>
      <c r="T880" s="52"/>
      <c r="U880" s="52"/>
      <c r="V880" s="52"/>
      <c r="W880" s="52"/>
    </row>
    <row r="881" spans="1:23" x14ac:dyDescent="0.35">
      <c r="A881" s="52" t="s">
        <v>78</v>
      </c>
      <c r="B881" s="52" t="s">
        <v>79</v>
      </c>
      <c r="C881" s="3">
        <v>20</v>
      </c>
      <c r="D881" s="52" t="s">
        <v>84</v>
      </c>
      <c r="E881" s="52" t="s">
        <v>26</v>
      </c>
      <c r="F881" s="52" t="s">
        <v>81</v>
      </c>
      <c r="G881" s="52" t="s">
        <v>82</v>
      </c>
      <c r="H881" s="4">
        <v>1</v>
      </c>
      <c r="I881" s="2">
        <v>14.65</v>
      </c>
      <c r="J881" s="52" t="s">
        <v>3712</v>
      </c>
      <c r="K881" s="71" t="s">
        <v>3713</v>
      </c>
      <c r="L881" s="52" t="s">
        <v>2095</v>
      </c>
      <c r="M881" s="72">
        <v>9766</v>
      </c>
      <c r="N881" s="52" t="s">
        <v>2076</v>
      </c>
      <c r="O881" s="52" t="s">
        <v>2077</v>
      </c>
      <c r="P881" s="52"/>
      <c r="Q881" s="52"/>
      <c r="R881" s="52"/>
      <c r="S881" s="52"/>
      <c r="T881" s="52"/>
      <c r="U881" s="52"/>
      <c r="V881" s="52"/>
      <c r="W881" s="52"/>
    </row>
    <row r="882" spans="1:23" hidden="1" x14ac:dyDescent="0.35">
      <c r="A882" s="52" t="s">
        <v>78</v>
      </c>
      <c r="B882" s="52" t="s">
        <v>79</v>
      </c>
      <c r="C882" s="3">
        <v>20</v>
      </c>
      <c r="D882" s="52" t="s">
        <v>85</v>
      </c>
      <c r="E882" s="52" t="s">
        <v>26</v>
      </c>
      <c r="F882" s="52" t="s">
        <v>81</v>
      </c>
      <c r="G882" s="52" t="s">
        <v>82</v>
      </c>
      <c r="H882" s="4">
        <v>1</v>
      </c>
      <c r="I882" s="2">
        <v>14.65</v>
      </c>
      <c r="J882" s="52" t="s">
        <v>3714</v>
      </c>
      <c r="K882" s="71" t="s">
        <v>3715</v>
      </c>
      <c r="L882" s="52" t="s">
        <v>2063</v>
      </c>
      <c r="M882" s="72">
        <v>1544</v>
      </c>
      <c r="N882" s="52" t="s">
        <v>2066</v>
      </c>
      <c r="O882" s="52" t="s">
        <v>2067</v>
      </c>
      <c r="P882" s="52"/>
      <c r="Q882" s="52"/>
      <c r="R882" s="52"/>
      <c r="S882" s="52"/>
      <c r="T882" s="52"/>
      <c r="U882" s="52"/>
      <c r="V882" s="52"/>
      <c r="W882" s="52"/>
    </row>
    <row r="883" spans="1:23" hidden="1" x14ac:dyDescent="0.35">
      <c r="A883" s="52" t="s">
        <v>78</v>
      </c>
      <c r="B883" s="52" t="s">
        <v>79</v>
      </c>
      <c r="C883" s="3">
        <v>20</v>
      </c>
      <c r="D883" s="52" t="s">
        <v>80</v>
      </c>
      <c r="E883" s="52" t="s">
        <v>26</v>
      </c>
      <c r="F883" s="52" t="s">
        <v>81</v>
      </c>
      <c r="G883" s="52" t="s">
        <v>82</v>
      </c>
      <c r="H883" s="4">
        <v>1</v>
      </c>
      <c r="I883" s="2">
        <v>14.65</v>
      </c>
      <c r="J883" s="52" t="s">
        <v>3716</v>
      </c>
      <c r="K883" s="71" t="s">
        <v>3717</v>
      </c>
      <c r="L883" s="52" t="s">
        <v>2063</v>
      </c>
      <c r="M883" s="72">
        <v>2143</v>
      </c>
      <c r="N883" s="52"/>
      <c r="O883" s="52"/>
      <c r="P883" s="52"/>
      <c r="Q883" s="52"/>
      <c r="R883" s="52"/>
      <c r="S883" s="52"/>
      <c r="T883" s="52"/>
      <c r="U883" s="52"/>
      <c r="V883" s="52"/>
      <c r="W883" s="52"/>
    </row>
    <row r="884" spans="1:23" hidden="1" x14ac:dyDescent="0.35">
      <c r="A884" s="52" t="s">
        <v>78</v>
      </c>
      <c r="B884" s="52" t="s">
        <v>79</v>
      </c>
      <c r="C884" s="3">
        <v>20</v>
      </c>
      <c r="D884" s="52" t="s">
        <v>2024</v>
      </c>
      <c r="E884" s="52" t="s">
        <v>26</v>
      </c>
      <c r="F884" s="52" t="s">
        <v>81</v>
      </c>
      <c r="G884" s="52" t="s">
        <v>82</v>
      </c>
      <c r="H884" s="4">
        <v>1</v>
      </c>
      <c r="I884" s="2">
        <v>14.65</v>
      </c>
      <c r="J884" s="52" t="s">
        <v>3718</v>
      </c>
      <c r="K884" s="71" t="s">
        <v>3719</v>
      </c>
      <c r="L884" s="52" t="s">
        <v>2063</v>
      </c>
      <c r="M884" s="72">
        <v>9830</v>
      </c>
      <c r="N884" s="52" t="s">
        <v>2072</v>
      </c>
      <c r="O884" s="52" t="s">
        <v>2073</v>
      </c>
      <c r="P884" s="52"/>
      <c r="Q884" s="52"/>
      <c r="R884" s="52"/>
      <c r="S884" s="52"/>
      <c r="T884" s="52"/>
      <c r="U884" s="52"/>
      <c r="V884" s="52"/>
      <c r="W884" s="52"/>
    </row>
    <row r="885" spans="1:23" hidden="1" x14ac:dyDescent="0.35">
      <c r="A885" s="52" t="s">
        <v>78</v>
      </c>
      <c r="B885" s="52" t="s">
        <v>79</v>
      </c>
      <c r="C885" s="3">
        <v>20</v>
      </c>
      <c r="D885" s="52" t="s">
        <v>85</v>
      </c>
      <c r="E885" s="52" t="s">
        <v>26</v>
      </c>
      <c r="F885" s="52" t="s">
        <v>81</v>
      </c>
      <c r="G885" s="52" t="s">
        <v>82</v>
      </c>
      <c r="H885" s="4">
        <v>1</v>
      </c>
      <c r="I885" s="2">
        <v>14.65</v>
      </c>
      <c r="J885" s="52" t="s">
        <v>3720</v>
      </c>
      <c r="K885" s="71" t="s">
        <v>3721</v>
      </c>
      <c r="L885" s="52" t="s">
        <v>2063</v>
      </c>
      <c r="M885" s="72">
        <v>7552</v>
      </c>
      <c r="N885" s="52" t="s">
        <v>2158</v>
      </c>
      <c r="O885" s="52" t="s">
        <v>2159</v>
      </c>
      <c r="P885" s="52"/>
      <c r="Q885" s="52"/>
      <c r="R885" s="52"/>
      <c r="S885" s="52"/>
      <c r="T885" s="52"/>
      <c r="U885" s="52"/>
      <c r="V885" s="52"/>
      <c r="W885" s="52"/>
    </row>
    <row r="886" spans="1:23" hidden="1" x14ac:dyDescent="0.35">
      <c r="A886" s="52" t="s">
        <v>78</v>
      </c>
      <c r="B886" s="52" t="s">
        <v>79</v>
      </c>
      <c r="C886" s="3">
        <v>20</v>
      </c>
      <c r="D886" s="52" t="s">
        <v>85</v>
      </c>
      <c r="E886" s="52" t="s">
        <v>26</v>
      </c>
      <c r="F886" s="52" t="s">
        <v>81</v>
      </c>
      <c r="G886" s="52" t="s">
        <v>82</v>
      </c>
      <c r="H886" s="4">
        <v>1</v>
      </c>
      <c r="I886" s="2">
        <v>14.65</v>
      </c>
      <c r="J886" s="52" t="s">
        <v>3722</v>
      </c>
      <c r="K886" s="71" t="s">
        <v>3723</v>
      </c>
      <c r="L886" s="52" t="s">
        <v>2063</v>
      </c>
      <c r="M886" s="72">
        <v>112</v>
      </c>
      <c r="N886" s="52"/>
      <c r="O886" s="52"/>
      <c r="P886" s="52"/>
      <c r="Q886" s="52"/>
      <c r="R886" s="52"/>
      <c r="S886" s="52"/>
      <c r="T886" s="52"/>
      <c r="U886" s="52"/>
      <c r="V886" s="52"/>
      <c r="W886" s="52"/>
    </row>
    <row r="887" spans="1:23" hidden="1" x14ac:dyDescent="0.35">
      <c r="A887" s="52" t="s">
        <v>78</v>
      </c>
      <c r="B887" s="52" t="s">
        <v>79</v>
      </c>
      <c r="C887" s="3">
        <v>20</v>
      </c>
      <c r="D887" s="52" t="s">
        <v>2023</v>
      </c>
      <c r="E887" s="52" t="s">
        <v>26</v>
      </c>
      <c r="F887" s="52" t="s">
        <v>81</v>
      </c>
      <c r="G887" s="52" t="s">
        <v>82</v>
      </c>
      <c r="H887" s="4">
        <v>1</v>
      </c>
      <c r="I887" s="2">
        <v>14.65</v>
      </c>
      <c r="J887" s="52" t="s">
        <v>3724</v>
      </c>
      <c r="K887" s="71" t="s">
        <v>3725</v>
      </c>
      <c r="L887" s="52" t="s">
        <v>2063</v>
      </c>
      <c r="M887" s="72">
        <v>2686</v>
      </c>
      <c r="N887" s="52" t="s">
        <v>2072</v>
      </c>
      <c r="O887" s="52" t="s">
        <v>2073</v>
      </c>
      <c r="P887" s="52"/>
      <c r="Q887" s="52"/>
      <c r="R887" s="52"/>
      <c r="S887" s="52"/>
      <c r="T887" s="52"/>
      <c r="U887" s="52"/>
      <c r="V887" s="52"/>
      <c r="W887" s="52"/>
    </row>
    <row r="888" spans="1:23" hidden="1" x14ac:dyDescent="0.35">
      <c r="A888" s="52" t="s">
        <v>78</v>
      </c>
      <c r="B888" s="52" t="s">
        <v>79</v>
      </c>
      <c r="C888" s="3">
        <v>10</v>
      </c>
      <c r="D888" s="52" t="s">
        <v>2022</v>
      </c>
      <c r="E888" s="52" t="s">
        <v>26</v>
      </c>
      <c r="F888" s="52" t="s">
        <v>81</v>
      </c>
      <c r="G888" s="52" t="s">
        <v>82</v>
      </c>
      <c r="H888" s="4">
        <v>1</v>
      </c>
      <c r="I888" s="2">
        <v>14.65</v>
      </c>
      <c r="J888" s="52" t="s">
        <v>3726</v>
      </c>
      <c r="K888" s="71" t="s">
        <v>3727</v>
      </c>
      <c r="L888" s="52" t="s">
        <v>2063</v>
      </c>
      <c r="M888" s="72">
        <v>7735</v>
      </c>
      <c r="N888" s="52" t="s">
        <v>2066</v>
      </c>
      <c r="O888" s="52" t="s">
        <v>2067</v>
      </c>
      <c r="P888" s="52"/>
      <c r="Q888" s="52"/>
      <c r="R888" s="52"/>
      <c r="S888" s="52"/>
      <c r="T888" s="52"/>
      <c r="U888" s="52"/>
      <c r="V888" s="52"/>
      <c r="W888" s="52"/>
    </row>
    <row r="889" spans="1:23" hidden="1" x14ac:dyDescent="0.35">
      <c r="A889" s="52" t="s">
        <v>78</v>
      </c>
      <c r="B889" s="52" t="s">
        <v>79</v>
      </c>
      <c r="C889" s="3">
        <v>20</v>
      </c>
      <c r="D889" s="52" t="s">
        <v>2020</v>
      </c>
      <c r="E889" s="52" t="s">
        <v>26</v>
      </c>
      <c r="F889" s="52" t="s">
        <v>81</v>
      </c>
      <c r="G889" s="52" t="s">
        <v>82</v>
      </c>
      <c r="H889" s="4">
        <v>1</v>
      </c>
      <c r="I889" s="2">
        <v>14.65</v>
      </c>
      <c r="J889" s="52" t="s">
        <v>3728</v>
      </c>
      <c r="K889" s="71" t="s">
        <v>3729</v>
      </c>
      <c r="L889" s="52" t="s">
        <v>2063</v>
      </c>
      <c r="M889" s="72">
        <v>4177</v>
      </c>
      <c r="N889" s="52" t="s">
        <v>2072</v>
      </c>
      <c r="O889" s="52" t="s">
        <v>2073</v>
      </c>
      <c r="P889" s="52"/>
      <c r="Q889" s="52"/>
      <c r="R889" s="52"/>
      <c r="S889" s="52"/>
      <c r="T889" s="52"/>
      <c r="U889" s="52"/>
      <c r="V889" s="52"/>
      <c r="W889" s="52"/>
    </row>
    <row r="890" spans="1:23" hidden="1" x14ac:dyDescent="0.35">
      <c r="A890" s="52" t="s">
        <v>78</v>
      </c>
      <c r="B890" s="52" t="s">
        <v>79</v>
      </c>
      <c r="C890" s="3">
        <v>20</v>
      </c>
      <c r="D890" s="52" t="s">
        <v>83</v>
      </c>
      <c r="E890" s="52" t="s">
        <v>26</v>
      </c>
      <c r="F890" s="52" t="s">
        <v>81</v>
      </c>
      <c r="G890" s="52" t="s">
        <v>82</v>
      </c>
      <c r="H890" s="4">
        <v>1</v>
      </c>
      <c r="I890" s="2">
        <v>14.65</v>
      </c>
      <c r="J890" s="52" t="s">
        <v>3730</v>
      </c>
      <c r="K890" s="71" t="s">
        <v>3731</v>
      </c>
      <c r="L890" s="52" t="s">
        <v>2063</v>
      </c>
      <c r="M890" s="72">
        <v>4837</v>
      </c>
      <c r="N890" s="52"/>
      <c r="O890" s="52"/>
      <c r="P890" s="52"/>
      <c r="Q890" s="52"/>
      <c r="R890" s="52"/>
      <c r="S890" s="52"/>
      <c r="T890" s="52"/>
      <c r="U890" s="52"/>
      <c r="V890" s="52"/>
      <c r="W890" s="52"/>
    </row>
    <row r="891" spans="1:23" hidden="1" x14ac:dyDescent="0.35">
      <c r="A891" s="52" t="s">
        <v>78</v>
      </c>
      <c r="B891" s="52" t="s">
        <v>79</v>
      </c>
      <c r="C891" s="3">
        <v>10</v>
      </c>
      <c r="D891" s="52" t="s">
        <v>2020</v>
      </c>
      <c r="E891" s="52" t="s">
        <v>26</v>
      </c>
      <c r="F891" s="52" t="s">
        <v>81</v>
      </c>
      <c r="G891" s="52" t="s">
        <v>82</v>
      </c>
      <c r="H891" s="4">
        <v>1</v>
      </c>
      <c r="I891" s="2">
        <v>14.65</v>
      </c>
      <c r="J891" s="52" t="s">
        <v>3732</v>
      </c>
      <c r="K891" s="71" t="s">
        <v>3733</v>
      </c>
      <c r="L891" s="52" t="s">
        <v>2063</v>
      </c>
      <c r="M891" s="72">
        <v>9934</v>
      </c>
      <c r="N891" s="52" t="s">
        <v>2072</v>
      </c>
      <c r="O891" s="52" t="s">
        <v>2073</v>
      </c>
      <c r="P891" s="52"/>
      <c r="Q891" s="52"/>
      <c r="R891" s="52"/>
      <c r="S891" s="52"/>
      <c r="T891" s="52"/>
      <c r="U891" s="52"/>
      <c r="V891" s="52"/>
      <c r="W891" s="52"/>
    </row>
    <row r="892" spans="1:23" hidden="1" x14ac:dyDescent="0.35">
      <c r="A892" s="52" t="s">
        <v>78</v>
      </c>
      <c r="B892" s="52" t="s">
        <v>79</v>
      </c>
      <c r="C892" s="3">
        <v>20</v>
      </c>
      <c r="D892" s="52" t="s">
        <v>2019</v>
      </c>
      <c r="E892" s="52" t="s">
        <v>26</v>
      </c>
      <c r="F892" s="52" t="s">
        <v>81</v>
      </c>
      <c r="G892" s="52" t="s">
        <v>82</v>
      </c>
      <c r="H892" s="4">
        <v>1</v>
      </c>
      <c r="I892" s="2">
        <v>14.65</v>
      </c>
      <c r="J892" s="52" t="s">
        <v>3734</v>
      </c>
      <c r="K892" s="71" t="s">
        <v>3735</v>
      </c>
      <c r="L892" s="52" t="s">
        <v>2063</v>
      </c>
      <c r="M892" s="72">
        <v>6765</v>
      </c>
      <c r="N892" s="52" t="s">
        <v>2072</v>
      </c>
      <c r="O892" s="52" t="s">
        <v>2073</v>
      </c>
      <c r="P892" s="52"/>
      <c r="Q892" s="52"/>
      <c r="R892" s="52"/>
      <c r="S892" s="52"/>
      <c r="T892" s="52"/>
      <c r="U892" s="52"/>
      <c r="V892" s="52"/>
      <c r="W892" s="52"/>
    </row>
    <row r="893" spans="1:23" hidden="1" x14ac:dyDescent="0.35">
      <c r="A893" s="52" t="s">
        <v>78</v>
      </c>
      <c r="B893" s="52" t="s">
        <v>79</v>
      </c>
      <c r="C893" s="3">
        <v>20</v>
      </c>
      <c r="D893" s="52" t="s">
        <v>87</v>
      </c>
      <c r="E893" s="52" t="s">
        <v>26</v>
      </c>
      <c r="F893" s="52" t="s">
        <v>81</v>
      </c>
      <c r="G893" s="52" t="s">
        <v>82</v>
      </c>
      <c r="H893" s="4">
        <v>1</v>
      </c>
      <c r="I893" s="2">
        <v>14.65</v>
      </c>
      <c r="J893" s="52" t="s">
        <v>3736</v>
      </c>
      <c r="K893" s="71" t="s">
        <v>3737</v>
      </c>
      <c r="L893" s="52" t="s">
        <v>2063</v>
      </c>
      <c r="M893" s="72">
        <v>1486</v>
      </c>
      <c r="N893" s="52" t="s">
        <v>2066</v>
      </c>
      <c r="O893" s="52" t="s">
        <v>2067</v>
      </c>
      <c r="P893" s="52"/>
      <c r="Q893" s="52"/>
      <c r="R893" s="52"/>
      <c r="S893" s="52"/>
      <c r="T893" s="52"/>
      <c r="U893" s="52"/>
      <c r="V893" s="52"/>
      <c r="W893" s="52"/>
    </row>
    <row r="894" spans="1:23" hidden="1" x14ac:dyDescent="0.35">
      <c r="A894" s="52" t="s">
        <v>78</v>
      </c>
      <c r="B894" s="52" t="s">
        <v>79</v>
      </c>
      <c r="C894" s="3">
        <v>20</v>
      </c>
      <c r="D894" s="52" t="s">
        <v>2019</v>
      </c>
      <c r="E894" s="52" t="s">
        <v>26</v>
      </c>
      <c r="F894" s="52" t="s">
        <v>81</v>
      </c>
      <c r="G894" s="52" t="s">
        <v>82</v>
      </c>
      <c r="H894" s="4">
        <v>1</v>
      </c>
      <c r="I894" s="2">
        <v>14.65</v>
      </c>
      <c r="J894" s="52" t="s">
        <v>3738</v>
      </c>
      <c r="K894" s="71" t="s">
        <v>3739</v>
      </c>
      <c r="L894" s="52" t="s">
        <v>2095</v>
      </c>
      <c r="M894" s="72">
        <v>3045</v>
      </c>
      <c r="N894" s="52" t="s">
        <v>2072</v>
      </c>
      <c r="O894" s="52" t="s">
        <v>2073</v>
      </c>
      <c r="P894" s="52"/>
      <c r="Q894" s="52"/>
      <c r="R894" s="52"/>
      <c r="S894" s="52"/>
      <c r="T894" s="52"/>
      <c r="U894" s="52"/>
      <c r="V894" s="52"/>
      <c r="W894" s="52"/>
    </row>
    <row r="895" spans="1:23" hidden="1" x14ac:dyDescent="0.35">
      <c r="A895" s="52" t="s">
        <v>78</v>
      </c>
      <c r="B895" s="52" t="s">
        <v>79</v>
      </c>
      <c r="C895" s="3">
        <v>20</v>
      </c>
      <c r="D895" s="52" t="s">
        <v>86</v>
      </c>
      <c r="E895" s="52" t="s">
        <v>26</v>
      </c>
      <c r="F895" s="52" t="s">
        <v>81</v>
      </c>
      <c r="G895" s="52" t="s">
        <v>82</v>
      </c>
      <c r="H895" s="4">
        <v>1</v>
      </c>
      <c r="I895" s="2">
        <v>14.65</v>
      </c>
      <c r="J895" s="52" t="s">
        <v>3740</v>
      </c>
      <c r="K895" s="71" t="s">
        <v>3741</v>
      </c>
      <c r="L895" s="52" t="s">
        <v>2063</v>
      </c>
      <c r="M895" s="72">
        <v>7695</v>
      </c>
      <c r="N895" s="52" t="s">
        <v>2072</v>
      </c>
      <c r="O895" s="52" t="s">
        <v>2073</v>
      </c>
      <c r="P895" s="52"/>
      <c r="Q895" s="52"/>
      <c r="R895" s="52"/>
      <c r="S895" s="52"/>
      <c r="T895" s="52"/>
      <c r="U895" s="52"/>
      <c r="V895" s="52"/>
      <c r="W895" s="52"/>
    </row>
    <row r="896" spans="1:23" hidden="1" x14ac:dyDescent="0.35">
      <c r="A896" s="52" t="s">
        <v>78</v>
      </c>
      <c r="B896" s="52" t="s">
        <v>79</v>
      </c>
      <c r="C896" s="3">
        <v>20</v>
      </c>
      <c r="D896" s="52" t="s">
        <v>83</v>
      </c>
      <c r="E896" s="52" t="s">
        <v>26</v>
      </c>
      <c r="F896" s="52" t="s">
        <v>81</v>
      </c>
      <c r="G896" s="52" t="s">
        <v>82</v>
      </c>
      <c r="H896" s="4">
        <v>1</v>
      </c>
      <c r="I896" s="2">
        <v>14.65</v>
      </c>
      <c r="J896" s="52" t="s">
        <v>3742</v>
      </c>
      <c r="K896" s="71" t="s">
        <v>3743</v>
      </c>
      <c r="L896" s="52" t="s">
        <v>2063</v>
      </c>
      <c r="M896" s="72">
        <v>1230</v>
      </c>
      <c r="N896" s="52" t="s">
        <v>2158</v>
      </c>
      <c r="O896" s="52" t="s">
        <v>2159</v>
      </c>
      <c r="P896" s="52"/>
      <c r="Q896" s="52"/>
      <c r="R896" s="52"/>
      <c r="S896" s="52"/>
      <c r="T896" s="52"/>
      <c r="U896" s="52"/>
      <c r="V896" s="52"/>
      <c r="W896" s="52"/>
    </row>
    <row r="897" spans="1:23" hidden="1" x14ac:dyDescent="0.35">
      <c r="A897" s="52" t="s">
        <v>78</v>
      </c>
      <c r="B897" s="52" t="s">
        <v>79</v>
      </c>
      <c r="C897" s="3">
        <v>20</v>
      </c>
      <c r="D897" s="52" t="s">
        <v>2019</v>
      </c>
      <c r="E897" s="52" t="s">
        <v>26</v>
      </c>
      <c r="F897" s="52" t="s">
        <v>81</v>
      </c>
      <c r="G897" s="52" t="s">
        <v>82</v>
      </c>
      <c r="H897" s="4">
        <v>1</v>
      </c>
      <c r="I897" s="2">
        <v>14.65</v>
      </c>
      <c r="J897" s="52" t="s">
        <v>3744</v>
      </c>
      <c r="K897" s="71" t="s">
        <v>3745</v>
      </c>
      <c r="L897" s="52" t="s">
        <v>2063</v>
      </c>
      <c r="M897" s="72">
        <v>2811</v>
      </c>
      <c r="N897" s="52" t="s">
        <v>2072</v>
      </c>
      <c r="O897" s="52" t="s">
        <v>2073</v>
      </c>
      <c r="P897" s="52"/>
      <c r="Q897" s="52"/>
      <c r="R897" s="52"/>
      <c r="S897" s="52"/>
      <c r="T897" s="52"/>
      <c r="U897" s="52"/>
      <c r="V897" s="52"/>
      <c r="W897" s="52"/>
    </row>
    <row r="898" spans="1:23" hidden="1" x14ac:dyDescent="0.35">
      <c r="A898" s="52" t="s">
        <v>78</v>
      </c>
      <c r="B898" s="52" t="s">
        <v>79</v>
      </c>
      <c r="C898" s="3">
        <v>10</v>
      </c>
      <c r="D898" s="52" t="s">
        <v>2022</v>
      </c>
      <c r="E898" s="52" t="s">
        <v>26</v>
      </c>
      <c r="F898" s="52" t="s">
        <v>81</v>
      </c>
      <c r="G898" s="52" t="s">
        <v>82</v>
      </c>
      <c r="H898" s="4">
        <v>1</v>
      </c>
      <c r="I898" s="2">
        <v>14.65</v>
      </c>
      <c r="J898" s="52" t="s">
        <v>3746</v>
      </c>
      <c r="K898" s="71" t="s">
        <v>3747</v>
      </c>
      <c r="L898" s="52" t="s">
        <v>2063</v>
      </c>
      <c r="M898" s="72">
        <v>8093</v>
      </c>
      <c r="N898" s="52" t="s">
        <v>2066</v>
      </c>
      <c r="O898" s="52" t="s">
        <v>2067</v>
      </c>
      <c r="P898" s="52"/>
      <c r="Q898" s="52"/>
      <c r="R898" s="52"/>
      <c r="S898" s="52"/>
      <c r="T898" s="52"/>
      <c r="U898" s="52"/>
      <c r="V898" s="52"/>
      <c r="W898" s="52"/>
    </row>
    <row r="899" spans="1:23" x14ac:dyDescent="0.35">
      <c r="A899" s="52" t="s">
        <v>78</v>
      </c>
      <c r="B899" s="52" t="s">
        <v>79</v>
      </c>
      <c r="C899" s="3">
        <v>10</v>
      </c>
      <c r="D899" s="52" t="s">
        <v>2020</v>
      </c>
      <c r="E899" s="52" t="s">
        <v>26</v>
      </c>
      <c r="F899" s="52" t="s">
        <v>81</v>
      </c>
      <c r="G899" s="52" t="s">
        <v>82</v>
      </c>
      <c r="H899" s="4">
        <v>1</v>
      </c>
      <c r="I899" s="2">
        <v>14.65</v>
      </c>
      <c r="J899" s="52" t="s">
        <v>3480</v>
      </c>
      <c r="K899" s="71" t="s">
        <v>3748</v>
      </c>
      <c r="L899" s="52" t="s">
        <v>2063</v>
      </c>
      <c r="M899" s="72">
        <v>6701</v>
      </c>
      <c r="N899" s="52" t="s">
        <v>2259</v>
      </c>
      <c r="O899" s="52" t="s">
        <v>2260</v>
      </c>
      <c r="P899" s="52"/>
      <c r="Q899" s="52"/>
      <c r="R899" s="52"/>
      <c r="S899" s="52"/>
      <c r="T899" s="52"/>
      <c r="U899" s="52"/>
      <c r="V899" s="52"/>
      <c r="W899" s="52"/>
    </row>
    <row r="900" spans="1:23" hidden="1" x14ac:dyDescent="0.35">
      <c r="A900" s="52" t="s">
        <v>78</v>
      </c>
      <c r="B900" s="52" t="s">
        <v>79</v>
      </c>
      <c r="C900" s="3">
        <v>20</v>
      </c>
      <c r="D900" s="52" t="s">
        <v>85</v>
      </c>
      <c r="E900" s="52" t="s">
        <v>26</v>
      </c>
      <c r="F900" s="52" t="s">
        <v>81</v>
      </c>
      <c r="G900" s="52" t="s">
        <v>82</v>
      </c>
      <c r="H900" s="4">
        <v>1</v>
      </c>
      <c r="I900" s="2">
        <v>14.65</v>
      </c>
      <c r="J900" s="52" t="s">
        <v>3749</v>
      </c>
      <c r="K900" s="71" t="s">
        <v>3750</v>
      </c>
      <c r="L900" s="52" t="s">
        <v>2063</v>
      </c>
      <c r="M900" s="72">
        <v>2246</v>
      </c>
      <c r="N900" s="52" t="s">
        <v>2066</v>
      </c>
      <c r="O900" s="52" t="s">
        <v>2067</v>
      </c>
      <c r="P900" s="52"/>
      <c r="Q900" s="52"/>
      <c r="R900" s="52"/>
      <c r="S900" s="52"/>
      <c r="T900" s="52"/>
      <c r="U900" s="52"/>
      <c r="V900" s="52"/>
      <c r="W900" s="52"/>
    </row>
    <row r="901" spans="1:23" hidden="1" x14ac:dyDescent="0.35">
      <c r="A901" s="52" t="s">
        <v>78</v>
      </c>
      <c r="B901" s="52" t="s">
        <v>79</v>
      </c>
      <c r="C901" s="3">
        <v>10</v>
      </c>
      <c r="D901" s="52" t="s">
        <v>2019</v>
      </c>
      <c r="E901" s="52" t="s">
        <v>26</v>
      </c>
      <c r="F901" s="52" t="s">
        <v>81</v>
      </c>
      <c r="G901" s="52" t="s">
        <v>82</v>
      </c>
      <c r="H901" s="4">
        <v>1</v>
      </c>
      <c r="I901" s="2">
        <v>14.65</v>
      </c>
      <c r="J901" s="52" t="s">
        <v>3751</v>
      </c>
      <c r="K901" s="71" t="s">
        <v>3752</v>
      </c>
      <c r="L901" s="52" t="s">
        <v>2063</v>
      </c>
      <c r="M901" s="72">
        <v>4477</v>
      </c>
      <c r="N901" s="52" t="s">
        <v>2072</v>
      </c>
      <c r="O901" s="52" t="s">
        <v>2073</v>
      </c>
      <c r="P901" s="52"/>
      <c r="Q901" s="52"/>
      <c r="R901" s="52"/>
      <c r="S901" s="52"/>
      <c r="T901" s="52"/>
      <c r="U901" s="52"/>
      <c r="V901" s="52"/>
      <c r="W901" s="52"/>
    </row>
    <row r="902" spans="1:23" hidden="1" x14ac:dyDescent="0.35">
      <c r="A902" s="52" t="s">
        <v>78</v>
      </c>
      <c r="B902" s="52" t="s">
        <v>79</v>
      </c>
      <c r="C902" s="3">
        <v>20</v>
      </c>
      <c r="D902" s="52" t="s">
        <v>83</v>
      </c>
      <c r="E902" s="52" t="s">
        <v>26</v>
      </c>
      <c r="F902" s="52" t="s">
        <v>81</v>
      </c>
      <c r="G902" s="52" t="s">
        <v>82</v>
      </c>
      <c r="H902" s="4">
        <v>1</v>
      </c>
      <c r="I902" s="2">
        <v>14.65</v>
      </c>
      <c r="J902" s="52" t="s">
        <v>3753</v>
      </c>
      <c r="K902" s="71" t="s">
        <v>3754</v>
      </c>
      <c r="L902" s="52" t="s">
        <v>2063</v>
      </c>
      <c r="M902" s="72">
        <v>614</v>
      </c>
      <c r="N902" s="52" t="s">
        <v>2066</v>
      </c>
      <c r="O902" s="52" t="s">
        <v>2067</v>
      </c>
      <c r="P902" s="52"/>
      <c r="Q902" s="52"/>
      <c r="R902" s="52"/>
      <c r="S902" s="52"/>
      <c r="T902" s="52"/>
      <c r="U902" s="52"/>
      <c r="V902" s="52"/>
      <c r="W902" s="52"/>
    </row>
    <row r="903" spans="1:23" hidden="1" x14ac:dyDescent="0.35">
      <c r="A903" s="52" t="s">
        <v>78</v>
      </c>
      <c r="B903" s="52" t="s">
        <v>79</v>
      </c>
      <c r="C903" s="3">
        <v>10</v>
      </c>
      <c r="D903" s="52" t="s">
        <v>2020</v>
      </c>
      <c r="E903" s="52" t="s">
        <v>26</v>
      </c>
      <c r="F903" s="52" t="s">
        <v>81</v>
      </c>
      <c r="G903" s="52" t="s">
        <v>82</v>
      </c>
      <c r="H903" s="4">
        <v>1</v>
      </c>
      <c r="I903" s="2">
        <v>14.65</v>
      </c>
      <c r="J903" s="52" t="s">
        <v>3755</v>
      </c>
      <c r="K903" s="71" t="s">
        <v>3756</v>
      </c>
      <c r="L903" s="52" t="s">
        <v>2063</v>
      </c>
      <c r="M903" s="72">
        <v>8973</v>
      </c>
      <c r="N903" s="52" t="s">
        <v>2066</v>
      </c>
      <c r="O903" s="52" t="s">
        <v>2067</v>
      </c>
      <c r="P903" s="52"/>
      <c r="Q903" s="52"/>
      <c r="R903" s="52"/>
      <c r="S903" s="52"/>
      <c r="T903" s="52"/>
      <c r="U903" s="52"/>
      <c r="V903" s="52"/>
      <c r="W903" s="52"/>
    </row>
    <row r="904" spans="1:23" hidden="1" x14ac:dyDescent="0.35">
      <c r="A904" s="52" t="s">
        <v>78</v>
      </c>
      <c r="B904" s="52" t="s">
        <v>79</v>
      </c>
      <c r="C904" s="3">
        <v>10</v>
      </c>
      <c r="D904" s="52" t="s">
        <v>2021</v>
      </c>
      <c r="E904" s="52" t="s">
        <v>26</v>
      </c>
      <c r="F904" s="52" t="s">
        <v>81</v>
      </c>
      <c r="G904" s="52" t="s">
        <v>82</v>
      </c>
      <c r="H904" s="4">
        <v>1</v>
      </c>
      <c r="I904" s="2">
        <v>14.65</v>
      </c>
      <c r="J904" s="52" t="s">
        <v>3757</v>
      </c>
      <c r="K904" s="71" t="s">
        <v>3758</v>
      </c>
      <c r="L904" s="52" t="s">
        <v>2063</v>
      </c>
      <c r="M904" s="72">
        <v>7620</v>
      </c>
      <c r="N904" s="52" t="s">
        <v>2072</v>
      </c>
      <c r="O904" s="52" t="s">
        <v>2073</v>
      </c>
      <c r="P904" s="52"/>
      <c r="Q904" s="52"/>
      <c r="R904" s="52"/>
      <c r="S904" s="52"/>
      <c r="T904" s="52"/>
      <c r="U904" s="52"/>
      <c r="V904" s="52"/>
      <c r="W904" s="52"/>
    </row>
    <row r="905" spans="1:23" hidden="1" x14ac:dyDescent="0.35">
      <c r="A905" s="52" t="s">
        <v>78</v>
      </c>
      <c r="B905" s="52" t="s">
        <v>79</v>
      </c>
      <c r="C905" s="3">
        <v>20</v>
      </c>
      <c r="D905" s="52" t="s">
        <v>86</v>
      </c>
      <c r="E905" s="52" t="s">
        <v>26</v>
      </c>
      <c r="F905" s="52" t="s">
        <v>81</v>
      </c>
      <c r="G905" s="52" t="s">
        <v>82</v>
      </c>
      <c r="H905" s="4">
        <v>1</v>
      </c>
      <c r="I905" s="2">
        <v>14.65</v>
      </c>
      <c r="J905" s="52" t="s">
        <v>3196</v>
      </c>
      <c r="K905" s="71" t="s">
        <v>3759</v>
      </c>
      <c r="L905" s="52" t="s">
        <v>2063</v>
      </c>
      <c r="M905" s="72">
        <v>6343</v>
      </c>
      <c r="N905" s="52"/>
      <c r="O905" s="52"/>
      <c r="P905" s="52"/>
      <c r="Q905" s="52"/>
      <c r="R905" s="52"/>
      <c r="S905" s="52"/>
      <c r="T905" s="52"/>
      <c r="U905" s="52"/>
      <c r="V905" s="52"/>
      <c r="W905" s="52"/>
    </row>
    <row r="906" spans="1:23" hidden="1" x14ac:dyDescent="0.35">
      <c r="A906" s="52" t="s">
        <v>78</v>
      </c>
      <c r="B906" s="52" t="s">
        <v>79</v>
      </c>
      <c r="C906" s="3">
        <v>10</v>
      </c>
      <c r="D906" s="52" t="s">
        <v>2020</v>
      </c>
      <c r="E906" s="52" t="s">
        <v>26</v>
      </c>
      <c r="F906" s="52" t="s">
        <v>81</v>
      </c>
      <c r="G906" s="52" t="s">
        <v>82</v>
      </c>
      <c r="H906" s="4">
        <v>1</v>
      </c>
      <c r="I906" s="2">
        <v>14.65</v>
      </c>
      <c r="J906" s="52" t="s">
        <v>3760</v>
      </c>
      <c r="K906" s="71" t="s">
        <v>3761</v>
      </c>
      <c r="L906" s="52" t="s">
        <v>2063</v>
      </c>
      <c r="M906" s="72">
        <v>967</v>
      </c>
      <c r="N906" s="52" t="s">
        <v>2072</v>
      </c>
      <c r="O906" s="52" t="s">
        <v>2073</v>
      </c>
      <c r="P906" s="52"/>
      <c r="Q906" s="52"/>
      <c r="R906" s="52"/>
      <c r="S906" s="52"/>
      <c r="T906" s="52"/>
      <c r="U906" s="52"/>
      <c r="V906" s="52"/>
      <c r="W906" s="52"/>
    </row>
    <row r="907" spans="1:23" hidden="1" x14ac:dyDescent="0.35">
      <c r="A907" s="52" t="s">
        <v>78</v>
      </c>
      <c r="B907" s="52" t="s">
        <v>79</v>
      </c>
      <c r="C907" s="3">
        <v>10</v>
      </c>
      <c r="D907" s="52" t="s">
        <v>84</v>
      </c>
      <c r="E907" s="52" t="s">
        <v>26</v>
      </c>
      <c r="F907" s="52" t="s">
        <v>81</v>
      </c>
      <c r="G907" s="52" t="s">
        <v>82</v>
      </c>
      <c r="H907" s="4">
        <v>1</v>
      </c>
      <c r="I907" s="2">
        <v>14.65</v>
      </c>
      <c r="J907" s="52" t="s">
        <v>2093</v>
      </c>
      <c r="K907" s="71" t="s">
        <v>3762</v>
      </c>
      <c r="L907" s="52" t="s">
        <v>2095</v>
      </c>
      <c r="M907" s="72">
        <v>7585</v>
      </c>
      <c r="N907" s="52" t="s">
        <v>2072</v>
      </c>
      <c r="O907" s="52" t="s">
        <v>2073</v>
      </c>
      <c r="P907" s="52"/>
      <c r="Q907" s="52"/>
      <c r="R907" s="52"/>
      <c r="S907" s="52"/>
      <c r="T907" s="52"/>
      <c r="U907" s="52"/>
      <c r="V907" s="52"/>
      <c r="W907" s="52"/>
    </row>
    <row r="908" spans="1:23" hidden="1" x14ac:dyDescent="0.35">
      <c r="A908" s="52" t="s">
        <v>78</v>
      </c>
      <c r="B908" s="52" t="s">
        <v>79</v>
      </c>
      <c r="C908" s="3">
        <v>20</v>
      </c>
      <c r="D908" s="52" t="s">
        <v>83</v>
      </c>
      <c r="E908" s="52" t="s">
        <v>26</v>
      </c>
      <c r="F908" s="52" t="s">
        <v>81</v>
      </c>
      <c r="G908" s="52" t="s">
        <v>82</v>
      </c>
      <c r="H908" s="4">
        <v>1</v>
      </c>
      <c r="I908" s="2">
        <v>14.65</v>
      </c>
      <c r="J908" s="52" t="s">
        <v>3763</v>
      </c>
      <c r="K908" s="71" t="s">
        <v>3764</v>
      </c>
      <c r="L908" s="52" t="s">
        <v>2063</v>
      </c>
      <c r="M908" s="72">
        <v>3712</v>
      </c>
      <c r="N908" s="52"/>
      <c r="O908" s="52"/>
      <c r="P908" s="52"/>
      <c r="Q908" s="52"/>
      <c r="R908" s="52"/>
      <c r="S908" s="52"/>
      <c r="T908" s="52"/>
      <c r="U908" s="52"/>
      <c r="V908" s="52"/>
      <c r="W908" s="52"/>
    </row>
    <row r="909" spans="1:23" hidden="1" x14ac:dyDescent="0.35">
      <c r="A909" s="52" t="s">
        <v>78</v>
      </c>
      <c r="B909" s="52" t="s">
        <v>79</v>
      </c>
      <c r="C909" s="3">
        <v>20</v>
      </c>
      <c r="D909" s="52" t="s">
        <v>80</v>
      </c>
      <c r="E909" s="52" t="s">
        <v>26</v>
      </c>
      <c r="F909" s="52" t="s">
        <v>81</v>
      </c>
      <c r="G909" s="52" t="s">
        <v>82</v>
      </c>
      <c r="H909" s="4">
        <v>1</v>
      </c>
      <c r="I909" s="2">
        <v>14.65</v>
      </c>
      <c r="J909" s="52" t="s">
        <v>3765</v>
      </c>
      <c r="K909" s="71" t="s">
        <v>3766</v>
      </c>
      <c r="L909" s="52" t="s">
        <v>2063</v>
      </c>
      <c r="M909" s="72">
        <v>431</v>
      </c>
      <c r="N909" s="52" t="s">
        <v>2158</v>
      </c>
      <c r="O909" s="52" t="s">
        <v>2159</v>
      </c>
      <c r="P909" s="52"/>
      <c r="Q909" s="52"/>
      <c r="R909" s="52"/>
      <c r="S909" s="52"/>
      <c r="T909" s="52"/>
      <c r="U909" s="52"/>
      <c r="V909" s="52"/>
      <c r="W909" s="52"/>
    </row>
    <row r="910" spans="1:23" hidden="1" x14ac:dyDescent="0.35">
      <c r="A910" s="52" t="s">
        <v>78</v>
      </c>
      <c r="B910" s="52" t="s">
        <v>79</v>
      </c>
      <c r="C910" s="3">
        <v>20</v>
      </c>
      <c r="D910" s="52" t="s">
        <v>85</v>
      </c>
      <c r="E910" s="52" t="s">
        <v>26</v>
      </c>
      <c r="F910" s="52" t="s">
        <v>81</v>
      </c>
      <c r="G910" s="52" t="s">
        <v>82</v>
      </c>
      <c r="H910" s="4">
        <v>1</v>
      </c>
      <c r="I910" s="2">
        <v>14.65</v>
      </c>
      <c r="J910" s="52" t="s">
        <v>3767</v>
      </c>
      <c r="K910" s="71" t="s">
        <v>3768</v>
      </c>
      <c r="L910" s="52" t="s">
        <v>2063</v>
      </c>
      <c r="M910" s="72">
        <v>4221</v>
      </c>
      <c r="N910" s="52"/>
      <c r="O910" s="52"/>
      <c r="P910" s="52"/>
      <c r="Q910" s="52"/>
      <c r="R910" s="52"/>
      <c r="S910" s="52"/>
      <c r="T910" s="52"/>
      <c r="U910" s="52"/>
      <c r="V910" s="52"/>
      <c r="W910" s="52"/>
    </row>
    <row r="911" spans="1:23" hidden="1" x14ac:dyDescent="0.35">
      <c r="A911" s="52" t="s">
        <v>78</v>
      </c>
      <c r="B911" s="52" t="s">
        <v>79</v>
      </c>
      <c r="C911" s="3">
        <v>20</v>
      </c>
      <c r="D911" s="52" t="s">
        <v>85</v>
      </c>
      <c r="E911" s="52" t="s">
        <v>26</v>
      </c>
      <c r="F911" s="52" t="s">
        <v>81</v>
      </c>
      <c r="G911" s="52" t="s">
        <v>82</v>
      </c>
      <c r="H911" s="4">
        <v>1</v>
      </c>
      <c r="I911" s="2">
        <v>14.65</v>
      </c>
      <c r="J911" s="52" t="s">
        <v>3769</v>
      </c>
      <c r="K911" s="71" t="s">
        <v>3770</v>
      </c>
      <c r="L911" s="52" t="s">
        <v>2063</v>
      </c>
      <c r="M911" s="72">
        <v>2006</v>
      </c>
      <c r="N911" s="52" t="s">
        <v>2072</v>
      </c>
      <c r="O911" s="52" t="s">
        <v>2073</v>
      </c>
      <c r="P911" s="52"/>
      <c r="Q911" s="52"/>
      <c r="R911" s="52"/>
      <c r="S911" s="52"/>
      <c r="T911" s="52"/>
      <c r="U911" s="52"/>
      <c r="V911" s="52"/>
      <c r="W911" s="52"/>
    </row>
    <row r="912" spans="1:23" hidden="1" x14ac:dyDescent="0.35">
      <c r="A912" s="52" t="s">
        <v>78</v>
      </c>
      <c r="B912" s="52" t="s">
        <v>79</v>
      </c>
      <c r="C912" s="3">
        <v>20</v>
      </c>
      <c r="D912" s="52" t="s">
        <v>83</v>
      </c>
      <c r="E912" s="52" t="s">
        <v>26</v>
      </c>
      <c r="F912" s="52" t="s">
        <v>81</v>
      </c>
      <c r="G912" s="52" t="s">
        <v>82</v>
      </c>
      <c r="H912" s="4">
        <v>1</v>
      </c>
      <c r="I912" s="2">
        <v>14.65</v>
      </c>
      <c r="J912" s="52" t="s">
        <v>3771</v>
      </c>
      <c r="K912" s="71" t="s">
        <v>3772</v>
      </c>
      <c r="L912" s="52" t="s">
        <v>2063</v>
      </c>
      <c r="M912" s="72">
        <v>8032</v>
      </c>
      <c r="N912" s="52" t="s">
        <v>2072</v>
      </c>
      <c r="O912" s="52" t="s">
        <v>2073</v>
      </c>
      <c r="P912" s="52"/>
      <c r="Q912" s="52"/>
      <c r="R912" s="52"/>
      <c r="S912" s="52"/>
      <c r="T912" s="52"/>
      <c r="U912" s="52"/>
      <c r="V912" s="52"/>
      <c r="W912" s="52"/>
    </row>
    <row r="913" spans="1:23" hidden="1" x14ac:dyDescent="0.35">
      <c r="A913" s="52" t="s">
        <v>78</v>
      </c>
      <c r="B913" s="52" t="s">
        <v>79</v>
      </c>
      <c r="C913" s="3">
        <v>20</v>
      </c>
      <c r="D913" s="52" t="s">
        <v>2022</v>
      </c>
      <c r="E913" s="52" t="s">
        <v>26</v>
      </c>
      <c r="F913" s="52" t="s">
        <v>81</v>
      </c>
      <c r="G913" s="52" t="s">
        <v>82</v>
      </c>
      <c r="H913" s="4">
        <v>1</v>
      </c>
      <c r="I913" s="2">
        <v>14.65</v>
      </c>
      <c r="J913" s="52" t="s">
        <v>3773</v>
      </c>
      <c r="K913" s="71" t="s">
        <v>3774</v>
      </c>
      <c r="L913" s="52" t="s">
        <v>2063</v>
      </c>
      <c r="M913" s="72">
        <v>7345</v>
      </c>
      <c r="N913" s="52" t="s">
        <v>2066</v>
      </c>
      <c r="O913" s="52" t="s">
        <v>2067</v>
      </c>
      <c r="P913" s="52"/>
      <c r="Q913" s="52"/>
      <c r="R913" s="52"/>
      <c r="S913" s="52"/>
      <c r="T913" s="52"/>
      <c r="U913" s="52"/>
      <c r="V913" s="52"/>
      <c r="W913" s="52"/>
    </row>
    <row r="914" spans="1:23" x14ac:dyDescent="0.35">
      <c r="A914" s="52" t="s">
        <v>78</v>
      </c>
      <c r="B914" s="52" t="s">
        <v>79</v>
      </c>
      <c r="C914" s="3">
        <v>20</v>
      </c>
      <c r="D914" s="52" t="s">
        <v>83</v>
      </c>
      <c r="E914" s="52" t="s">
        <v>26</v>
      </c>
      <c r="F914" s="52" t="s">
        <v>81</v>
      </c>
      <c r="G914" s="52" t="s">
        <v>82</v>
      </c>
      <c r="H914" s="4">
        <v>1</v>
      </c>
      <c r="I914" s="2">
        <v>14.65</v>
      </c>
      <c r="J914" s="52" t="s">
        <v>3775</v>
      </c>
      <c r="K914" s="71" t="s">
        <v>3776</v>
      </c>
      <c r="L914" s="52" t="s">
        <v>2063</v>
      </c>
      <c r="M914" s="72">
        <v>6142</v>
      </c>
      <c r="N914" s="52" t="s">
        <v>2076</v>
      </c>
      <c r="O914" s="52" t="s">
        <v>2077</v>
      </c>
      <c r="P914" s="52"/>
      <c r="Q914" s="52"/>
      <c r="R914" s="52"/>
      <c r="S914" s="52"/>
      <c r="T914" s="52"/>
      <c r="U914" s="52"/>
      <c r="V914" s="52"/>
      <c r="W914" s="52"/>
    </row>
    <row r="915" spans="1:23" hidden="1" x14ac:dyDescent="0.35">
      <c r="A915" s="52" t="s">
        <v>78</v>
      </c>
      <c r="B915" s="52" t="s">
        <v>79</v>
      </c>
      <c r="C915" s="3">
        <v>20</v>
      </c>
      <c r="D915" s="52" t="s">
        <v>85</v>
      </c>
      <c r="E915" s="52" t="s">
        <v>26</v>
      </c>
      <c r="F915" s="52" t="s">
        <v>81</v>
      </c>
      <c r="G915" s="52" t="s">
        <v>82</v>
      </c>
      <c r="H915" s="4">
        <v>1</v>
      </c>
      <c r="I915" s="2">
        <v>14.65</v>
      </c>
      <c r="J915" s="52" t="s">
        <v>3777</v>
      </c>
      <c r="K915" s="71" t="s">
        <v>3778</v>
      </c>
      <c r="L915" s="52" t="s">
        <v>2063</v>
      </c>
      <c r="M915" s="72">
        <v>6117</v>
      </c>
      <c r="N915" s="52" t="s">
        <v>2066</v>
      </c>
      <c r="O915" s="52" t="s">
        <v>2067</v>
      </c>
      <c r="P915" s="52" t="s">
        <v>2066</v>
      </c>
      <c r="Q915" s="52" t="s">
        <v>2067</v>
      </c>
      <c r="R915" s="52"/>
      <c r="S915" s="52"/>
      <c r="T915" s="52"/>
      <c r="U915" s="52"/>
      <c r="V915" s="52"/>
      <c r="W915" s="52"/>
    </row>
    <row r="916" spans="1:23" hidden="1" x14ac:dyDescent="0.35">
      <c r="A916" s="52" t="s">
        <v>78</v>
      </c>
      <c r="B916" s="52" t="s">
        <v>79</v>
      </c>
      <c r="C916" s="3">
        <v>10</v>
      </c>
      <c r="D916" s="52" t="s">
        <v>2022</v>
      </c>
      <c r="E916" s="52" t="s">
        <v>26</v>
      </c>
      <c r="F916" s="52" t="s">
        <v>81</v>
      </c>
      <c r="G916" s="52" t="s">
        <v>82</v>
      </c>
      <c r="H916" s="4">
        <v>1</v>
      </c>
      <c r="I916" s="2">
        <v>14.65</v>
      </c>
      <c r="J916" s="52" t="s">
        <v>3779</v>
      </c>
      <c r="K916" s="71" t="s">
        <v>3780</v>
      </c>
      <c r="L916" s="52" t="s">
        <v>2063</v>
      </c>
      <c r="M916" s="72">
        <v>1254</v>
      </c>
      <c r="N916" s="52" t="s">
        <v>2072</v>
      </c>
      <c r="O916" s="52" t="s">
        <v>2073</v>
      </c>
      <c r="P916" s="52"/>
      <c r="Q916" s="52"/>
      <c r="R916" s="52"/>
      <c r="S916" s="52"/>
      <c r="T916" s="52"/>
      <c r="U916" s="52"/>
      <c r="V916" s="52"/>
      <c r="W916" s="52"/>
    </row>
    <row r="917" spans="1:23" hidden="1" x14ac:dyDescent="0.35">
      <c r="A917" s="52" t="s">
        <v>78</v>
      </c>
      <c r="B917" s="52" t="s">
        <v>79</v>
      </c>
      <c r="C917" s="3">
        <v>20</v>
      </c>
      <c r="D917" s="52" t="s">
        <v>2023</v>
      </c>
      <c r="E917" s="52" t="s">
        <v>26</v>
      </c>
      <c r="F917" s="52" t="s">
        <v>81</v>
      </c>
      <c r="G917" s="52" t="s">
        <v>82</v>
      </c>
      <c r="H917" s="4">
        <v>1</v>
      </c>
      <c r="I917" s="2">
        <v>14.65</v>
      </c>
      <c r="J917" s="52" t="s">
        <v>3781</v>
      </c>
      <c r="K917" s="71" t="s">
        <v>3782</v>
      </c>
      <c r="L917" s="52" t="s">
        <v>2063</v>
      </c>
      <c r="M917" s="72">
        <v>6108</v>
      </c>
      <c r="N917" s="52" t="s">
        <v>2072</v>
      </c>
      <c r="O917" s="52" t="s">
        <v>2073</v>
      </c>
      <c r="P917" s="52"/>
      <c r="Q917" s="52"/>
      <c r="R917" s="52"/>
      <c r="S917" s="52"/>
      <c r="T917" s="52"/>
      <c r="U917" s="52"/>
      <c r="V917" s="52"/>
      <c r="W917" s="52"/>
    </row>
    <row r="918" spans="1:23" x14ac:dyDescent="0.35">
      <c r="A918" s="52" t="s">
        <v>78</v>
      </c>
      <c r="B918" s="52" t="s">
        <v>79</v>
      </c>
      <c r="C918" s="3">
        <v>20</v>
      </c>
      <c r="D918" s="52" t="s">
        <v>87</v>
      </c>
      <c r="E918" s="52" t="s">
        <v>26</v>
      </c>
      <c r="F918" s="52" t="s">
        <v>81</v>
      </c>
      <c r="G918" s="52" t="s">
        <v>82</v>
      </c>
      <c r="H918" s="4">
        <v>1</v>
      </c>
      <c r="I918" s="2">
        <v>14.65</v>
      </c>
      <c r="J918" s="52" t="s">
        <v>3561</v>
      </c>
      <c r="K918" s="71" t="s">
        <v>3783</v>
      </c>
      <c r="L918" s="52" t="s">
        <v>2063</v>
      </c>
      <c r="M918" s="72">
        <v>6257</v>
      </c>
      <c r="N918" s="52" t="s">
        <v>2259</v>
      </c>
      <c r="O918" s="52" t="s">
        <v>2260</v>
      </c>
      <c r="P918" s="52"/>
      <c r="Q918" s="52"/>
      <c r="R918" s="52"/>
      <c r="S918" s="52"/>
      <c r="T918" s="52"/>
      <c r="U918" s="52"/>
      <c r="V918" s="52"/>
      <c r="W918" s="52"/>
    </row>
    <row r="919" spans="1:23" hidden="1" x14ac:dyDescent="0.35">
      <c r="A919" s="52" t="s">
        <v>78</v>
      </c>
      <c r="B919" s="52" t="s">
        <v>79</v>
      </c>
      <c r="C919" s="3">
        <v>20</v>
      </c>
      <c r="D919" s="52" t="s">
        <v>87</v>
      </c>
      <c r="E919" s="52" t="s">
        <v>26</v>
      </c>
      <c r="F919" s="52" t="s">
        <v>81</v>
      </c>
      <c r="G919" s="52" t="s">
        <v>82</v>
      </c>
      <c r="H919" s="4">
        <v>1</v>
      </c>
      <c r="I919" s="2">
        <v>14.65</v>
      </c>
      <c r="J919" s="52" t="s">
        <v>3784</v>
      </c>
      <c r="K919" s="71" t="s">
        <v>3785</v>
      </c>
      <c r="L919" s="52" t="s">
        <v>2063</v>
      </c>
      <c r="M919" s="72">
        <v>2232</v>
      </c>
      <c r="N919" s="52" t="s">
        <v>2066</v>
      </c>
      <c r="O919" s="52" t="s">
        <v>2067</v>
      </c>
      <c r="P919" s="52"/>
      <c r="Q919" s="52"/>
      <c r="R919" s="52"/>
      <c r="S919" s="52"/>
      <c r="T919" s="52"/>
      <c r="U919" s="52"/>
      <c r="V919" s="52"/>
      <c r="W919" s="52"/>
    </row>
    <row r="920" spans="1:23" hidden="1" x14ac:dyDescent="0.35">
      <c r="A920" s="52" t="s">
        <v>78</v>
      </c>
      <c r="B920" s="52" t="s">
        <v>79</v>
      </c>
      <c r="C920" s="3">
        <v>20</v>
      </c>
      <c r="D920" s="52" t="s">
        <v>85</v>
      </c>
      <c r="E920" s="52" t="s">
        <v>26</v>
      </c>
      <c r="F920" s="52" t="s">
        <v>81</v>
      </c>
      <c r="G920" s="52" t="s">
        <v>82</v>
      </c>
      <c r="H920" s="4">
        <v>1</v>
      </c>
      <c r="I920" s="2">
        <v>14.65</v>
      </c>
      <c r="J920" s="52" t="s">
        <v>3786</v>
      </c>
      <c r="K920" s="71" t="s">
        <v>3787</v>
      </c>
      <c r="L920" s="52" t="s">
        <v>2063</v>
      </c>
      <c r="M920" s="72">
        <v>4421</v>
      </c>
      <c r="N920" s="52" t="s">
        <v>2066</v>
      </c>
      <c r="O920" s="52" t="s">
        <v>2067</v>
      </c>
      <c r="P920" s="52"/>
      <c r="Q920" s="52"/>
      <c r="R920" s="52"/>
      <c r="S920" s="52"/>
      <c r="T920" s="52"/>
      <c r="U920" s="52"/>
      <c r="V920" s="52"/>
      <c r="W920" s="52"/>
    </row>
    <row r="921" spans="1:23" hidden="1" x14ac:dyDescent="0.35">
      <c r="A921" s="52" t="s">
        <v>78</v>
      </c>
      <c r="B921" s="52" t="s">
        <v>79</v>
      </c>
      <c r="C921" s="3">
        <v>10</v>
      </c>
      <c r="D921" s="52" t="s">
        <v>85</v>
      </c>
      <c r="E921" s="52" t="s">
        <v>26</v>
      </c>
      <c r="F921" s="52" t="s">
        <v>81</v>
      </c>
      <c r="G921" s="52" t="s">
        <v>82</v>
      </c>
      <c r="H921" s="4">
        <v>1</v>
      </c>
      <c r="I921" s="2">
        <v>14.65</v>
      </c>
      <c r="J921" s="52" t="s">
        <v>3788</v>
      </c>
      <c r="K921" s="71" t="s">
        <v>3789</v>
      </c>
      <c r="L921" s="52" t="s">
        <v>2063</v>
      </c>
      <c r="M921" s="72">
        <v>8865</v>
      </c>
      <c r="N921" s="52"/>
      <c r="O921" s="52"/>
      <c r="P921" s="52"/>
      <c r="Q921" s="52"/>
      <c r="R921" s="52"/>
      <c r="S921" s="52"/>
      <c r="T921" s="52"/>
      <c r="U921" s="52"/>
      <c r="V921" s="52"/>
      <c r="W921" s="52"/>
    </row>
    <row r="922" spans="1:23" hidden="1" x14ac:dyDescent="0.35">
      <c r="A922" s="52" t="s">
        <v>78</v>
      </c>
      <c r="B922" s="52" t="s">
        <v>79</v>
      </c>
      <c r="C922" s="3">
        <v>10</v>
      </c>
      <c r="D922" s="52" t="s">
        <v>86</v>
      </c>
      <c r="E922" s="52" t="s">
        <v>26</v>
      </c>
      <c r="F922" s="52" t="s">
        <v>81</v>
      </c>
      <c r="G922" s="52" t="s">
        <v>82</v>
      </c>
      <c r="H922" s="4">
        <v>1</v>
      </c>
      <c r="I922" s="2">
        <v>14.65</v>
      </c>
      <c r="J922" s="52" t="s">
        <v>3790</v>
      </c>
      <c r="K922" s="71" t="s">
        <v>3791</v>
      </c>
      <c r="L922" s="52" t="s">
        <v>2063</v>
      </c>
      <c r="M922" s="72">
        <v>8240</v>
      </c>
      <c r="N922" s="52" t="s">
        <v>2072</v>
      </c>
      <c r="O922" s="52" t="s">
        <v>2073</v>
      </c>
      <c r="P922" s="52"/>
      <c r="Q922" s="52"/>
      <c r="R922" s="52"/>
      <c r="S922" s="52"/>
      <c r="T922" s="52"/>
      <c r="U922" s="52"/>
      <c r="V922" s="52"/>
      <c r="W922" s="52"/>
    </row>
    <row r="923" spans="1:23" hidden="1" x14ac:dyDescent="0.35">
      <c r="A923" s="52" t="s">
        <v>78</v>
      </c>
      <c r="B923" s="52" t="s">
        <v>79</v>
      </c>
      <c r="C923" s="3">
        <v>10</v>
      </c>
      <c r="D923" s="52" t="s">
        <v>2023</v>
      </c>
      <c r="E923" s="52" t="s">
        <v>26</v>
      </c>
      <c r="F923" s="52" t="s">
        <v>81</v>
      </c>
      <c r="G923" s="52" t="s">
        <v>82</v>
      </c>
      <c r="H923" s="4">
        <v>1</v>
      </c>
      <c r="I923" s="2">
        <v>14.65</v>
      </c>
      <c r="J923" s="52" t="s">
        <v>2100</v>
      </c>
      <c r="K923" s="71" t="s">
        <v>3792</v>
      </c>
      <c r="L923" s="52" t="s">
        <v>2063</v>
      </c>
      <c r="M923" s="72">
        <v>3206</v>
      </c>
      <c r="N923" s="52" t="s">
        <v>2072</v>
      </c>
      <c r="O923" s="52" t="s">
        <v>2073</v>
      </c>
      <c r="P923" s="52"/>
      <c r="Q923" s="52"/>
      <c r="R923" s="52"/>
      <c r="S923" s="52"/>
      <c r="T923" s="52"/>
      <c r="U923" s="52"/>
      <c r="V923" s="52"/>
      <c r="W923" s="52"/>
    </row>
    <row r="924" spans="1:23" hidden="1" x14ac:dyDescent="0.35">
      <c r="A924" s="52" t="s">
        <v>78</v>
      </c>
      <c r="B924" s="52" t="s">
        <v>79</v>
      </c>
      <c r="C924" s="3">
        <v>20</v>
      </c>
      <c r="D924" s="52" t="s">
        <v>2020</v>
      </c>
      <c r="E924" s="52" t="s">
        <v>26</v>
      </c>
      <c r="F924" s="52" t="s">
        <v>81</v>
      </c>
      <c r="G924" s="52" t="s">
        <v>82</v>
      </c>
      <c r="H924" s="4">
        <v>1</v>
      </c>
      <c r="I924" s="2">
        <v>14.65</v>
      </c>
      <c r="J924" s="52" t="s">
        <v>3793</v>
      </c>
      <c r="K924" s="71" t="s">
        <v>3794</v>
      </c>
      <c r="L924" s="52" t="s">
        <v>2063</v>
      </c>
      <c r="M924" s="72">
        <v>616</v>
      </c>
      <c r="N924" s="52" t="s">
        <v>2066</v>
      </c>
      <c r="O924" s="52" t="s">
        <v>2067</v>
      </c>
      <c r="P924" s="52"/>
      <c r="Q924" s="52"/>
      <c r="R924" s="52"/>
      <c r="S924" s="52"/>
      <c r="T924" s="52"/>
      <c r="U924" s="52"/>
      <c r="V924" s="52"/>
      <c r="W924" s="52"/>
    </row>
    <row r="925" spans="1:23" hidden="1" x14ac:dyDescent="0.35">
      <c r="A925" s="52" t="s">
        <v>78</v>
      </c>
      <c r="B925" s="52" t="s">
        <v>79</v>
      </c>
      <c r="C925" s="3">
        <v>20</v>
      </c>
      <c r="D925" s="52" t="s">
        <v>2021</v>
      </c>
      <c r="E925" s="52" t="s">
        <v>26</v>
      </c>
      <c r="F925" s="52" t="s">
        <v>81</v>
      </c>
      <c r="G925" s="52" t="s">
        <v>82</v>
      </c>
      <c r="H925" s="4">
        <v>1</v>
      </c>
      <c r="I925" s="2">
        <v>14.65</v>
      </c>
      <c r="J925" s="52" t="s">
        <v>2487</v>
      </c>
      <c r="K925" s="71" t="s">
        <v>3795</v>
      </c>
      <c r="L925" s="52" t="s">
        <v>2063</v>
      </c>
      <c r="M925" s="72">
        <v>311</v>
      </c>
      <c r="N925" s="52"/>
      <c r="O925" s="52"/>
      <c r="P925" s="52"/>
      <c r="Q925" s="52"/>
      <c r="R925" s="52"/>
      <c r="S925" s="52"/>
      <c r="T925" s="52"/>
      <c r="U925" s="52"/>
      <c r="V925" s="52"/>
      <c r="W925" s="52"/>
    </row>
    <row r="926" spans="1:23" hidden="1" x14ac:dyDescent="0.35">
      <c r="A926" s="52" t="s">
        <v>78</v>
      </c>
      <c r="B926" s="52" t="s">
        <v>79</v>
      </c>
      <c r="C926" s="3">
        <v>20</v>
      </c>
      <c r="D926" s="52" t="s">
        <v>2022</v>
      </c>
      <c r="E926" s="52" t="s">
        <v>26</v>
      </c>
      <c r="F926" s="52" t="s">
        <v>81</v>
      </c>
      <c r="G926" s="52" t="s">
        <v>82</v>
      </c>
      <c r="H926" s="4">
        <v>1</v>
      </c>
      <c r="I926" s="2">
        <v>14.65</v>
      </c>
      <c r="J926" s="52" t="s">
        <v>3796</v>
      </c>
      <c r="K926" s="71" t="s">
        <v>3797</v>
      </c>
      <c r="L926" s="52" t="s">
        <v>2063</v>
      </c>
      <c r="M926" s="72">
        <v>5163</v>
      </c>
      <c r="N926" s="52" t="s">
        <v>2066</v>
      </c>
      <c r="O926" s="52" t="s">
        <v>2067</v>
      </c>
      <c r="P926" s="52"/>
      <c r="Q926" s="52"/>
      <c r="R926" s="52"/>
      <c r="S926" s="52"/>
      <c r="T926" s="52"/>
      <c r="U926" s="52"/>
      <c r="V926" s="52"/>
      <c r="W926" s="52"/>
    </row>
    <row r="927" spans="1:23" hidden="1" x14ac:dyDescent="0.35">
      <c r="A927" s="52" t="s">
        <v>78</v>
      </c>
      <c r="B927" s="52" t="s">
        <v>79</v>
      </c>
      <c r="C927" s="3">
        <v>20</v>
      </c>
      <c r="D927" s="52" t="s">
        <v>83</v>
      </c>
      <c r="E927" s="52" t="s">
        <v>26</v>
      </c>
      <c r="F927" s="52" t="s">
        <v>81</v>
      </c>
      <c r="G927" s="52" t="s">
        <v>82</v>
      </c>
      <c r="H927" s="4">
        <v>1</v>
      </c>
      <c r="I927" s="2">
        <v>14.65</v>
      </c>
      <c r="J927" s="52" t="s">
        <v>3166</v>
      </c>
      <c r="K927" s="71" t="s">
        <v>3798</v>
      </c>
      <c r="L927" s="52" t="s">
        <v>2063</v>
      </c>
      <c r="M927" s="72">
        <v>5891</v>
      </c>
      <c r="N927" s="52" t="s">
        <v>2072</v>
      </c>
      <c r="O927" s="52" t="s">
        <v>2073</v>
      </c>
      <c r="P927" s="52"/>
      <c r="Q927" s="52"/>
      <c r="R927" s="52"/>
      <c r="S927" s="52"/>
      <c r="T927" s="52"/>
      <c r="U927" s="52"/>
      <c r="V927" s="52"/>
      <c r="W927" s="52"/>
    </row>
    <row r="928" spans="1:23" hidden="1" x14ac:dyDescent="0.35">
      <c r="A928" s="52" t="s">
        <v>78</v>
      </c>
      <c r="B928" s="52" t="s">
        <v>79</v>
      </c>
      <c r="C928" s="3">
        <v>10</v>
      </c>
      <c r="D928" s="52" t="s">
        <v>2022</v>
      </c>
      <c r="E928" s="52" t="s">
        <v>26</v>
      </c>
      <c r="F928" s="52" t="s">
        <v>81</v>
      </c>
      <c r="G928" s="52" t="s">
        <v>82</v>
      </c>
      <c r="H928" s="4">
        <v>1</v>
      </c>
      <c r="I928" s="2">
        <v>14.65</v>
      </c>
      <c r="J928" s="52" t="s">
        <v>3799</v>
      </c>
      <c r="K928" s="71" t="s">
        <v>3800</v>
      </c>
      <c r="L928" s="52" t="s">
        <v>2063</v>
      </c>
      <c r="M928" s="72">
        <v>8380</v>
      </c>
      <c r="N928" s="52" t="s">
        <v>2072</v>
      </c>
      <c r="O928" s="52" t="s">
        <v>2073</v>
      </c>
      <c r="P928" s="52"/>
      <c r="Q928" s="52"/>
      <c r="R928" s="52"/>
      <c r="S928" s="52"/>
      <c r="T928" s="52"/>
      <c r="U928" s="52"/>
      <c r="V928" s="52"/>
      <c r="W928" s="52"/>
    </row>
    <row r="929" spans="1:23" x14ac:dyDescent="0.35">
      <c r="A929" s="52" t="s">
        <v>78</v>
      </c>
      <c r="B929" s="52" t="s">
        <v>79</v>
      </c>
      <c r="C929" s="3">
        <v>20</v>
      </c>
      <c r="D929" s="52" t="s">
        <v>80</v>
      </c>
      <c r="E929" s="52" t="s">
        <v>26</v>
      </c>
      <c r="F929" s="52" t="s">
        <v>81</v>
      </c>
      <c r="G929" s="52" t="s">
        <v>82</v>
      </c>
      <c r="H929" s="4">
        <v>1</v>
      </c>
      <c r="I929" s="2">
        <v>14.65</v>
      </c>
      <c r="J929" s="52" t="s">
        <v>3763</v>
      </c>
      <c r="K929" s="71" t="s">
        <v>3801</v>
      </c>
      <c r="L929" s="52" t="s">
        <v>2063</v>
      </c>
      <c r="M929" s="72">
        <v>6710</v>
      </c>
      <c r="N929" s="52" t="s">
        <v>2259</v>
      </c>
      <c r="O929" s="52" t="s">
        <v>2260</v>
      </c>
      <c r="P929" s="52"/>
      <c r="Q929" s="52"/>
      <c r="R929" s="52"/>
      <c r="S929" s="52"/>
      <c r="T929" s="52"/>
      <c r="U929" s="52"/>
      <c r="V929" s="52"/>
      <c r="W929" s="52"/>
    </row>
    <row r="930" spans="1:23" hidden="1" x14ac:dyDescent="0.35">
      <c r="A930" s="52" t="s">
        <v>78</v>
      </c>
      <c r="B930" s="52" t="s">
        <v>79</v>
      </c>
      <c r="C930" s="3">
        <v>211</v>
      </c>
      <c r="D930" s="52" t="s">
        <v>80</v>
      </c>
      <c r="E930" s="52" t="s">
        <v>26</v>
      </c>
      <c r="F930" s="52" t="s">
        <v>81</v>
      </c>
      <c r="G930" s="52" t="s">
        <v>82</v>
      </c>
      <c r="H930" s="4">
        <v>1</v>
      </c>
      <c r="I930" s="2">
        <v>14.65</v>
      </c>
      <c r="J930" s="52" t="s">
        <v>3296</v>
      </c>
      <c r="K930" s="71" t="s">
        <v>3802</v>
      </c>
      <c r="L930" s="52" t="s">
        <v>2063</v>
      </c>
      <c r="M930" s="72">
        <v>2095</v>
      </c>
      <c r="N930" s="52" t="s">
        <v>2066</v>
      </c>
      <c r="O930" s="52" t="s">
        <v>2067</v>
      </c>
      <c r="P930" s="52"/>
      <c r="Q930" s="52"/>
      <c r="R930" s="52"/>
      <c r="S930" s="52"/>
      <c r="T930" s="52"/>
      <c r="U930" s="52"/>
      <c r="V930" s="52"/>
      <c r="W930" s="52"/>
    </row>
    <row r="931" spans="1:23" x14ac:dyDescent="0.35">
      <c r="A931" s="52" t="s">
        <v>78</v>
      </c>
      <c r="B931" s="52" t="s">
        <v>79</v>
      </c>
      <c r="C931" s="3">
        <v>20</v>
      </c>
      <c r="D931" s="52" t="s">
        <v>2019</v>
      </c>
      <c r="E931" s="52" t="s">
        <v>26</v>
      </c>
      <c r="F931" s="52" t="s">
        <v>81</v>
      </c>
      <c r="G931" s="52" t="s">
        <v>82</v>
      </c>
      <c r="H931" s="4">
        <v>1</v>
      </c>
      <c r="I931" s="2">
        <v>14.65</v>
      </c>
      <c r="J931" s="52" t="s">
        <v>3803</v>
      </c>
      <c r="K931" s="71" t="s">
        <v>3804</v>
      </c>
      <c r="L931" s="52" t="s">
        <v>2063</v>
      </c>
      <c r="M931" s="72">
        <v>1405</v>
      </c>
      <c r="N931" s="52" t="s">
        <v>2076</v>
      </c>
      <c r="O931" s="52" t="s">
        <v>2077</v>
      </c>
      <c r="P931" s="52"/>
      <c r="Q931" s="52"/>
      <c r="R931" s="52"/>
      <c r="S931" s="52"/>
      <c r="T931" s="52"/>
      <c r="U931" s="52"/>
      <c r="V931" s="52"/>
      <c r="W931" s="52"/>
    </row>
    <row r="932" spans="1:23" hidden="1" x14ac:dyDescent="0.35">
      <c r="A932" s="52" t="s">
        <v>78</v>
      </c>
      <c r="B932" s="52" t="s">
        <v>79</v>
      </c>
      <c r="C932" s="3">
        <v>10</v>
      </c>
      <c r="D932" s="52" t="s">
        <v>2020</v>
      </c>
      <c r="E932" s="52" t="s">
        <v>26</v>
      </c>
      <c r="F932" s="52" t="s">
        <v>81</v>
      </c>
      <c r="G932" s="52" t="s">
        <v>82</v>
      </c>
      <c r="H932" s="4">
        <v>1</v>
      </c>
      <c r="I932" s="2">
        <v>14.65</v>
      </c>
      <c r="J932" s="52" t="s">
        <v>2543</v>
      </c>
      <c r="K932" s="71" t="s">
        <v>3805</v>
      </c>
      <c r="L932" s="52" t="s">
        <v>2063</v>
      </c>
      <c r="M932" s="72">
        <v>837</v>
      </c>
      <c r="N932" s="52"/>
      <c r="O932" s="52"/>
      <c r="P932" s="52"/>
      <c r="Q932" s="52"/>
      <c r="R932" s="52"/>
      <c r="S932" s="52"/>
      <c r="T932" s="52"/>
      <c r="U932" s="52"/>
      <c r="V932" s="52"/>
      <c r="W932" s="52"/>
    </row>
    <row r="933" spans="1:23" hidden="1" x14ac:dyDescent="0.35">
      <c r="A933" s="52" t="s">
        <v>78</v>
      </c>
      <c r="B933" s="52" t="s">
        <v>79</v>
      </c>
      <c r="C933" s="3">
        <v>20</v>
      </c>
      <c r="D933" s="52" t="s">
        <v>80</v>
      </c>
      <c r="E933" s="52" t="s">
        <v>26</v>
      </c>
      <c r="F933" s="52" t="s">
        <v>81</v>
      </c>
      <c r="G933" s="52" t="s">
        <v>82</v>
      </c>
      <c r="H933" s="4">
        <v>1</v>
      </c>
      <c r="I933" s="2">
        <v>14.65</v>
      </c>
      <c r="J933" s="52" t="s">
        <v>3806</v>
      </c>
      <c r="K933" s="71" t="s">
        <v>3807</v>
      </c>
      <c r="L933" s="52" t="s">
        <v>2063</v>
      </c>
      <c r="M933" s="72">
        <v>378</v>
      </c>
      <c r="N933" s="52" t="s">
        <v>2066</v>
      </c>
      <c r="O933" s="52" t="s">
        <v>2067</v>
      </c>
      <c r="P933" s="52"/>
      <c r="Q933" s="52"/>
      <c r="R933" s="52"/>
      <c r="S933" s="52"/>
      <c r="T933" s="52"/>
      <c r="U933" s="52"/>
      <c r="V933" s="52"/>
      <c r="W933" s="52"/>
    </row>
    <row r="934" spans="1:23" hidden="1" x14ac:dyDescent="0.35">
      <c r="A934" s="52" t="s">
        <v>78</v>
      </c>
      <c r="B934" s="52" t="s">
        <v>79</v>
      </c>
      <c r="C934" s="3">
        <v>20</v>
      </c>
      <c r="D934" s="52" t="s">
        <v>2019</v>
      </c>
      <c r="E934" s="52" t="s">
        <v>26</v>
      </c>
      <c r="F934" s="52" t="s">
        <v>81</v>
      </c>
      <c r="G934" s="52" t="s">
        <v>82</v>
      </c>
      <c r="H934" s="4">
        <v>1</v>
      </c>
      <c r="I934" s="2">
        <v>14.65</v>
      </c>
      <c r="J934" s="52" t="s">
        <v>3808</v>
      </c>
      <c r="K934" s="71" t="s">
        <v>3809</v>
      </c>
      <c r="L934" s="52" t="s">
        <v>2063</v>
      </c>
      <c r="M934" s="72">
        <v>2510</v>
      </c>
      <c r="N934" s="52"/>
      <c r="O934" s="52"/>
      <c r="P934" s="52"/>
      <c r="Q934" s="52"/>
      <c r="R934" s="52"/>
      <c r="S934" s="52"/>
      <c r="T934" s="52"/>
      <c r="U934" s="52"/>
      <c r="V934" s="52"/>
      <c r="W934" s="52"/>
    </row>
    <row r="935" spans="1:23" hidden="1" x14ac:dyDescent="0.35">
      <c r="A935" s="52" t="s">
        <v>78</v>
      </c>
      <c r="B935" s="52" t="s">
        <v>79</v>
      </c>
      <c r="C935" s="3">
        <v>20</v>
      </c>
      <c r="D935" s="52" t="s">
        <v>2024</v>
      </c>
      <c r="E935" s="52" t="s">
        <v>26</v>
      </c>
      <c r="F935" s="52" t="s">
        <v>81</v>
      </c>
      <c r="G935" s="52" t="s">
        <v>82</v>
      </c>
      <c r="H935" s="4">
        <v>1</v>
      </c>
      <c r="I935" s="2">
        <v>14.65</v>
      </c>
      <c r="J935" s="52" t="s">
        <v>3810</v>
      </c>
      <c r="K935" s="71" t="s">
        <v>3811</v>
      </c>
      <c r="L935" s="52" t="s">
        <v>2063</v>
      </c>
      <c r="M935" s="72">
        <v>3434</v>
      </c>
      <c r="N935" s="52" t="s">
        <v>2066</v>
      </c>
      <c r="O935" s="52" t="s">
        <v>2067</v>
      </c>
      <c r="P935" s="52"/>
      <c r="Q935" s="52"/>
      <c r="R935" s="52"/>
      <c r="S935" s="52"/>
      <c r="T935" s="52"/>
      <c r="U935" s="52"/>
      <c r="V935" s="52"/>
      <c r="W935" s="52"/>
    </row>
    <row r="936" spans="1:23" hidden="1" x14ac:dyDescent="0.35">
      <c r="A936" s="52" t="s">
        <v>78</v>
      </c>
      <c r="B936" s="52" t="s">
        <v>79</v>
      </c>
      <c r="C936" s="3">
        <v>10</v>
      </c>
      <c r="D936" s="52" t="s">
        <v>80</v>
      </c>
      <c r="E936" s="52" t="s">
        <v>26</v>
      </c>
      <c r="F936" s="52" t="s">
        <v>81</v>
      </c>
      <c r="G936" s="52" t="s">
        <v>82</v>
      </c>
      <c r="H936" s="4">
        <v>1</v>
      </c>
      <c r="I936" s="2">
        <v>14.65</v>
      </c>
      <c r="J936" s="52" t="s">
        <v>3599</v>
      </c>
      <c r="K936" s="71" t="s">
        <v>3812</v>
      </c>
      <c r="L936" s="52" t="s">
        <v>2063</v>
      </c>
      <c r="M936" s="72">
        <v>4159</v>
      </c>
      <c r="N936" s="52" t="s">
        <v>2072</v>
      </c>
      <c r="O936" s="52" t="s">
        <v>2073</v>
      </c>
      <c r="P936" s="52"/>
      <c r="Q936" s="52"/>
      <c r="R936" s="52"/>
      <c r="S936" s="52"/>
      <c r="T936" s="52"/>
      <c r="U936" s="52"/>
      <c r="V936" s="52"/>
      <c r="W936" s="52"/>
    </row>
    <row r="937" spans="1:23" x14ac:dyDescent="0.35">
      <c r="A937" s="52" t="s">
        <v>78</v>
      </c>
      <c r="B937" s="52" t="s">
        <v>79</v>
      </c>
      <c r="C937" s="3">
        <v>20</v>
      </c>
      <c r="D937" s="52" t="s">
        <v>85</v>
      </c>
      <c r="E937" s="52" t="s">
        <v>26</v>
      </c>
      <c r="F937" s="52" t="s">
        <v>81</v>
      </c>
      <c r="G937" s="52" t="s">
        <v>82</v>
      </c>
      <c r="H937" s="4">
        <v>1</v>
      </c>
      <c r="I937" s="2">
        <v>14.65</v>
      </c>
      <c r="J937" s="52" t="s">
        <v>3813</v>
      </c>
      <c r="K937" s="71" t="s">
        <v>3814</v>
      </c>
      <c r="L937" s="52" t="s">
        <v>2063</v>
      </c>
      <c r="M937" s="72">
        <v>9847</v>
      </c>
      <c r="N937" s="52" t="s">
        <v>2238</v>
      </c>
      <c r="O937" s="52" t="s">
        <v>2239</v>
      </c>
      <c r="P937" s="52"/>
      <c r="Q937" s="52"/>
      <c r="R937" s="52"/>
      <c r="S937" s="52"/>
      <c r="T937" s="52"/>
      <c r="U937" s="52"/>
      <c r="V937" s="52"/>
      <c r="W937" s="52"/>
    </row>
    <row r="938" spans="1:23" hidden="1" x14ac:dyDescent="0.35">
      <c r="A938" s="52" t="s">
        <v>78</v>
      </c>
      <c r="B938" s="52" t="s">
        <v>79</v>
      </c>
      <c r="C938" s="3">
        <v>20</v>
      </c>
      <c r="D938" s="52" t="s">
        <v>2022</v>
      </c>
      <c r="E938" s="52" t="s">
        <v>26</v>
      </c>
      <c r="F938" s="52" t="s">
        <v>81</v>
      </c>
      <c r="G938" s="52" t="s">
        <v>82</v>
      </c>
      <c r="H938" s="4">
        <v>1</v>
      </c>
      <c r="I938" s="2">
        <v>14.65</v>
      </c>
      <c r="J938" s="52" t="s">
        <v>2410</v>
      </c>
      <c r="K938" s="71" t="s">
        <v>3815</v>
      </c>
      <c r="L938" s="52" t="s">
        <v>2063</v>
      </c>
      <c r="M938" s="72">
        <v>6538</v>
      </c>
      <c r="N938" s="52"/>
      <c r="O938" s="52"/>
      <c r="P938" s="52"/>
      <c r="Q938" s="52"/>
      <c r="R938" s="52"/>
      <c r="S938" s="52"/>
      <c r="T938" s="52"/>
      <c r="U938" s="52"/>
      <c r="V938" s="52"/>
      <c r="W938" s="52"/>
    </row>
    <row r="939" spans="1:23" x14ac:dyDescent="0.35">
      <c r="A939" s="52" t="s">
        <v>78</v>
      </c>
      <c r="B939" s="52" t="s">
        <v>79</v>
      </c>
      <c r="C939" s="3">
        <v>10</v>
      </c>
      <c r="D939" s="52" t="s">
        <v>87</v>
      </c>
      <c r="E939" s="52" t="s">
        <v>26</v>
      </c>
      <c r="F939" s="52" t="s">
        <v>81</v>
      </c>
      <c r="G939" s="52" t="s">
        <v>82</v>
      </c>
      <c r="H939" s="4">
        <v>1</v>
      </c>
      <c r="I939" s="2">
        <v>14.65</v>
      </c>
      <c r="J939" s="52" t="s">
        <v>2236</v>
      </c>
      <c r="K939" s="71" t="s">
        <v>3816</v>
      </c>
      <c r="L939" s="52" t="s">
        <v>2063</v>
      </c>
      <c r="M939" s="72">
        <v>6121</v>
      </c>
      <c r="N939" s="52" t="s">
        <v>2238</v>
      </c>
      <c r="O939" s="52" t="s">
        <v>2239</v>
      </c>
      <c r="P939" s="52"/>
      <c r="Q939" s="52"/>
      <c r="R939" s="52"/>
      <c r="S939" s="52"/>
      <c r="T939" s="52"/>
      <c r="U939" s="52"/>
      <c r="V939" s="52"/>
      <c r="W939" s="52"/>
    </row>
    <row r="940" spans="1:23" hidden="1" x14ac:dyDescent="0.35">
      <c r="A940" s="52" t="s">
        <v>78</v>
      </c>
      <c r="B940" s="52" t="s">
        <v>79</v>
      </c>
      <c r="C940" s="3">
        <v>10</v>
      </c>
      <c r="D940" s="52" t="s">
        <v>2021</v>
      </c>
      <c r="E940" s="52" t="s">
        <v>26</v>
      </c>
      <c r="F940" s="52" t="s">
        <v>81</v>
      </c>
      <c r="G940" s="52" t="s">
        <v>82</v>
      </c>
      <c r="H940" s="4">
        <v>1</v>
      </c>
      <c r="I940" s="2">
        <v>14.65</v>
      </c>
      <c r="J940" s="52" t="s">
        <v>3817</v>
      </c>
      <c r="K940" s="71" t="s">
        <v>3818</v>
      </c>
      <c r="L940" s="52" t="s">
        <v>2063</v>
      </c>
      <c r="M940" s="72">
        <v>7928</v>
      </c>
      <c r="N940" s="52" t="s">
        <v>2066</v>
      </c>
      <c r="O940" s="52" t="s">
        <v>2067</v>
      </c>
      <c r="P940" s="52"/>
      <c r="Q940" s="52"/>
      <c r="R940" s="52"/>
      <c r="S940" s="52"/>
      <c r="T940" s="52"/>
      <c r="U940" s="52"/>
      <c r="V940" s="52"/>
      <c r="W940" s="52"/>
    </row>
    <row r="941" spans="1:23" hidden="1" x14ac:dyDescent="0.35">
      <c r="A941" s="52" t="s">
        <v>78</v>
      </c>
      <c r="B941" s="52" t="s">
        <v>79</v>
      </c>
      <c r="C941" s="3">
        <v>20</v>
      </c>
      <c r="D941" s="52" t="s">
        <v>2024</v>
      </c>
      <c r="E941" s="52" t="s">
        <v>26</v>
      </c>
      <c r="F941" s="52" t="s">
        <v>81</v>
      </c>
      <c r="G941" s="52" t="s">
        <v>82</v>
      </c>
      <c r="H941" s="4">
        <v>1</v>
      </c>
      <c r="I941" s="2">
        <v>14.65</v>
      </c>
      <c r="J941" s="52" t="s">
        <v>3819</v>
      </c>
      <c r="K941" s="71" t="s">
        <v>3820</v>
      </c>
      <c r="L941" s="52" t="s">
        <v>2063</v>
      </c>
      <c r="M941" s="72">
        <v>8458</v>
      </c>
      <c r="N941" s="52" t="s">
        <v>2072</v>
      </c>
      <c r="O941" s="52" t="s">
        <v>2073</v>
      </c>
      <c r="P941" s="52"/>
      <c r="Q941" s="52"/>
      <c r="R941" s="52"/>
      <c r="S941" s="52"/>
      <c r="T941" s="52"/>
      <c r="U941" s="52"/>
      <c r="V941" s="52"/>
      <c r="W941" s="52"/>
    </row>
    <row r="942" spans="1:23" x14ac:dyDescent="0.35">
      <c r="A942" s="52" t="s">
        <v>78</v>
      </c>
      <c r="B942" s="52" t="s">
        <v>79</v>
      </c>
      <c r="C942" s="3">
        <v>20</v>
      </c>
      <c r="D942" s="52" t="s">
        <v>83</v>
      </c>
      <c r="E942" s="52" t="s">
        <v>26</v>
      </c>
      <c r="F942" s="52" t="s">
        <v>81</v>
      </c>
      <c r="G942" s="52" t="s">
        <v>82</v>
      </c>
      <c r="H942" s="4">
        <v>1</v>
      </c>
      <c r="I942" s="2">
        <v>14.65</v>
      </c>
      <c r="J942" s="52" t="s">
        <v>3821</v>
      </c>
      <c r="K942" s="71" t="s">
        <v>3822</v>
      </c>
      <c r="L942" s="52" t="s">
        <v>2063</v>
      </c>
      <c r="M942" s="72">
        <v>3773</v>
      </c>
      <c r="N942" s="52" t="s">
        <v>2076</v>
      </c>
      <c r="O942" s="52" t="s">
        <v>2077</v>
      </c>
      <c r="P942" s="52"/>
      <c r="Q942" s="52"/>
      <c r="R942" s="52"/>
      <c r="S942" s="52"/>
      <c r="T942" s="52"/>
      <c r="U942" s="52"/>
      <c r="V942" s="52"/>
      <c r="W942" s="52"/>
    </row>
    <row r="943" spans="1:23" hidden="1" x14ac:dyDescent="0.35">
      <c r="A943" s="52" t="s">
        <v>78</v>
      </c>
      <c r="B943" s="52" t="s">
        <v>79</v>
      </c>
      <c r="C943" s="3">
        <v>20</v>
      </c>
      <c r="D943" s="52" t="s">
        <v>2019</v>
      </c>
      <c r="E943" s="52" t="s">
        <v>26</v>
      </c>
      <c r="F943" s="52" t="s">
        <v>81</v>
      </c>
      <c r="G943" s="52" t="s">
        <v>82</v>
      </c>
      <c r="H943" s="4">
        <v>1</v>
      </c>
      <c r="I943" s="2">
        <v>14.65</v>
      </c>
      <c r="J943" s="52" t="s">
        <v>3823</v>
      </c>
      <c r="K943" s="71" t="s">
        <v>3824</v>
      </c>
      <c r="L943" s="52" t="s">
        <v>2063</v>
      </c>
      <c r="M943" s="72">
        <v>2842</v>
      </c>
      <c r="N943" s="52"/>
      <c r="O943" s="52"/>
      <c r="P943" s="52"/>
      <c r="Q943" s="52"/>
      <c r="R943" s="52"/>
      <c r="S943" s="52"/>
      <c r="T943" s="52"/>
      <c r="U943" s="52"/>
      <c r="V943" s="52"/>
      <c r="W943" s="52"/>
    </row>
    <row r="944" spans="1:23" hidden="1" x14ac:dyDescent="0.35">
      <c r="A944" s="52" t="s">
        <v>78</v>
      </c>
      <c r="B944" s="52" t="s">
        <v>79</v>
      </c>
      <c r="C944" s="3">
        <v>20</v>
      </c>
      <c r="D944" s="52" t="s">
        <v>2024</v>
      </c>
      <c r="E944" s="52" t="s">
        <v>26</v>
      </c>
      <c r="F944" s="52" t="s">
        <v>81</v>
      </c>
      <c r="G944" s="52" t="s">
        <v>82</v>
      </c>
      <c r="H944" s="4">
        <v>1</v>
      </c>
      <c r="I944" s="2">
        <v>14.65</v>
      </c>
      <c r="J944" s="52" t="s">
        <v>3825</v>
      </c>
      <c r="K944" s="71" t="s">
        <v>3826</v>
      </c>
      <c r="L944" s="52" t="s">
        <v>2063</v>
      </c>
      <c r="M944" s="72">
        <v>8879</v>
      </c>
      <c r="N944" s="52" t="s">
        <v>2066</v>
      </c>
      <c r="O944" s="52" t="s">
        <v>2067</v>
      </c>
      <c r="P944" s="52"/>
      <c r="Q944" s="52"/>
      <c r="R944" s="52"/>
      <c r="S944" s="52"/>
      <c r="T944" s="52"/>
      <c r="U944" s="52"/>
      <c r="V944" s="52"/>
      <c r="W944" s="52"/>
    </row>
    <row r="945" spans="1:23" hidden="1" x14ac:dyDescent="0.35">
      <c r="A945" s="52" t="s">
        <v>78</v>
      </c>
      <c r="B945" s="52" t="s">
        <v>79</v>
      </c>
      <c r="C945" s="3">
        <v>20</v>
      </c>
      <c r="D945" s="52" t="s">
        <v>2024</v>
      </c>
      <c r="E945" s="52" t="s">
        <v>26</v>
      </c>
      <c r="F945" s="52" t="s">
        <v>81</v>
      </c>
      <c r="G945" s="52" t="s">
        <v>82</v>
      </c>
      <c r="H945" s="4">
        <v>1</v>
      </c>
      <c r="I945" s="2">
        <v>14.65</v>
      </c>
      <c r="J945" s="52" t="s">
        <v>3475</v>
      </c>
      <c r="K945" s="71" t="s">
        <v>3827</v>
      </c>
      <c r="L945" s="52" t="s">
        <v>2095</v>
      </c>
      <c r="M945" s="72">
        <v>6218</v>
      </c>
      <c r="N945" s="52"/>
      <c r="O945" s="52"/>
      <c r="P945" s="52"/>
      <c r="Q945" s="52"/>
      <c r="R945" s="52"/>
      <c r="S945" s="52"/>
      <c r="T945" s="52"/>
      <c r="U945" s="52"/>
      <c r="V945" s="52"/>
      <c r="W945" s="52"/>
    </row>
    <row r="946" spans="1:23" hidden="1" x14ac:dyDescent="0.35">
      <c r="A946" s="52" t="s">
        <v>78</v>
      </c>
      <c r="B946" s="52" t="s">
        <v>79</v>
      </c>
      <c r="C946" s="3">
        <v>20</v>
      </c>
      <c r="D946" s="52" t="s">
        <v>2019</v>
      </c>
      <c r="E946" s="52" t="s">
        <v>26</v>
      </c>
      <c r="F946" s="52" t="s">
        <v>81</v>
      </c>
      <c r="G946" s="52" t="s">
        <v>82</v>
      </c>
      <c r="H946" s="4">
        <v>1</v>
      </c>
      <c r="I946" s="2">
        <v>14.65</v>
      </c>
      <c r="J946" s="52" t="s">
        <v>3828</v>
      </c>
      <c r="K946" s="71" t="s">
        <v>3829</v>
      </c>
      <c r="L946" s="52" t="s">
        <v>2063</v>
      </c>
      <c r="M946" s="72">
        <v>684</v>
      </c>
      <c r="N946" s="52" t="s">
        <v>2066</v>
      </c>
      <c r="O946" s="52" t="s">
        <v>2067</v>
      </c>
      <c r="P946" s="52"/>
      <c r="Q946" s="52"/>
      <c r="R946" s="52"/>
      <c r="S946" s="52"/>
      <c r="T946" s="52"/>
      <c r="U946" s="52"/>
      <c r="V946" s="52"/>
      <c r="W946" s="52"/>
    </row>
    <row r="947" spans="1:23" hidden="1" x14ac:dyDescent="0.35">
      <c r="A947" s="52" t="s">
        <v>78</v>
      </c>
      <c r="B947" s="52" t="s">
        <v>79</v>
      </c>
      <c r="C947" s="3">
        <v>211</v>
      </c>
      <c r="D947" s="52" t="s">
        <v>80</v>
      </c>
      <c r="E947" s="52" t="s">
        <v>26</v>
      </c>
      <c r="F947" s="52" t="s">
        <v>81</v>
      </c>
      <c r="G947" s="52" t="s">
        <v>82</v>
      </c>
      <c r="H947" s="4">
        <v>1</v>
      </c>
      <c r="I947" s="2">
        <v>14.65</v>
      </c>
      <c r="J947" s="52" t="s">
        <v>3830</v>
      </c>
      <c r="K947" s="71" t="s">
        <v>3831</v>
      </c>
      <c r="L947" s="52" t="s">
        <v>2063</v>
      </c>
      <c r="M947" s="72">
        <v>4057</v>
      </c>
      <c r="N947" s="52" t="s">
        <v>2158</v>
      </c>
      <c r="O947" s="52" t="s">
        <v>2159</v>
      </c>
      <c r="P947" s="52"/>
      <c r="Q947" s="52"/>
      <c r="R947" s="52"/>
      <c r="S947" s="52"/>
      <c r="T947" s="52"/>
      <c r="U947" s="52"/>
      <c r="V947" s="52"/>
      <c r="W947" s="52"/>
    </row>
    <row r="948" spans="1:23" hidden="1" x14ac:dyDescent="0.35">
      <c r="A948" s="52" t="s">
        <v>78</v>
      </c>
      <c r="B948" s="52" t="s">
        <v>79</v>
      </c>
      <c r="C948" s="3">
        <v>10</v>
      </c>
      <c r="D948" s="52" t="s">
        <v>2019</v>
      </c>
      <c r="E948" s="52" t="s">
        <v>26</v>
      </c>
      <c r="F948" s="52" t="s">
        <v>81</v>
      </c>
      <c r="G948" s="52" t="s">
        <v>82</v>
      </c>
      <c r="H948" s="4">
        <v>1</v>
      </c>
      <c r="I948" s="2">
        <v>14.65</v>
      </c>
      <c r="J948" s="52" t="s">
        <v>3261</v>
      </c>
      <c r="K948" s="71" t="s">
        <v>3832</v>
      </c>
      <c r="L948" s="52" t="s">
        <v>2063</v>
      </c>
      <c r="M948" s="72">
        <v>6244</v>
      </c>
      <c r="N948" s="52"/>
      <c r="O948" s="52"/>
      <c r="P948" s="52"/>
      <c r="Q948" s="52"/>
      <c r="R948" s="52"/>
      <c r="S948" s="52"/>
      <c r="T948" s="52"/>
      <c r="U948" s="52"/>
      <c r="V948" s="52"/>
      <c r="W948" s="52"/>
    </row>
    <row r="949" spans="1:23" hidden="1" x14ac:dyDescent="0.35">
      <c r="A949" s="52" t="s">
        <v>78</v>
      </c>
      <c r="B949" s="52" t="s">
        <v>79</v>
      </c>
      <c r="C949" s="3">
        <v>20</v>
      </c>
      <c r="D949" s="52" t="s">
        <v>83</v>
      </c>
      <c r="E949" s="52" t="s">
        <v>26</v>
      </c>
      <c r="F949" s="52" t="s">
        <v>81</v>
      </c>
      <c r="G949" s="52" t="s">
        <v>82</v>
      </c>
      <c r="H949" s="4">
        <v>1</v>
      </c>
      <c r="I949" s="2">
        <v>14.65</v>
      </c>
      <c r="J949" s="52" t="s">
        <v>3112</v>
      </c>
      <c r="K949" s="71" t="s">
        <v>3833</v>
      </c>
      <c r="L949" s="52" t="s">
        <v>2063</v>
      </c>
      <c r="M949" s="72">
        <v>3582</v>
      </c>
      <c r="N949" s="52" t="s">
        <v>2072</v>
      </c>
      <c r="O949" s="52" t="s">
        <v>2073</v>
      </c>
      <c r="P949" s="52"/>
      <c r="Q949" s="52"/>
      <c r="R949" s="52"/>
      <c r="S949" s="52"/>
      <c r="T949" s="52"/>
      <c r="U949" s="52"/>
      <c r="V949" s="52"/>
      <c r="W949" s="52"/>
    </row>
    <row r="950" spans="1:23" hidden="1" x14ac:dyDescent="0.35">
      <c r="A950" s="52" t="s">
        <v>78</v>
      </c>
      <c r="B950" s="52" t="s">
        <v>79</v>
      </c>
      <c r="C950" s="3">
        <v>20</v>
      </c>
      <c r="D950" s="52" t="s">
        <v>80</v>
      </c>
      <c r="E950" s="52" t="s">
        <v>26</v>
      </c>
      <c r="F950" s="52" t="s">
        <v>81</v>
      </c>
      <c r="G950" s="52" t="s">
        <v>82</v>
      </c>
      <c r="H950" s="4">
        <v>1</v>
      </c>
      <c r="I950" s="2">
        <v>14.65</v>
      </c>
      <c r="J950" s="52" t="s">
        <v>3834</v>
      </c>
      <c r="K950" s="71" t="s">
        <v>3835</v>
      </c>
      <c r="L950" s="52" t="s">
        <v>2063</v>
      </c>
      <c r="M950" s="72">
        <v>2108</v>
      </c>
      <c r="N950" s="52" t="s">
        <v>2072</v>
      </c>
      <c r="O950" s="52" t="s">
        <v>2073</v>
      </c>
      <c r="P950" s="52"/>
      <c r="Q950" s="52"/>
      <c r="R950" s="52"/>
      <c r="S950" s="52"/>
      <c r="T950" s="52"/>
      <c r="U950" s="52"/>
      <c r="V950" s="52"/>
      <c r="W950" s="52"/>
    </row>
    <row r="951" spans="1:23" hidden="1" x14ac:dyDescent="0.35">
      <c r="A951" s="52" t="s">
        <v>78</v>
      </c>
      <c r="B951" s="52" t="s">
        <v>79</v>
      </c>
      <c r="C951" s="3">
        <v>20</v>
      </c>
      <c r="D951" s="52" t="s">
        <v>2022</v>
      </c>
      <c r="E951" s="52" t="s">
        <v>26</v>
      </c>
      <c r="F951" s="52" t="s">
        <v>81</v>
      </c>
      <c r="G951" s="52" t="s">
        <v>82</v>
      </c>
      <c r="H951" s="4">
        <v>1</v>
      </c>
      <c r="I951" s="2">
        <v>14.65</v>
      </c>
      <c r="J951" s="52" t="s">
        <v>3836</v>
      </c>
      <c r="K951" s="71" t="s">
        <v>3837</v>
      </c>
      <c r="L951" s="52" t="s">
        <v>2063</v>
      </c>
      <c r="M951" s="72">
        <v>710</v>
      </c>
      <c r="N951" s="52"/>
      <c r="O951" s="52"/>
      <c r="P951" s="52"/>
      <c r="Q951" s="52"/>
      <c r="R951" s="52"/>
      <c r="S951" s="52"/>
      <c r="T951" s="52"/>
      <c r="U951" s="52"/>
      <c r="V951" s="52"/>
      <c r="W951" s="52"/>
    </row>
    <row r="952" spans="1:23" hidden="1" x14ac:dyDescent="0.35">
      <c r="A952" s="52" t="s">
        <v>78</v>
      </c>
      <c r="B952" s="52" t="s">
        <v>79</v>
      </c>
      <c r="C952" s="3">
        <v>20</v>
      </c>
      <c r="D952" s="52" t="s">
        <v>2022</v>
      </c>
      <c r="E952" s="52" t="s">
        <v>26</v>
      </c>
      <c r="F952" s="52" t="s">
        <v>81</v>
      </c>
      <c r="G952" s="52" t="s">
        <v>82</v>
      </c>
      <c r="H952" s="4">
        <v>1</v>
      </c>
      <c r="I952" s="2">
        <v>14.65</v>
      </c>
      <c r="J952" s="52" t="s">
        <v>3838</v>
      </c>
      <c r="K952" s="71" t="s">
        <v>3839</v>
      </c>
      <c r="L952" s="52" t="s">
        <v>2063</v>
      </c>
      <c r="M952" s="72">
        <v>9784</v>
      </c>
      <c r="N952" s="52" t="s">
        <v>2072</v>
      </c>
      <c r="O952" s="52" t="s">
        <v>2073</v>
      </c>
      <c r="P952" s="52"/>
      <c r="Q952" s="52"/>
      <c r="R952" s="52"/>
      <c r="S952" s="52"/>
      <c r="T952" s="52"/>
      <c r="U952" s="52"/>
      <c r="V952" s="52"/>
      <c r="W952" s="52"/>
    </row>
    <row r="953" spans="1:23" hidden="1" x14ac:dyDescent="0.35">
      <c r="A953" s="52" t="s">
        <v>78</v>
      </c>
      <c r="B953" s="52" t="s">
        <v>79</v>
      </c>
      <c r="C953" s="3">
        <v>10</v>
      </c>
      <c r="D953" s="52" t="s">
        <v>84</v>
      </c>
      <c r="E953" s="52" t="s">
        <v>26</v>
      </c>
      <c r="F953" s="52" t="s">
        <v>81</v>
      </c>
      <c r="G953" s="52" t="s">
        <v>82</v>
      </c>
      <c r="H953" s="4">
        <v>1</v>
      </c>
      <c r="I953" s="2">
        <v>14.65</v>
      </c>
      <c r="J953" s="52" t="s">
        <v>3840</v>
      </c>
      <c r="K953" s="71" t="s">
        <v>3841</v>
      </c>
      <c r="L953" s="52" t="s">
        <v>2063</v>
      </c>
      <c r="M953" s="72">
        <v>3400</v>
      </c>
      <c r="N953" s="52" t="s">
        <v>2066</v>
      </c>
      <c r="O953" s="52" t="s">
        <v>2067</v>
      </c>
      <c r="P953" s="52"/>
      <c r="Q953" s="52"/>
      <c r="R953" s="52"/>
      <c r="S953" s="52"/>
      <c r="T953" s="52"/>
      <c r="U953" s="52"/>
      <c r="V953" s="52"/>
      <c r="W953" s="52"/>
    </row>
    <row r="954" spans="1:23" hidden="1" x14ac:dyDescent="0.35">
      <c r="A954" s="52" t="s">
        <v>78</v>
      </c>
      <c r="B954" s="52" t="s">
        <v>79</v>
      </c>
      <c r="C954" s="3">
        <v>20</v>
      </c>
      <c r="D954" s="52" t="s">
        <v>2024</v>
      </c>
      <c r="E954" s="52" t="s">
        <v>26</v>
      </c>
      <c r="F954" s="52" t="s">
        <v>81</v>
      </c>
      <c r="G954" s="52" t="s">
        <v>82</v>
      </c>
      <c r="H954" s="4">
        <v>1</v>
      </c>
      <c r="I954" s="2">
        <v>14.65</v>
      </c>
      <c r="J954" s="52" t="s">
        <v>3842</v>
      </c>
      <c r="K954" s="71" t="s">
        <v>3843</v>
      </c>
      <c r="L954" s="52" t="s">
        <v>2063</v>
      </c>
      <c r="M954" s="72">
        <v>1994</v>
      </c>
      <c r="N954" s="52" t="s">
        <v>2066</v>
      </c>
      <c r="O954" s="52" t="s">
        <v>2067</v>
      </c>
      <c r="P954" s="52"/>
      <c r="Q954" s="52"/>
      <c r="R954" s="52"/>
      <c r="S954" s="52"/>
      <c r="T954" s="52"/>
      <c r="U954" s="52"/>
      <c r="V954" s="52"/>
      <c r="W954" s="52"/>
    </row>
    <row r="955" spans="1:23" hidden="1" x14ac:dyDescent="0.35">
      <c r="A955" s="52" t="s">
        <v>78</v>
      </c>
      <c r="B955" s="52" t="s">
        <v>79</v>
      </c>
      <c r="C955" s="3">
        <v>20</v>
      </c>
      <c r="D955" s="52" t="s">
        <v>2021</v>
      </c>
      <c r="E955" s="52" t="s">
        <v>26</v>
      </c>
      <c r="F955" s="52" t="s">
        <v>81</v>
      </c>
      <c r="G955" s="52" t="s">
        <v>82</v>
      </c>
      <c r="H955" s="4">
        <v>1</v>
      </c>
      <c r="I955" s="2">
        <v>14.65</v>
      </c>
      <c r="J955" s="52" t="s">
        <v>3844</v>
      </c>
      <c r="K955" s="71" t="s">
        <v>3845</v>
      </c>
      <c r="L955" s="52" t="s">
        <v>2063</v>
      </c>
      <c r="M955" s="72">
        <v>7734</v>
      </c>
      <c r="N955" s="52" t="s">
        <v>2066</v>
      </c>
      <c r="O955" s="52" t="s">
        <v>2067</v>
      </c>
      <c r="P955" s="52"/>
      <c r="Q955" s="52"/>
      <c r="R955" s="52"/>
      <c r="S955" s="52"/>
      <c r="T955" s="52"/>
      <c r="U955" s="52"/>
      <c r="V955" s="52"/>
      <c r="W955" s="52"/>
    </row>
    <row r="956" spans="1:23" hidden="1" x14ac:dyDescent="0.35">
      <c r="A956" s="52" t="s">
        <v>78</v>
      </c>
      <c r="B956" s="52" t="s">
        <v>79</v>
      </c>
      <c r="C956" s="3">
        <v>20</v>
      </c>
      <c r="D956" s="52" t="s">
        <v>86</v>
      </c>
      <c r="E956" s="52" t="s">
        <v>26</v>
      </c>
      <c r="F956" s="52" t="s">
        <v>81</v>
      </c>
      <c r="G956" s="52" t="s">
        <v>82</v>
      </c>
      <c r="H956" s="4">
        <v>1</v>
      </c>
      <c r="I956" s="2">
        <v>14.65</v>
      </c>
      <c r="J956" s="52" t="s">
        <v>2330</v>
      </c>
      <c r="K956" s="71" t="s">
        <v>3846</v>
      </c>
      <c r="L956" s="52" t="s">
        <v>2063</v>
      </c>
      <c r="M956" s="72">
        <v>9331</v>
      </c>
      <c r="N956" s="52"/>
      <c r="O956" s="52"/>
      <c r="P956" s="52"/>
      <c r="Q956" s="52"/>
      <c r="R956" s="52"/>
      <c r="S956" s="52"/>
      <c r="T956" s="52"/>
      <c r="U956" s="52"/>
      <c r="V956" s="52"/>
      <c r="W956" s="52"/>
    </row>
    <row r="957" spans="1:23" hidden="1" x14ac:dyDescent="0.35">
      <c r="A957" s="52" t="s">
        <v>78</v>
      </c>
      <c r="B957" s="52" t="s">
        <v>79</v>
      </c>
      <c r="C957" s="3">
        <v>10</v>
      </c>
      <c r="D957" s="52" t="s">
        <v>2022</v>
      </c>
      <c r="E957" s="52" t="s">
        <v>26</v>
      </c>
      <c r="F957" s="52" t="s">
        <v>81</v>
      </c>
      <c r="G957" s="52" t="s">
        <v>82</v>
      </c>
      <c r="H957" s="4">
        <v>1</v>
      </c>
      <c r="I957" s="2">
        <v>14.65</v>
      </c>
      <c r="J957" s="52" t="s">
        <v>3847</v>
      </c>
      <c r="K957" s="71" t="s">
        <v>3848</v>
      </c>
      <c r="L957" s="52" t="s">
        <v>2063</v>
      </c>
      <c r="M957" s="72">
        <v>1578</v>
      </c>
      <c r="N957" s="52" t="s">
        <v>2066</v>
      </c>
      <c r="O957" s="52" t="s">
        <v>2067</v>
      </c>
      <c r="P957" s="52"/>
      <c r="Q957" s="52"/>
      <c r="R957" s="52"/>
      <c r="S957" s="52"/>
      <c r="T957" s="52"/>
      <c r="U957" s="52"/>
      <c r="V957" s="52"/>
      <c r="W957" s="52"/>
    </row>
    <row r="958" spans="1:23" x14ac:dyDescent="0.35">
      <c r="A958" s="52" t="s">
        <v>78</v>
      </c>
      <c r="B958" s="52" t="s">
        <v>79</v>
      </c>
      <c r="C958" s="3">
        <v>211</v>
      </c>
      <c r="D958" s="52" t="s">
        <v>83</v>
      </c>
      <c r="E958" s="52" t="s">
        <v>26</v>
      </c>
      <c r="F958" s="52" t="s">
        <v>81</v>
      </c>
      <c r="G958" s="52" t="s">
        <v>82</v>
      </c>
      <c r="H958" s="4">
        <v>1</v>
      </c>
      <c r="I958" s="2">
        <v>14.65</v>
      </c>
      <c r="J958" s="52" t="s">
        <v>3849</v>
      </c>
      <c r="K958" s="71" t="s">
        <v>3850</v>
      </c>
      <c r="L958" s="52" t="s">
        <v>2063</v>
      </c>
      <c r="M958" s="72">
        <v>394</v>
      </c>
      <c r="N958" s="52" t="s">
        <v>2259</v>
      </c>
      <c r="O958" s="52" t="s">
        <v>2260</v>
      </c>
      <c r="P958" s="52"/>
      <c r="Q958" s="52"/>
      <c r="R958" s="52"/>
      <c r="S958" s="52"/>
      <c r="T958" s="52"/>
      <c r="U958" s="52"/>
      <c r="V958" s="52"/>
      <c r="W958" s="52"/>
    </row>
    <row r="959" spans="1:23" hidden="1" x14ac:dyDescent="0.35">
      <c r="A959" s="52" t="s">
        <v>78</v>
      </c>
      <c r="B959" s="52" t="s">
        <v>79</v>
      </c>
      <c r="C959" s="3">
        <v>10</v>
      </c>
      <c r="D959" s="52" t="s">
        <v>2019</v>
      </c>
      <c r="E959" s="52" t="s">
        <v>26</v>
      </c>
      <c r="F959" s="52" t="s">
        <v>81</v>
      </c>
      <c r="G959" s="52" t="s">
        <v>82</v>
      </c>
      <c r="H959" s="4">
        <v>1</v>
      </c>
      <c r="I959" s="2">
        <v>14.65</v>
      </c>
      <c r="J959" s="52" t="s">
        <v>3851</v>
      </c>
      <c r="K959" s="71" t="s">
        <v>3852</v>
      </c>
      <c r="L959" s="52" t="s">
        <v>2063</v>
      </c>
      <c r="M959" s="72">
        <v>9840</v>
      </c>
      <c r="N959" s="52" t="s">
        <v>2072</v>
      </c>
      <c r="O959" s="52" t="s">
        <v>2073</v>
      </c>
      <c r="P959" s="52"/>
      <c r="Q959" s="52"/>
      <c r="R959" s="52"/>
      <c r="S959" s="52"/>
      <c r="T959" s="52"/>
      <c r="U959" s="52"/>
      <c r="V959" s="52"/>
      <c r="W959" s="52"/>
    </row>
    <row r="960" spans="1:23" hidden="1" x14ac:dyDescent="0.35">
      <c r="A960" s="52" t="s">
        <v>78</v>
      </c>
      <c r="B960" s="52" t="s">
        <v>79</v>
      </c>
      <c r="C960" s="3">
        <v>20</v>
      </c>
      <c r="D960" s="52" t="s">
        <v>2022</v>
      </c>
      <c r="E960" s="52" t="s">
        <v>26</v>
      </c>
      <c r="F960" s="52" t="s">
        <v>81</v>
      </c>
      <c r="G960" s="52" t="s">
        <v>82</v>
      </c>
      <c r="H960" s="4">
        <v>1</v>
      </c>
      <c r="I960" s="2">
        <v>14.65</v>
      </c>
      <c r="J960" s="52" t="s">
        <v>3853</v>
      </c>
      <c r="K960" s="71" t="s">
        <v>3854</v>
      </c>
      <c r="L960" s="52" t="s">
        <v>2063</v>
      </c>
      <c r="M960" s="72">
        <v>8409</v>
      </c>
      <c r="N960" s="52" t="s">
        <v>2072</v>
      </c>
      <c r="O960" s="52" t="s">
        <v>2073</v>
      </c>
      <c r="P960" s="52"/>
      <c r="Q960" s="52"/>
      <c r="R960" s="52"/>
      <c r="S960" s="52"/>
      <c r="T960" s="52"/>
      <c r="U960" s="52"/>
      <c r="V960" s="52"/>
      <c r="W960" s="52"/>
    </row>
    <row r="961" spans="1:23" hidden="1" x14ac:dyDescent="0.35">
      <c r="A961" s="52" t="s">
        <v>78</v>
      </c>
      <c r="B961" s="52" t="s">
        <v>79</v>
      </c>
      <c r="C961" s="3">
        <v>10</v>
      </c>
      <c r="D961" s="52" t="s">
        <v>84</v>
      </c>
      <c r="E961" s="52" t="s">
        <v>26</v>
      </c>
      <c r="F961" s="52" t="s">
        <v>81</v>
      </c>
      <c r="G961" s="52" t="s">
        <v>82</v>
      </c>
      <c r="H961" s="4">
        <v>1</v>
      </c>
      <c r="I961" s="2">
        <v>14.65</v>
      </c>
      <c r="J961" s="52" t="s">
        <v>3855</v>
      </c>
      <c r="K961" s="71" t="s">
        <v>3856</v>
      </c>
      <c r="L961" s="52" t="s">
        <v>2063</v>
      </c>
      <c r="M961" s="72">
        <v>6444</v>
      </c>
      <c r="N961" s="52"/>
      <c r="O961" s="52"/>
      <c r="P961" s="52"/>
      <c r="Q961" s="52"/>
      <c r="R961" s="52"/>
      <c r="S961" s="52"/>
      <c r="T961" s="52"/>
      <c r="U961" s="52"/>
      <c r="V961" s="52"/>
      <c r="W961" s="52"/>
    </row>
    <row r="962" spans="1:23" hidden="1" x14ac:dyDescent="0.35">
      <c r="A962" s="52" t="s">
        <v>78</v>
      </c>
      <c r="B962" s="52" t="s">
        <v>79</v>
      </c>
      <c r="C962" s="3">
        <v>20</v>
      </c>
      <c r="D962" s="52" t="s">
        <v>86</v>
      </c>
      <c r="E962" s="52" t="s">
        <v>26</v>
      </c>
      <c r="F962" s="52" t="s">
        <v>81</v>
      </c>
      <c r="G962" s="52" t="s">
        <v>82</v>
      </c>
      <c r="H962" s="4">
        <v>1</v>
      </c>
      <c r="I962" s="2">
        <v>14.65</v>
      </c>
      <c r="J962" s="52" t="s">
        <v>3857</v>
      </c>
      <c r="K962" s="71" t="s">
        <v>3858</v>
      </c>
      <c r="L962" s="52" t="s">
        <v>2063</v>
      </c>
      <c r="M962" s="72">
        <v>5765</v>
      </c>
      <c r="N962" s="52" t="s">
        <v>2072</v>
      </c>
      <c r="O962" s="52" t="s">
        <v>2073</v>
      </c>
      <c r="P962" s="52"/>
      <c r="Q962" s="52"/>
      <c r="R962" s="52"/>
      <c r="S962" s="52"/>
      <c r="T962" s="52"/>
      <c r="U962" s="52"/>
      <c r="V962" s="52"/>
      <c r="W962" s="52"/>
    </row>
    <row r="963" spans="1:23" hidden="1" x14ac:dyDescent="0.35">
      <c r="A963" s="52" t="s">
        <v>78</v>
      </c>
      <c r="B963" s="52" t="s">
        <v>79</v>
      </c>
      <c r="C963" s="3">
        <v>20</v>
      </c>
      <c r="D963" s="52" t="s">
        <v>86</v>
      </c>
      <c r="E963" s="52" t="s">
        <v>26</v>
      </c>
      <c r="F963" s="52" t="s">
        <v>81</v>
      </c>
      <c r="G963" s="52" t="s">
        <v>82</v>
      </c>
      <c r="H963" s="4">
        <v>1</v>
      </c>
      <c r="I963" s="2">
        <v>14.65</v>
      </c>
      <c r="J963" s="52" t="s">
        <v>2578</v>
      </c>
      <c r="K963" s="71" t="s">
        <v>3859</v>
      </c>
      <c r="L963" s="52" t="s">
        <v>2063</v>
      </c>
      <c r="M963" s="72">
        <v>4046</v>
      </c>
      <c r="N963" s="52" t="s">
        <v>2066</v>
      </c>
      <c r="O963" s="52" t="s">
        <v>2067</v>
      </c>
      <c r="P963" s="52"/>
      <c r="Q963" s="52"/>
      <c r="R963" s="52"/>
      <c r="S963" s="52"/>
      <c r="T963" s="52"/>
      <c r="U963" s="52"/>
      <c r="V963" s="52"/>
      <c r="W963" s="52"/>
    </row>
    <row r="964" spans="1:23" hidden="1" x14ac:dyDescent="0.35">
      <c r="A964" s="52" t="s">
        <v>78</v>
      </c>
      <c r="B964" s="52" t="s">
        <v>79</v>
      </c>
      <c r="C964" s="3">
        <v>10</v>
      </c>
      <c r="D964" s="52" t="s">
        <v>85</v>
      </c>
      <c r="E964" s="52" t="s">
        <v>26</v>
      </c>
      <c r="F964" s="52" t="s">
        <v>81</v>
      </c>
      <c r="G964" s="52" t="s">
        <v>82</v>
      </c>
      <c r="H964" s="4">
        <v>1</v>
      </c>
      <c r="I964" s="2">
        <v>14.65</v>
      </c>
      <c r="J964" s="52" t="s">
        <v>2491</v>
      </c>
      <c r="K964" s="71" t="s">
        <v>3860</v>
      </c>
      <c r="L964" s="52" t="s">
        <v>2063</v>
      </c>
      <c r="M964" s="72">
        <v>1445</v>
      </c>
      <c r="N964" s="52"/>
      <c r="O964" s="52"/>
      <c r="P964" s="52"/>
      <c r="Q964" s="52"/>
      <c r="R964" s="52"/>
      <c r="S964" s="52"/>
      <c r="T964" s="52"/>
      <c r="U964" s="52"/>
      <c r="V964" s="52"/>
      <c r="W964" s="52"/>
    </row>
    <row r="965" spans="1:23" hidden="1" x14ac:dyDescent="0.35">
      <c r="A965" s="52" t="s">
        <v>78</v>
      </c>
      <c r="B965" s="52" t="s">
        <v>79</v>
      </c>
      <c r="C965" s="3">
        <v>212</v>
      </c>
      <c r="D965" s="52" t="s">
        <v>2019</v>
      </c>
      <c r="E965" s="52" t="s">
        <v>26</v>
      </c>
      <c r="F965" s="52" t="s">
        <v>81</v>
      </c>
      <c r="G965" s="52" t="s">
        <v>82</v>
      </c>
      <c r="H965" s="4">
        <v>1</v>
      </c>
      <c r="I965" s="2">
        <v>14.65</v>
      </c>
      <c r="J965" s="52" t="s">
        <v>3861</v>
      </c>
      <c r="K965" s="71" t="s">
        <v>3862</v>
      </c>
      <c r="L965" s="52" t="s">
        <v>2063</v>
      </c>
      <c r="M965" s="72">
        <v>493</v>
      </c>
      <c r="N965" s="52" t="s">
        <v>2158</v>
      </c>
      <c r="O965" s="52" t="s">
        <v>2159</v>
      </c>
      <c r="P965" s="52"/>
      <c r="Q965" s="52"/>
      <c r="R965" s="52"/>
      <c r="S965" s="52"/>
      <c r="T965" s="52"/>
      <c r="U965" s="52"/>
      <c r="V965" s="52"/>
      <c r="W965" s="52"/>
    </row>
    <row r="966" spans="1:23" hidden="1" x14ac:dyDescent="0.35">
      <c r="A966" s="52" t="s">
        <v>78</v>
      </c>
      <c r="B966" s="52" t="s">
        <v>79</v>
      </c>
      <c r="C966" s="3">
        <v>20</v>
      </c>
      <c r="D966" s="52" t="s">
        <v>2020</v>
      </c>
      <c r="E966" s="52" t="s">
        <v>26</v>
      </c>
      <c r="F966" s="52" t="s">
        <v>81</v>
      </c>
      <c r="G966" s="52" t="s">
        <v>82</v>
      </c>
      <c r="H966" s="4">
        <v>1</v>
      </c>
      <c r="I966" s="2">
        <v>14.65</v>
      </c>
      <c r="J966" s="52" t="s">
        <v>3422</v>
      </c>
      <c r="K966" s="71" t="s">
        <v>3863</v>
      </c>
      <c r="L966" s="52" t="s">
        <v>2063</v>
      </c>
      <c r="M966" s="72">
        <v>6594</v>
      </c>
      <c r="N966" s="52" t="s">
        <v>2072</v>
      </c>
      <c r="O966" s="52" t="s">
        <v>2073</v>
      </c>
      <c r="P966" s="52"/>
      <c r="Q966" s="52"/>
      <c r="R966" s="52"/>
      <c r="S966" s="52"/>
      <c r="T966" s="52"/>
      <c r="U966" s="52"/>
      <c r="V966" s="52"/>
      <c r="W966" s="52"/>
    </row>
    <row r="967" spans="1:23" hidden="1" x14ac:dyDescent="0.35">
      <c r="A967" s="52" t="s">
        <v>78</v>
      </c>
      <c r="B967" s="52" t="s">
        <v>79</v>
      </c>
      <c r="C967" s="3">
        <v>10</v>
      </c>
      <c r="D967" s="52" t="s">
        <v>87</v>
      </c>
      <c r="E967" s="52" t="s">
        <v>26</v>
      </c>
      <c r="F967" s="52" t="s">
        <v>81</v>
      </c>
      <c r="G967" s="52" t="s">
        <v>82</v>
      </c>
      <c r="H967" s="4">
        <v>1</v>
      </c>
      <c r="I967" s="2">
        <v>14.65</v>
      </c>
      <c r="J967" s="52" t="s">
        <v>3864</v>
      </c>
      <c r="K967" s="71" t="s">
        <v>3865</v>
      </c>
      <c r="L967" s="52" t="s">
        <v>2063</v>
      </c>
      <c r="M967" s="72">
        <v>136</v>
      </c>
      <c r="N967" s="52" t="s">
        <v>2072</v>
      </c>
      <c r="O967" s="52" t="s">
        <v>2073</v>
      </c>
      <c r="P967" s="52"/>
      <c r="Q967" s="52"/>
      <c r="R967" s="52"/>
      <c r="S967" s="52"/>
      <c r="T967" s="52"/>
      <c r="U967" s="52"/>
      <c r="V967" s="52"/>
      <c r="W967" s="52"/>
    </row>
    <row r="968" spans="1:23" hidden="1" x14ac:dyDescent="0.35">
      <c r="A968" s="52" t="s">
        <v>78</v>
      </c>
      <c r="B968" s="52" t="s">
        <v>79</v>
      </c>
      <c r="C968" s="3">
        <v>20</v>
      </c>
      <c r="D968" s="52" t="s">
        <v>87</v>
      </c>
      <c r="E968" s="52" t="s">
        <v>26</v>
      </c>
      <c r="F968" s="52" t="s">
        <v>81</v>
      </c>
      <c r="G968" s="52" t="s">
        <v>82</v>
      </c>
      <c r="H968" s="4">
        <v>1</v>
      </c>
      <c r="I968" s="2">
        <v>14.65</v>
      </c>
      <c r="J968" s="52" t="s">
        <v>3866</v>
      </c>
      <c r="K968" s="71" t="s">
        <v>3867</v>
      </c>
      <c r="L968" s="52" t="s">
        <v>2063</v>
      </c>
      <c r="M968" s="72">
        <v>2921</v>
      </c>
      <c r="N968" s="52"/>
      <c r="O968" s="52"/>
      <c r="P968" s="52"/>
      <c r="Q968" s="52"/>
      <c r="R968" s="52"/>
      <c r="S968" s="52"/>
      <c r="T968" s="52"/>
      <c r="U968" s="52"/>
      <c r="V968" s="52"/>
      <c r="W968" s="52"/>
    </row>
    <row r="969" spans="1:23" hidden="1" x14ac:dyDescent="0.35">
      <c r="A969" s="52" t="s">
        <v>78</v>
      </c>
      <c r="B969" s="52" t="s">
        <v>79</v>
      </c>
      <c r="C969" s="3">
        <v>20</v>
      </c>
      <c r="D969" s="52" t="s">
        <v>85</v>
      </c>
      <c r="E969" s="52" t="s">
        <v>26</v>
      </c>
      <c r="F969" s="52" t="s">
        <v>81</v>
      </c>
      <c r="G969" s="52" t="s">
        <v>82</v>
      </c>
      <c r="H969" s="4">
        <v>1</v>
      </c>
      <c r="I969" s="2">
        <v>14.65</v>
      </c>
      <c r="J969" s="52" t="s">
        <v>3868</v>
      </c>
      <c r="K969" s="71" t="s">
        <v>3869</v>
      </c>
      <c r="L969" s="52" t="s">
        <v>2063</v>
      </c>
      <c r="M969" s="72">
        <v>9516</v>
      </c>
      <c r="N969" s="52" t="s">
        <v>2066</v>
      </c>
      <c r="O969" s="52" t="s">
        <v>2067</v>
      </c>
      <c r="P969" s="52"/>
      <c r="Q969" s="52"/>
      <c r="R969" s="52"/>
      <c r="S969" s="52"/>
      <c r="T969" s="52"/>
      <c r="U969" s="52"/>
      <c r="V969" s="52"/>
      <c r="W969" s="52"/>
    </row>
    <row r="970" spans="1:23" hidden="1" x14ac:dyDescent="0.35">
      <c r="A970" s="52" t="s">
        <v>78</v>
      </c>
      <c r="B970" s="52" t="s">
        <v>79</v>
      </c>
      <c r="C970" s="3">
        <v>20</v>
      </c>
      <c r="D970" s="52" t="s">
        <v>83</v>
      </c>
      <c r="E970" s="52" t="s">
        <v>26</v>
      </c>
      <c r="F970" s="52" t="s">
        <v>81</v>
      </c>
      <c r="G970" s="52" t="s">
        <v>82</v>
      </c>
      <c r="H970" s="4">
        <v>1</v>
      </c>
      <c r="I970" s="2">
        <v>14.65</v>
      </c>
      <c r="J970" s="52" t="s">
        <v>3870</v>
      </c>
      <c r="K970" s="71" t="s">
        <v>3871</v>
      </c>
      <c r="L970" s="52" t="s">
        <v>2063</v>
      </c>
      <c r="M970" s="72">
        <v>6157</v>
      </c>
      <c r="N970" s="52" t="s">
        <v>2072</v>
      </c>
      <c r="O970" s="52" t="s">
        <v>2073</v>
      </c>
      <c r="P970" s="52"/>
      <c r="Q970" s="52"/>
      <c r="R970" s="52"/>
      <c r="S970" s="52"/>
      <c r="T970" s="52"/>
      <c r="U970" s="52"/>
      <c r="V970" s="52"/>
      <c r="W970" s="52"/>
    </row>
    <row r="971" spans="1:23" hidden="1" x14ac:dyDescent="0.35">
      <c r="A971" s="52" t="s">
        <v>78</v>
      </c>
      <c r="B971" s="52" t="s">
        <v>79</v>
      </c>
      <c r="C971" s="3">
        <v>20</v>
      </c>
      <c r="D971" s="52" t="s">
        <v>83</v>
      </c>
      <c r="E971" s="52" t="s">
        <v>26</v>
      </c>
      <c r="F971" s="52" t="s">
        <v>81</v>
      </c>
      <c r="G971" s="52" t="s">
        <v>82</v>
      </c>
      <c r="H971" s="4">
        <v>1</v>
      </c>
      <c r="I971" s="2">
        <v>14.65</v>
      </c>
      <c r="J971" s="52" t="s">
        <v>3120</v>
      </c>
      <c r="K971" s="71" t="s">
        <v>3872</v>
      </c>
      <c r="L971" s="52" t="s">
        <v>2063</v>
      </c>
      <c r="M971" s="72">
        <v>9757</v>
      </c>
      <c r="N971" s="52" t="s">
        <v>2072</v>
      </c>
      <c r="O971" s="52" t="s">
        <v>2073</v>
      </c>
      <c r="P971" s="52"/>
      <c r="Q971" s="52"/>
      <c r="R971" s="52"/>
      <c r="S971" s="52"/>
      <c r="T971" s="52"/>
      <c r="U971" s="52"/>
      <c r="V971" s="52"/>
      <c r="W971" s="52"/>
    </row>
    <row r="972" spans="1:23" hidden="1" x14ac:dyDescent="0.35">
      <c r="A972" s="52" t="s">
        <v>78</v>
      </c>
      <c r="B972" s="52" t="s">
        <v>79</v>
      </c>
      <c r="C972" s="3">
        <v>211</v>
      </c>
      <c r="D972" s="52" t="s">
        <v>2024</v>
      </c>
      <c r="E972" s="52" t="s">
        <v>26</v>
      </c>
      <c r="F972" s="52" t="s">
        <v>81</v>
      </c>
      <c r="G972" s="52" t="s">
        <v>82</v>
      </c>
      <c r="H972" s="4">
        <v>1</v>
      </c>
      <c r="I972" s="2">
        <v>14.65</v>
      </c>
      <c r="J972" s="52" t="s">
        <v>2298</v>
      </c>
      <c r="K972" s="71" t="s">
        <v>3873</v>
      </c>
      <c r="L972" s="52" t="s">
        <v>2063</v>
      </c>
      <c r="M972" s="72">
        <v>4823</v>
      </c>
      <c r="N972" s="52" t="s">
        <v>2158</v>
      </c>
      <c r="O972" s="52" t="s">
        <v>2159</v>
      </c>
      <c r="P972" s="52"/>
      <c r="Q972" s="52"/>
      <c r="R972" s="52"/>
      <c r="S972" s="52"/>
      <c r="T972" s="52"/>
      <c r="U972" s="52"/>
      <c r="V972" s="52"/>
      <c r="W972" s="52"/>
    </row>
    <row r="973" spans="1:23" hidden="1" x14ac:dyDescent="0.35">
      <c r="A973" s="52" t="s">
        <v>78</v>
      </c>
      <c r="B973" s="52" t="s">
        <v>79</v>
      </c>
      <c r="C973" s="3">
        <v>10</v>
      </c>
      <c r="D973" s="52" t="s">
        <v>2023</v>
      </c>
      <c r="E973" s="52" t="s">
        <v>26</v>
      </c>
      <c r="F973" s="52" t="s">
        <v>81</v>
      </c>
      <c r="G973" s="52" t="s">
        <v>82</v>
      </c>
      <c r="H973" s="4">
        <v>1</v>
      </c>
      <c r="I973" s="2">
        <v>14.65</v>
      </c>
      <c r="J973" s="52" t="s">
        <v>3874</v>
      </c>
      <c r="K973" s="71" t="s">
        <v>3875</v>
      </c>
      <c r="L973" s="52" t="s">
        <v>2063</v>
      </c>
      <c r="M973" s="72">
        <v>7040</v>
      </c>
      <c r="N973" s="52" t="s">
        <v>2072</v>
      </c>
      <c r="O973" s="52" t="s">
        <v>2073</v>
      </c>
      <c r="P973" s="52"/>
      <c r="Q973" s="52"/>
      <c r="R973" s="52"/>
      <c r="S973" s="52"/>
      <c r="T973" s="52"/>
      <c r="U973" s="52"/>
      <c r="V973" s="52"/>
      <c r="W973" s="52"/>
    </row>
    <row r="974" spans="1:23" hidden="1" x14ac:dyDescent="0.35">
      <c r="A974" s="52" t="s">
        <v>78</v>
      </c>
      <c r="B974" s="52" t="s">
        <v>79</v>
      </c>
      <c r="C974" s="3">
        <v>20</v>
      </c>
      <c r="D974" s="52" t="s">
        <v>2023</v>
      </c>
      <c r="E974" s="52" t="s">
        <v>26</v>
      </c>
      <c r="F974" s="52" t="s">
        <v>81</v>
      </c>
      <c r="G974" s="52" t="s">
        <v>82</v>
      </c>
      <c r="H974" s="4">
        <v>1</v>
      </c>
      <c r="I974" s="2">
        <v>14.65</v>
      </c>
      <c r="J974" s="52" t="s">
        <v>3876</v>
      </c>
      <c r="K974" s="71" t="s">
        <v>3877</v>
      </c>
      <c r="L974" s="52" t="s">
        <v>2063</v>
      </c>
      <c r="M974" s="72">
        <v>8131</v>
      </c>
      <c r="N974" s="52" t="s">
        <v>2066</v>
      </c>
      <c r="O974" s="52" t="s">
        <v>2067</v>
      </c>
      <c r="P974" s="52"/>
      <c r="Q974" s="52"/>
      <c r="R974" s="52"/>
      <c r="S974" s="52"/>
      <c r="T974" s="52"/>
      <c r="U974" s="52"/>
      <c r="V974" s="52"/>
      <c r="W974" s="52"/>
    </row>
    <row r="975" spans="1:23" hidden="1" x14ac:dyDescent="0.35">
      <c r="A975" s="52" t="s">
        <v>78</v>
      </c>
      <c r="B975" s="52" t="s">
        <v>79</v>
      </c>
      <c r="C975" s="3">
        <v>10</v>
      </c>
      <c r="D975" s="52" t="s">
        <v>85</v>
      </c>
      <c r="E975" s="52" t="s">
        <v>26</v>
      </c>
      <c r="F975" s="52" t="s">
        <v>81</v>
      </c>
      <c r="G975" s="52" t="s">
        <v>82</v>
      </c>
      <c r="H975" s="4">
        <v>1</v>
      </c>
      <c r="I975" s="2">
        <v>14.65</v>
      </c>
      <c r="J975" s="52" t="s">
        <v>3878</v>
      </c>
      <c r="K975" s="71" t="s">
        <v>3879</v>
      </c>
      <c r="L975" s="52" t="s">
        <v>2063</v>
      </c>
      <c r="M975" s="72">
        <v>457</v>
      </c>
      <c r="N975" s="52" t="s">
        <v>2066</v>
      </c>
      <c r="O975" s="52" t="s">
        <v>2067</v>
      </c>
      <c r="P975" s="52"/>
      <c r="Q975" s="52"/>
      <c r="R975" s="52"/>
      <c r="S975" s="52"/>
      <c r="T975" s="52"/>
      <c r="U975" s="52"/>
      <c r="V975" s="52"/>
      <c r="W975" s="52"/>
    </row>
    <row r="976" spans="1:23" hidden="1" x14ac:dyDescent="0.35">
      <c r="A976" s="52" t="s">
        <v>78</v>
      </c>
      <c r="B976" s="52" t="s">
        <v>79</v>
      </c>
      <c r="C976" s="3">
        <v>20</v>
      </c>
      <c r="D976" s="52" t="s">
        <v>85</v>
      </c>
      <c r="E976" s="52" t="s">
        <v>26</v>
      </c>
      <c r="F976" s="52" t="s">
        <v>81</v>
      </c>
      <c r="G976" s="52" t="s">
        <v>82</v>
      </c>
      <c r="H976" s="4">
        <v>1</v>
      </c>
      <c r="I976" s="2">
        <v>14.65</v>
      </c>
      <c r="J976" s="52" t="s">
        <v>3880</v>
      </c>
      <c r="K976" s="71" t="s">
        <v>3881</v>
      </c>
      <c r="L976" s="52" t="s">
        <v>2063</v>
      </c>
      <c r="M976" s="72">
        <v>2791</v>
      </c>
      <c r="N976" s="52" t="s">
        <v>2072</v>
      </c>
      <c r="O976" s="52" t="s">
        <v>2073</v>
      </c>
      <c r="P976" s="52"/>
      <c r="Q976" s="52"/>
      <c r="R976" s="52"/>
      <c r="S976" s="52"/>
      <c r="T976" s="52"/>
      <c r="U976" s="52"/>
      <c r="V976" s="52"/>
      <c r="W976" s="52"/>
    </row>
    <row r="977" spans="1:23" hidden="1" x14ac:dyDescent="0.35">
      <c r="A977" s="52" t="s">
        <v>78</v>
      </c>
      <c r="B977" s="52" t="s">
        <v>79</v>
      </c>
      <c r="C977" s="3">
        <v>211</v>
      </c>
      <c r="D977" s="52" t="s">
        <v>2024</v>
      </c>
      <c r="E977" s="52" t="s">
        <v>26</v>
      </c>
      <c r="F977" s="52" t="s">
        <v>81</v>
      </c>
      <c r="G977" s="52" t="s">
        <v>82</v>
      </c>
      <c r="H977" s="4">
        <v>1</v>
      </c>
      <c r="I977" s="2">
        <v>14.65</v>
      </c>
      <c r="J977" s="52" t="s">
        <v>3882</v>
      </c>
      <c r="K977" s="71" t="s">
        <v>3883</v>
      </c>
      <c r="L977" s="52" t="s">
        <v>2063</v>
      </c>
      <c r="M977" s="72">
        <v>8254</v>
      </c>
      <c r="N977" s="52"/>
      <c r="O977" s="52"/>
      <c r="P977" s="52"/>
      <c r="Q977" s="52"/>
      <c r="R977" s="52"/>
      <c r="S977" s="52"/>
      <c r="T977" s="52"/>
      <c r="U977" s="52"/>
      <c r="V977" s="52"/>
      <c r="W977" s="52"/>
    </row>
    <row r="978" spans="1:23" hidden="1" x14ac:dyDescent="0.35">
      <c r="A978" s="52" t="s">
        <v>78</v>
      </c>
      <c r="B978" s="52" t="s">
        <v>79</v>
      </c>
      <c r="C978" s="3">
        <v>10</v>
      </c>
      <c r="D978" s="52" t="s">
        <v>2023</v>
      </c>
      <c r="E978" s="52" t="s">
        <v>26</v>
      </c>
      <c r="F978" s="52" t="s">
        <v>81</v>
      </c>
      <c r="G978" s="52" t="s">
        <v>82</v>
      </c>
      <c r="H978" s="4">
        <v>1</v>
      </c>
      <c r="I978" s="2">
        <v>14.65</v>
      </c>
      <c r="J978" s="52" t="s">
        <v>3884</v>
      </c>
      <c r="K978" s="71" t="s">
        <v>3885</v>
      </c>
      <c r="L978" s="52" t="s">
        <v>2063</v>
      </c>
      <c r="M978" s="72">
        <v>615</v>
      </c>
      <c r="N978" s="52" t="s">
        <v>2066</v>
      </c>
      <c r="O978" s="52" t="s">
        <v>2067</v>
      </c>
      <c r="P978" s="52"/>
      <c r="Q978" s="52"/>
      <c r="R978" s="52"/>
      <c r="S978" s="52"/>
      <c r="T978" s="52"/>
      <c r="U978" s="52"/>
      <c r="V978" s="52"/>
      <c r="W978" s="52"/>
    </row>
    <row r="979" spans="1:23" hidden="1" x14ac:dyDescent="0.35">
      <c r="A979" s="52" t="s">
        <v>78</v>
      </c>
      <c r="B979" s="52" t="s">
        <v>79</v>
      </c>
      <c r="C979" s="3">
        <v>20</v>
      </c>
      <c r="D979" s="52" t="s">
        <v>2023</v>
      </c>
      <c r="E979" s="52" t="s">
        <v>26</v>
      </c>
      <c r="F979" s="52" t="s">
        <v>81</v>
      </c>
      <c r="G979" s="52" t="s">
        <v>82</v>
      </c>
      <c r="H979" s="4">
        <v>1</v>
      </c>
      <c r="I979" s="2">
        <v>14.65</v>
      </c>
      <c r="J979" s="52" t="s">
        <v>3886</v>
      </c>
      <c r="K979" s="71" t="s">
        <v>3887</v>
      </c>
      <c r="L979" s="52" t="s">
        <v>2063</v>
      </c>
      <c r="M979" s="72">
        <v>5615</v>
      </c>
      <c r="N979" s="52" t="s">
        <v>2072</v>
      </c>
      <c r="O979" s="52" t="s">
        <v>2073</v>
      </c>
      <c r="P979" s="52"/>
      <c r="Q979" s="52"/>
      <c r="R979" s="52"/>
      <c r="S979" s="52"/>
      <c r="T979" s="52"/>
      <c r="U979" s="52"/>
      <c r="V979" s="52"/>
      <c r="W979" s="52"/>
    </row>
    <row r="980" spans="1:23" hidden="1" x14ac:dyDescent="0.35">
      <c r="A980" s="52" t="s">
        <v>78</v>
      </c>
      <c r="B980" s="52" t="s">
        <v>79</v>
      </c>
      <c r="C980" s="3">
        <v>211</v>
      </c>
      <c r="D980" s="52" t="s">
        <v>2022</v>
      </c>
      <c r="E980" s="52" t="s">
        <v>26</v>
      </c>
      <c r="F980" s="52" t="s">
        <v>81</v>
      </c>
      <c r="G980" s="52" t="s">
        <v>82</v>
      </c>
      <c r="H980" s="4">
        <v>1</v>
      </c>
      <c r="I980" s="2">
        <v>14.65</v>
      </c>
      <c r="J980" s="52" t="s">
        <v>3888</v>
      </c>
      <c r="K980" s="71" t="s">
        <v>3889</v>
      </c>
      <c r="L980" s="52" t="s">
        <v>2063</v>
      </c>
      <c r="M980" s="72">
        <v>5902</v>
      </c>
      <c r="N980" s="52" t="s">
        <v>2195</v>
      </c>
      <c r="O980" s="52" t="s">
        <v>2196</v>
      </c>
      <c r="P980" s="52"/>
      <c r="Q980" s="52"/>
      <c r="R980" s="52"/>
      <c r="S980" s="52"/>
      <c r="T980" s="52"/>
      <c r="U980" s="52"/>
      <c r="V980" s="52"/>
      <c r="W980" s="52"/>
    </row>
    <row r="981" spans="1:23" hidden="1" x14ac:dyDescent="0.35">
      <c r="A981" s="52" t="s">
        <v>78</v>
      </c>
      <c r="B981" s="52" t="s">
        <v>79</v>
      </c>
      <c r="C981" s="3">
        <v>20</v>
      </c>
      <c r="D981" s="52" t="s">
        <v>85</v>
      </c>
      <c r="E981" s="52" t="s">
        <v>26</v>
      </c>
      <c r="F981" s="52" t="s">
        <v>81</v>
      </c>
      <c r="G981" s="52" t="s">
        <v>82</v>
      </c>
      <c r="H981" s="4">
        <v>1</v>
      </c>
      <c r="I981" s="2">
        <v>14.65</v>
      </c>
      <c r="J981" s="52" t="s">
        <v>3890</v>
      </c>
      <c r="K981" s="71" t="s">
        <v>3891</v>
      </c>
      <c r="L981" s="52" t="s">
        <v>2063</v>
      </c>
      <c r="M981" s="72">
        <v>6743</v>
      </c>
      <c r="N981" s="52"/>
      <c r="O981" s="52"/>
      <c r="P981" s="52"/>
      <c r="Q981" s="52"/>
      <c r="R981" s="52"/>
      <c r="S981" s="52"/>
      <c r="T981" s="52"/>
      <c r="U981" s="52"/>
      <c r="V981" s="52"/>
      <c r="W981" s="52"/>
    </row>
    <row r="982" spans="1:23" hidden="1" x14ac:dyDescent="0.35">
      <c r="A982" s="52" t="s">
        <v>78</v>
      </c>
      <c r="B982" s="52" t="s">
        <v>79</v>
      </c>
      <c r="C982" s="3">
        <v>20</v>
      </c>
      <c r="D982" s="52" t="s">
        <v>80</v>
      </c>
      <c r="E982" s="52" t="s">
        <v>26</v>
      </c>
      <c r="F982" s="52" t="s">
        <v>81</v>
      </c>
      <c r="G982" s="52" t="s">
        <v>82</v>
      </c>
      <c r="H982" s="4">
        <v>1</v>
      </c>
      <c r="I982" s="2">
        <v>14.65</v>
      </c>
      <c r="J982" s="52" t="s">
        <v>3892</v>
      </c>
      <c r="K982" s="71" t="s">
        <v>3893</v>
      </c>
      <c r="L982" s="52" t="s">
        <v>2063</v>
      </c>
      <c r="M982" s="72">
        <v>804</v>
      </c>
      <c r="N982" s="52" t="s">
        <v>2072</v>
      </c>
      <c r="O982" s="52" t="s">
        <v>2073</v>
      </c>
      <c r="P982" s="52"/>
      <c r="Q982" s="52"/>
      <c r="R982" s="52"/>
      <c r="S982" s="52"/>
      <c r="T982" s="52"/>
      <c r="U982" s="52"/>
      <c r="V982" s="52"/>
      <c r="W982" s="52"/>
    </row>
    <row r="983" spans="1:23" hidden="1" x14ac:dyDescent="0.35">
      <c r="A983" s="52" t="s">
        <v>78</v>
      </c>
      <c r="B983" s="52" t="s">
        <v>79</v>
      </c>
      <c r="C983" s="3">
        <v>10</v>
      </c>
      <c r="D983" s="52" t="s">
        <v>2022</v>
      </c>
      <c r="E983" s="52" t="s">
        <v>26</v>
      </c>
      <c r="F983" s="52" t="s">
        <v>81</v>
      </c>
      <c r="G983" s="52" t="s">
        <v>82</v>
      </c>
      <c r="H983" s="4">
        <v>1</v>
      </c>
      <c r="I983" s="2">
        <v>14.65</v>
      </c>
      <c r="J983" s="52" t="s">
        <v>3894</v>
      </c>
      <c r="K983" s="71" t="s">
        <v>3895</v>
      </c>
      <c r="L983" s="52" t="s">
        <v>2063</v>
      </c>
      <c r="M983" s="72">
        <v>3952</v>
      </c>
      <c r="N983" s="52" t="s">
        <v>2072</v>
      </c>
      <c r="O983" s="52" t="s">
        <v>2073</v>
      </c>
      <c r="P983" s="52" t="s">
        <v>2066</v>
      </c>
      <c r="Q983" s="52" t="s">
        <v>2067</v>
      </c>
      <c r="R983" s="52"/>
      <c r="S983" s="52"/>
      <c r="T983" s="52"/>
      <c r="U983" s="52"/>
      <c r="V983" s="52"/>
      <c r="W983" s="52"/>
    </row>
    <row r="984" spans="1:23" x14ac:dyDescent="0.35">
      <c r="A984" s="52" t="s">
        <v>78</v>
      </c>
      <c r="B984" s="52" t="s">
        <v>79</v>
      </c>
      <c r="C984" s="3">
        <v>20</v>
      </c>
      <c r="D984" s="52" t="s">
        <v>2024</v>
      </c>
      <c r="E984" s="52" t="s">
        <v>26</v>
      </c>
      <c r="F984" s="52" t="s">
        <v>81</v>
      </c>
      <c r="G984" s="52" t="s">
        <v>82</v>
      </c>
      <c r="H984" s="4">
        <v>1</v>
      </c>
      <c r="I984" s="2">
        <v>14.65</v>
      </c>
      <c r="J984" s="52" t="s">
        <v>3896</v>
      </c>
      <c r="K984" s="71" t="s">
        <v>3897</v>
      </c>
      <c r="L984" s="52" t="s">
        <v>2063</v>
      </c>
      <c r="M984" s="72">
        <v>4466</v>
      </c>
      <c r="N984" s="52" t="s">
        <v>2259</v>
      </c>
      <c r="O984" s="52" t="s">
        <v>2260</v>
      </c>
      <c r="P984" s="52"/>
      <c r="Q984" s="52"/>
      <c r="R984" s="52"/>
      <c r="S984" s="52"/>
      <c r="T984" s="52"/>
      <c r="U984" s="52"/>
      <c r="V984" s="52"/>
      <c r="W984" s="52"/>
    </row>
    <row r="985" spans="1:23" hidden="1" x14ac:dyDescent="0.35">
      <c r="A985" s="52" t="s">
        <v>78</v>
      </c>
      <c r="B985" s="52" t="s">
        <v>79</v>
      </c>
      <c r="C985" s="3">
        <v>20</v>
      </c>
      <c r="D985" s="52" t="s">
        <v>2022</v>
      </c>
      <c r="E985" s="52" t="s">
        <v>26</v>
      </c>
      <c r="F985" s="52" t="s">
        <v>81</v>
      </c>
      <c r="G985" s="52" t="s">
        <v>82</v>
      </c>
      <c r="H985" s="4">
        <v>1</v>
      </c>
      <c r="I985" s="2">
        <v>14.65</v>
      </c>
      <c r="J985" s="52" t="s">
        <v>2211</v>
      </c>
      <c r="K985" s="71" t="s">
        <v>3898</v>
      </c>
      <c r="L985" s="52" t="s">
        <v>2063</v>
      </c>
      <c r="M985" s="72">
        <v>992</v>
      </c>
      <c r="N985" s="52"/>
      <c r="O985" s="52"/>
      <c r="P985" s="52"/>
      <c r="Q985" s="52"/>
      <c r="R985" s="52"/>
      <c r="S985" s="52"/>
      <c r="T985" s="52"/>
      <c r="U985" s="52"/>
      <c r="V985" s="52"/>
      <c r="W985" s="52"/>
    </row>
    <row r="986" spans="1:23" hidden="1" x14ac:dyDescent="0.35">
      <c r="A986" s="52" t="s">
        <v>78</v>
      </c>
      <c r="B986" s="52" t="s">
        <v>79</v>
      </c>
      <c r="C986" s="3">
        <v>20</v>
      </c>
      <c r="D986" s="52" t="s">
        <v>86</v>
      </c>
      <c r="E986" s="52" t="s">
        <v>26</v>
      </c>
      <c r="F986" s="52" t="s">
        <v>81</v>
      </c>
      <c r="G986" s="52" t="s">
        <v>82</v>
      </c>
      <c r="H986" s="4">
        <v>1</v>
      </c>
      <c r="I986" s="2">
        <v>14.65</v>
      </c>
      <c r="J986" s="52" t="s">
        <v>3899</v>
      </c>
      <c r="K986" s="71" t="s">
        <v>3900</v>
      </c>
      <c r="L986" s="52" t="s">
        <v>2063</v>
      </c>
      <c r="M986" s="72">
        <v>3432</v>
      </c>
      <c r="N986" s="52" t="s">
        <v>2066</v>
      </c>
      <c r="O986" s="52" t="s">
        <v>2067</v>
      </c>
      <c r="P986" s="52"/>
      <c r="Q986" s="52"/>
      <c r="R986" s="52"/>
      <c r="S986" s="52"/>
      <c r="T986" s="52"/>
      <c r="U986" s="52"/>
      <c r="V986" s="52"/>
      <c r="W986" s="52"/>
    </row>
    <row r="987" spans="1:23" hidden="1" x14ac:dyDescent="0.35">
      <c r="A987" s="52" t="s">
        <v>78</v>
      </c>
      <c r="B987" s="52" t="s">
        <v>79</v>
      </c>
      <c r="C987" s="3">
        <v>10</v>
      </c>
      <c r="D987" s="52" t="s">
        <v>2023</v>
      </c>
      <c r="E987" s="52" t="s">
        <v>26</v>
      </c>
      <c r="F987" s="52" t="s">
        <v>81</v>
      </c>
      <c r="G987" s="52" t="s">
        <v>82</v>
      </c>
      <c r="H987" s="4">
        <v>1</v>
      </c>
      <c r="I987" s="2">
        <v>14.65</v>
      </c>
      <c r="J987" s="52" t="s">
        <v>3901</v>
      </c>
      <c r="K987" s="71" t="s">
        <v>3902</v>
      </c>
      <c r="L987" s="52" t="s">
        <v>2063</v>
      </c>
      <c r="M987" s="72">
        <v>3307</v>
      </c>
      <c r="N987" s="52" t="s">
        <v>2072</v>
      </c>
      <c r="O987" s="52" t="s">
        <v>2073</v>
      </c>
      <c r="P987" s="52"/>
      <c r="Q987" s="52"/>
      <c r="R987" s="52"/>
      <c r="S987" s="52"/>
      <c r="T987" s="52"/>
      <c r="U987" s="52"/>
      <c r="V987" s="52"/>
      <c r="W987" s="52"/>
    </row>
    <row r="988" spans="1:23" hidden="1" x14ac:dyDescent="0.35">
      <c r="A988" s="52" t="s">
        <v>78</v>
      </c>
      <c r="B988" s="52" t="s">
        <v>79</v>
      </c>
      <c r="C988" s="3">
        <v>10</v>
      </c>
      <c r="D988" s="52" t="s">
        <v>2020</v>
      </c>
      <c r="E988" s="52" t="s">
        <v>26</v>
      </c>
      <c r="F988" s="52" t="s">
        <v>81</v>
      </c>
      <c r="G988" s="52" t="s">
        <v>82</v>
      </c>
      <c r="H988" s="4">
        <v>1</v>
      </c>
      <c r="I988" s="2">
        <v>14.65</v>
      </c>
      <c r="J988" s="52" t="s">
        <v>3903</v>
      </c>
      <c r="K988" s="71" t="s">
        <v>3904</v>
      </c>
      <c r="L988" s="52" t="s">
        <v>2063</v>
      </c>
      <c r="M988" s="72">
        <v>292</v>
      </c>
      <c r="N988" s="52" t="s">
        <v>2072</v>
      </c>
      <c r="O988" s="52" t="s">
        <v>2073</v>
      </c>
      <c r="P988" s="52"/>
      <c r="Q988" s="52"/>
      <c r="R988" s="52"/>
      <c r="S988" s="52"/>
      <c r="T988" s="52"/>
      <c r="U988" s="52"/>
      <c r="V988" s="52"/>
      <c r="W988" s="52"/>
    </row>
    <row r="989" spans="1:23" x14ac:dyDescent="0.35">
      <c r="A989" s="52" t="s">
        <v>78</v>
      </c>
      <c r="B989" s="52" t="s">
        <v>79</v>
      </c>
      <c r="C989" s="3">
        <v>10</v>
      </c>
      <c r="D989" s="52" t="s">
        <v>2022</v>
      </c>
      <c r="E989" s="52" t="s">
        <v>26</v>
      </c>
      <c r="F989" s="52" t="s">
        <v>81</v>
      </c>
      <c r="G989" s="52" t="s">
        <v>82</v>
      </c>
      <c r="H989" s="4">
        <v>1</v>
      </c>
      <c r="I989" s="2">
        <v>14.65</v>
      </c>
      <c r="J989" s="52" t="s">
        <v>3905</v>
      </c>
      <c r="K989" s="71" t="s">
        <v>3906</v>
      </c>
      <c r="L989" s="52" t="s">
        <v>2063</v>
      </c>
      <c r="M989" s="72">
        <v>5070</v>
      </c>
      <c r="N989" s="52" t="s">
        <v>2259</v>
      </c>
      <c r="O989" s="52" t="s">
        <v>2260</v>
      </c>
      <c r="P989" s="52"/>
      <c r="Q989" s="52"/>
      <c r="R989" s="52"/>
      <c r="S989" s="52"/>
      <c r="T989" s="52"/>
      <c r="U989" s="52"/>
      <c r="V989" s="52"/>
      <c r="W989" s="52"/>
    </row>
    <row r="990" spans="1:23" hidden="1" x14ac:dyDescent="0.35">
      <c r="A990" s="52" t="s">
        <v>78</v>
      </c>
      <c r="B990" s="52" t="s">
        <v>79</v>
      </c>
      <c r="C990" s="3">
        <v>212</v>
      </c>
      <c r="D990" s="52" t="s">
        <v>83</v>
      </c>
      <c r="E990" s="52" t="s">
        <v>26</v>
      </c>
      <c r="F990" s="52" t="s">
        <v>81</v>
      </c>
      <c r="G990" s="52" t="s">
        <v>82</v>
      </c>
      <c r="H990" s="4">
        <v>1</v>
      </c>
      <c r="I990" s="2">
        <v>14.65</v>
      </c>
      <c r="J990" s="52" t="s">
        <v>3907</v>
      </c>
      <c r="K990" s="71" t="s">
        <v>3908</v>
      </c>
      <c r="L990" s="52" t="s">
        <v>2063</v>
      </c>
      <c r="M990" s="72">
        <v>8741</v>
      </c>
      <c r="N990" s="52"/>
      <c r="O990" s="52"/>
      <c r="P990" s="52"/>
      <c r="Q990" s="52"/>
      <c r="R990" s="52"/>
      <c r="S990" s="52"/>
      <c r="T990" s="52"/>
      <c r="U990" s="52"/>
      <c r="V990" s="52"/>
      <c r="W990" s="52"/>
    </row>
    <row r="991" spans="1:23" hidden="1" x14ac:dyDescent="0.35">
      <c r="A991" s="52" t="s">
        <v>78</v>
      </c>
      <c r="B991" s="52" t="s">
        <v>79</v>
      </c>
      <c r="C991" s="3">
        <v>20</v>
      </c>
      <c r="D991" s="52" t="s">
        <v>86</v>
      </c>
      <c r="E991" s="52" t="s">
        <v>26</v>
      </c>
      <c r="F991" s="52" t="s">
        <v>81</v>
      </c>
      <c r="G991" s="52" t="s">
        <v>82</v>
      </c>
      <c r="H991" s="4">
        <v>1</v>
      </c>
      <c r="I991" s="2">
        <v>14.65</v>
      </c>
      <c r="J991" s="52" t="s">
        <v>3909</v>
      </c>
      <c r="K991" s="71" t="s">
        <v>3910</v>
      </c>
      <c r="L991" s="52" t="s">
        <v>2063</v>
      </c>
      <c r="M991" s="72">
        <v>4779</v>
      </c>
      <c r="N991" s="52" t="s">
        <v>2072</v>
      </c>
      <c r="O991" s="52" t="s">
        <v>2073</v>
      </c>
      <c r="P991" s="52"/>
      <c r="Q991" s="52"/>
      <c r="R991" s="52"/>
      <c r="S991" s="52"/>
      <c r="T991" s="52"/>
      <c r="U991" s="52"/>
      <c r="V991" s="52"/>
      <c r="W991" s="52"/>
    </row>
    <row r="992" spans="1:23" hidden="1" x14ac:dyDescent="0.35">
      <c r="A992" s="52" t="s">
        <v>78</v>
      </c>
      <c r="B992" s="52" t="s">
        <v>79</v>
      </c>
      <c r="C992" s="3">
        <v>20</v>
      </c>
      <c r="D992" s="52" t="s">
        <v>2020</v>
      </c>
      <c r="E992" s="52" t="s">
        <v>26</v>
      </c>
      <c r="F992" s="52" t="s">
        <v>81</v>
      </c>
      <c r="G992" s="52" t="s">
        <v>82</v>
      </c>
      <c r="H992" s="4">
        <v>1</v>
      </c>
      <c r="I992" s="2">
        <v>14.65</v>
      </c>
      <c r="J992" s="52" t="s">
        <v>2434</v>
      </c>
      <c r="K992" s="71" t="s">
        <v>3911</v>
      </c>
      <c r="L992" s="52" t="s">
        <v>2063</v>
      </c>
      <c r="M992" s="72">
        <v>7751</v>
      </c>
      <c r="N992" s="52" t="s">
        <v>2072</v>
      </c>
      <c r="O992" s="52" t="s">
        <v>2073</v>
      </c>
      <c r="P992" s="52"/>
      <c r="Q992" s="52"/>
      <c r="R992" s="52"/>
      <c r="S992" s="52"/>
      <c r="T992" s="52"/>
      <c r="U992" s="52"/>
      <c r="V992" s="52"/>
      <c r="W992" s="52"/>
    </row>
    <row r="993" spans="1:23" hidden="1" x14ac:dyDescent="0.35">
      <c r="A993" s="52" t="s">
        <v>78</v>
      </c>
      <c r="B993" s="52" t="s">
        <v>79</v>
      </c>
      <c r="C993" s="3">
        <v>10</v>
      </c>
      <c r="D993" s="52" t="s">
        <v>86</v>
      </c>
      <c r="E993" s="52" t="s">
        <v>26</v>
      </c>
      <c r="F993" s="52" t="s">
        <v>81</v>
      </c>
      <c r="G993" s="52" t="s">
        <v>82</v>
      </c>
      <c r="H993" s="4">
        <v>1</v>
      </c>
      <c r="I993" s="2">
        <v>14.65</v>
      </c>
      <c r="J993" s="52" t="s">
        <v>3912</v>
      </c>
      <c r="K993" s="71" t="s">
        <v>3913</v>
      </c>
      <c r="L993" s="52" t="s">
        <v>2063</v>
      </c>
      <c r="M993" s="72">
        <v>6752</v>
      </c>
      <c r="N993" s="52" t="s">
        <v>2072</v>
      </c>
      <c r="O993" s="52" t="s">
        <v>2073</v>
      </c>
      <c r="P993" s="52"/>
      <c r="Q993" s="52"/>
      <c r="R993" s="52"/>
      <c r="S993" s="52"/>
      <c r="T993" s="52"/>
      <c r="U993" s="52"/>
      <c r="V993" s="52"/>
      <c r="W993" s="52"/>
    </row>
    <row r="994" spans="1:23" x14ac:dyDescent="0.35">
      <c r="A994" s="52" t="s">
        <v>78</v>
      </c>
      <c r="B994" s="52" t="s">
        <v>79</v>
      </c>
      <c r="C994" s="3">
        <v>10</v>
      </c>
      <c r="D994" s="52" t="s">
        <v>2023</v>
      </c>
      <c r="E994" s="52" t="s">
        <v>26</v>
      </c>
      <c r="F994" s="52" t="s">
        <v>81</v>
      </c>
      <c r="G994" s="52" t="s">
        <v>82</v>
      </c>
      <c r="H994" s="4">
        <v>1</v>
      </c>
      <c r="I994" s="2">
        <v>14.65</v>
      </c>
      <c r="J994" s="52" t="s">
        <v>3914</v>
      </c>
      <c r="K994" s="71" t="s">
        <v>3915</v>
      </c>
      <c r="L994" s="52" t="s">
        <v>2063</v>
      </c>
      <c r="M994" s="72">
        <v>5808</v>
      </c>
      <c r="N994" s="52" t="s">
        <v>2076</v>
      </c>
      <c r="O994" s="52" t="s">
        <v>2077</v>
      </c>
      <c r="P994" s="52"/>
      <c r="Q994" s="52"/>
      <c r="R994" s="52"/>
      <c r="S994" s="52"/>
      <c r="T994" s="52"/>
      <c r="U994" s="52"/>
      <c r="V994" s="52"/>
      <c r="W994" s="52"/>
    </row>
    <row r="995" spans="1:23" hidden="1" x14ac:dyDescent="0.35">
      <c r="A995" s="52" t="s">
        <v>78</v>
      </c>
      <c r="B995" s="52" t="s">
        <v>79</v>
      </c>
      <c r="C995" s="3">
        <v>10</v>
      </c>
      <c r="D995" s="52" t="s">
        <v>2022</v>
      </c>
      <c r="E995" s="52" t="s">
        <v>26</v>
      </c>
      <c r="F995" s="52" t="s">
        <v>81</v>
      </c>
      <c r="G995" s="52" t="s">
        <v>82</v>
      </c>
      <c r="H995" s="4">
        <v>1</v>
      </c>
      <c r="I995" s="2">
        <v>14.65</v>
      </c>
      <c r="J995" s="52" t="s">
        <v>3916</v>
      </c>
      <c r="K995" s="71" t="s">
        <v>3917</v>
      </c>
      <c r="L995" s="52" t="s">
        <v>2063</v>
      </c>
      <c r="M995" s="72">
        <v>1796</v>
      </c>
      <c r="N995" s="52" t="s">
        <v>2072</v>
      </c>
      <c r="O995" s="52" t="s">
        <v>2073</v>
      </c>
      <c r="P995" s="52"/>
      <c r="Q995" s="52"/>
      <c r="R995" s="52"/>
      <c r="S995" s="52"/>
      <c r="T995" s="52"/>
      <c r="U995" s="52"/>
      <c r="V995" s="52"/>
      <c r="W995" s="52"/>
    </row>
    <row r="996" spans="1:23" x14ac:dyDescent="0.35">
      <c r="A996" s="52" t="s">
        <v>78</v>
      </c>
      <c r="B996" s="52" t="s">
        <v>79</v>
      </c>
      <c r="C996" s="3">
        <v>20</v>
      </c>
      <c r="D996" s="52" t="s">
        <v>2021</v>
      </c>
      <c r="E996" s="52" t="s">
        <v>26</v>
      </c>
      <c r="F996" s="52" t="s">
        <v>81</v>
      </c>
      <c r="G996" s="52" t="s">
        <v>82</v>
      </c>
      <c r="H996" s="4">
        <v>1</v>
      </c>
      <c r="I996" s="2">
        <v>14.65</v>
      </c>
      <c r="J996" s="52" t="s">
        <v>3918</v>
      </c>
      <c r="K996" s="71" t="s">
        <v>3919</v>
      </c>
      <c r="L996" s="52" t="s">
        <v>2063</v>
      </c>
      <c r="M996" s="72">
        <v>8894</v>
      </c>
      <c r="N996" s="52" t="s">
        <v>2076</v>
      </c>
      <c r="O996" s="52" t="s">
        <v>2077</v>
      </c>
      <c r="P996" s="52" t="s">
        <v>2066</v>
      </c>
      <c r="Q996" s="52" t="s">
        <v>2067</v>
      </c>
      <c r="R996" s="52"/>
      <c r="S996" s="52"/>
      <c r="T996" s="52"/>
      <c r="U996" s="52"/>
      <c r="V996" s="52"/>
      <c r="W996" s="52"/>
    </row>
    <row r="997" spans="1:23" hidden="1" x14ac:dyDescent="0.35">
      <c r="A997" s="52" t="s">
        <v>78</v>
      </c>
      <c r="B997" s="52" t="s">
        <v>79</v>
      </c>
      <c r="C997" s="3">
        <v>10</v>
      </c>
      <c r="D997" s="52" t="s">
        <v>2020</v>
      </c>
      <c r="E997" s="52" t="s">
        <v>26</v>
      </c>
      <c r="F997" s="52" t="s">
        <v>81</v>
      </c>
      <c r="G997" s="52" t="s">
        <v>82</v>
      </c>
      <c r="H997" s="4">
        <v>1</v>
      </c>
      <c r="I997" s="2">
        <v>14.65</v>
      </c>
      <c r="J997" s="52" t="s">
        <v>3920</v>
      </c>
      <c r="K997" s="71" t="s">
        <v>3921</v>
      </c>
      <c r="L997" s="52" t="s">
        <v>2063</v>
      </c>
      <c r="M997" s="72">
        <v>6159</v>
      </c>
      <c r="N997" s="52" t="s">
        <v>2072</v>
      </c>
      <c r="O997" s="52" t="s">
        <v>2073</v>
      </c>
      <c r="P997" s="52"/>
      <c r="Q997" s="52"/>
      <c r="R997" s="52"/>
      <c r="S997" s="52"/>
      <c r="T997" s="52"/>
      <c r="U997" s="52"/>
      <c r="V997" s="52"/>
      <c r="W997" s="52"/>
    </row>
    <row r="998" spans="1:23" hidden="1" x14ac:dyDescent="0.35">
      <c r="A998" s="52" t="s">
        <v>78</v>
      </c>
      <c r="B998" s="52" t="s">
        <v>79</v>
      </c>
      <c r="C998" s="3">
        <v>10</v>
      </c>
      <c r="D998" s="52" t="s">
        <v>80</v>
      </c>
      <c r="E998" s="52" t="s">
        <v>26</v>
      </c>
      <c r="F998" s="52" t="s">
        <v>81</v>
      </c>
      <c r="G998" s="52" t="s">
        <v>82</v>
      </c>
      <c r="H998" s="4">
        <v>1</v>
      </c>
      <c r="I998" s="2">
        <v>14.65</v>
      </c>
      <c r="J998" s="52" t="s">
        <v>2889</v>
      </c>
      <c r="K998" s="71" t="s">
        <v>3922</v>
      </c>
      <c r="L998" s="52" t="s">
        <v>2063</v>
      </c>
      <c r="M998" s="72">
        <v>5091</v>
      </c>
      <c r="N998" s="52"/>
      <c r="O998" s="52"/>
      <c r="P998" s="52"/>
      <c r="Q998" s="52"/>
      <c r="R998" s="52"/>
      <c r="S998" s="52"/>
      <c r="T998" s="52"/>
      <c r="U998" s="52"/>
      <c r="V998" s="52"/>
      <c r="W998" s="52"/>
    </row>
    <row r="999" spans="1:23" hidden="1" x14ac:dyDescent="0.35">
      <c r="A999" s="52" t="s">
        <v>78</v>
      </c>
      <c r="B999" s="52" t="s">
        <v>79</v>
      </c>
      <c r="C999" s="3">
        <v>20</v>
      </c>
      <c r="D999" s="52" t="s">
        <v>87</v>
      </c>
      <c r="E999" s="52" t="s">
        <v>26</v>
      </c>
      <c r="F999" s="52" t="s">
        <v>81</v>
      </c>
      <c r="G999" s="52" t="s">
        <v>82</v>
      </c>
      <c r="H999" s="4">
        <v>1</v>
      </c>
      <c r="I999" s="2">
        <v>14.65</v>
      </c>
      <c r="J999" s="52" t="s">
        <v>3582</v>
      </c>
      <c r="K999" s="71" t="s">
        <v>3923</v>
      </c>
      <c r="L999" s="52" t="s">
        <v>2063</v>
      </c>
      <c r="M999" s="72">
        <v>4427</v>
      </c>
      <c r="N999" s="52" t="s">
        <v>2072</v>
      </c>
      <c r="O999" s="52" t="s">
        <v>2073</v>
      </c>
      <c r="P999" s="52"/>
      <c r="Q999" s="52"/>
      <c r="R999" s="52"/>
      <c r="S999" s="52"/>
      <c r="T999" s="52"/>
      <c r="U999" s="52"/>
      <c r="V999" s="52"/>
      <c r="W999" s="52"/>
    </row>
    <row r="1000" spans="1:23" hidden="1" x14ac:dyDescent="0.35">
      <c r="A1000" s="52" t="s">
        <v>78</v>
      </c>
      <c r="B1000" s="52" t="s">
        <v>79</v>
      </c>
      <c r="C1000" s="3">
        <v>20</v>
      </c>
      <c r="D1000" s="52" t="s">
        <v>85</v>
      </c>
      <c r="E1000" s="52" t="s">
        <v>26</v>
      </c>
      <c r="F1000" s="52" t="s">
        <v>81</v>
      </c>
      <c r="G1000" s="52" t="s">
        <v>82</v>
      </c>
      <c r="H1000" s="4">
        <v>1</v>
      </c>
      <c r="I1000" s="2">
        <v>14.65</v>
      </c>
      <c r="J1000" s="52" t="s">
        <v>3786</v>
      </c>
      <c r="K1000" s="71" t="s">
        <v>3924</v>
      </c>
      <c r="L1000" s="52" t="s">
        <v>2063</v>
      </c>
      <c r="M1000" s="72">
        <v>6745</v>
      </c>
      <c r="N1000" s="52" t="s">
        <v>2066</v>
      </c>
      <c r="O1000" s="52" t="s">
        <v>2067</v>
      </c>
      <c r="P1000" s="52"/>
      <c r="Q1000" s="52"/>
      <c r="R1000" s="52"/>
      <c r="S1000" s="52"/>
      <c r="T1000" s="52"/>
      <c r="U1000" s="52"/>
      <c r="V1000" s="52"/>
      <c r="W1000" s="52"/>
    </row>
    <row r="1001" spans="1:23" hidden="1" x14ac:dyDescent="0.35">
      <c r="A1001" s="52" t="s">
        <v>78</v>
      </c>
      <c r="B1001" s="52" t="s">
        <v>79</v>
      </c>
      <c r="C1001" s="3">
        <v>10</v>
      </c>
      <c r="D1001" s="52" t="s">
        <v>86</v>
      </c>
      <c r="E1001" s="52" t="s">
        <v>26</v>
      </c>
      <c r="F1001" s="52" t="s">
        <v>81</v>
      </c>
      <c r="G1001" s="52" t="s">
        <v>82</v>
      </c>
      <c r="H1001" s="4">
        <v>1</v>
      </c>
      <c r="I1001" s="2">
        <v>14.65</v>
      </c>
      <c r="J1001" s="52" t="s">
        <v>3463</v>
      </c>
      <c r="K1001" s="71" t="s">
        <v>3925</v>
      </c>
      <c r="L1001" s="52" t="s">
        <v>2063</v>
      </c>
      <c r="M1001" s="72">
        <v>6122</v>
      </c>
      <c r="N1001" s="52" t="s">
        <v>2072</v>
      </c>
      <c r="O1001" s="52" t="s">
        <v>2073</v>
      </c>
      <c r="P1001" s="52"/>
      <c r="Q1001" s="52"/>
      <c r="R1001" s="52"/>
      <c r="S1001" s="52"/>
      <c r="T1001" s="52"/>
      <c r="U1001" s="52"/>
      <c r="V1001" s="52"/>
      <c r="W1001" s="52"/>
    </row>
    <row r="1002" spans="1:23" x14ac:dyDescent="0.35">
      <c r="A1002" s="52" t="s">
        <v>78</v>
      </c>
      <c r="B1002" s="52" t="s">
        <v>79</v>
      </c>
      <c r="C1002" s="3">
        <v>10</v>
      </c>
      <c r="D1002" s="52" t="s">
        <v>87</v>
      </c>
      <c r="E1002" s="52" t="s">
        <v>26</v>
      </c>
      <c r="F1002" s="52" t="s">
        <v>81</v>
      </c>
      <c r="G1002" s="52" t="s">
        <v>82</v>
      </c>
      <c r="H1002" s="4">
        <v>1</v>
      </c>
      <c r="I1002" s="2">
        <v>14.65</v>
      </c>
      <c r="J1002" s="52" t="s">
        <v>3926</v>
      </c>
      <c r="K1002" s="71" t="s">
        <v>3927</v>
      </c>
      <c r="L1002" s="52" t="s">
        <v>2095</v>
      </c>
      <c r="M1002" s="72">
        <v>9629</v>
      </c>
      <c r="N1002" s="52" t="s">
        <v>2259</v>
      </c>
      <c r="O1002" s="52" t="s">
        <v>2260</v>
      </c>
      <c r="P1002" s="52"/>
      <c r="Q1002" s="52"/>
      <c r="R1002" s="52"/>
      <c r="S1002" s="52"/>
      <c r="T1002" s="52"/>
      <c r="U1002" s="52"/>
      <c r="V1002" s="52"/>
      <c r="W1002" s="52"/>
    </row>
    <row r="1003" spans="1:23" x14ac:dyDescent="0.35">
      <c r="A1003" s="52" t="s">
        <v>78</v>
      </c>
      <c r="B1003" s="52" t="s">
        <v>79</v>
      </c>
      <c r="C1003" s="3">
        <v>10</v>
      </c>
      <c r="D1003" s="52" t="s">
        <v>87</v>
      </c>
      <c r="E1003" s="52" t="s">
        <v>26</v>
      </c>
      <c r="F1003" s="52" t="s">
        <v>81</v>
      </c>
      <c r="G1003" s="52" t="s">
        <v>82</v>
      </c>
      <c r="H1003" s="4">
        <v>1</v>
      </c>
      <c r="I1003" s="2">
        <v>14.65</v>
      </c>
      <c r="J1003" s="52" t="s">
        <v>3928</v>
      </c>
      <c r="K1003" s="71" t="s">
        <v>3929</v>
      </c>
      <c r="L1003" s="52" t="s">
        <v>2063</v>
      </c>
      <c r="M1003" s="72">
        <v>5441</v>
      </c>
      <c r="N1003" s="52" t="s">
        <v>2076</v>
      </c>
      <c r="O1003" s="52" t="s">
        <v>2077</v>
      </c>
      <c r="P1003" s="52"/>
      <c r="Q1003" s="52"/>
      <c r="R1003" s="52"/>
      <c r="S1003" s="52"/>
      <c r="T1003" s="52"/>
      <c r="U1003" s="52"/>
      <c r="V1003" s="52"/>
      <c r="W1003" s="52"/>
    </row>
    <row r="1004" spans="1:23" x14ac:dyDescent="0.35">
      <c r="A1004" s="52" t="s">
        <v>78</v>
      </c>
      <c r="B1004" s="52" t="s">
        <v>79</v>
      </c>
      <c r="C1004" s="3">
        <v>211</v>
      </c>
      <c r="D1004" s="52" t="s">
        <v>2020</v>
      </c>
      <c r="E1004" s="52" t="s">
        <v>26</v>
      </c>
      <c r="F1004" s="52" t="s">
        <v>81</v>
      </c>
      <c r="G1004" s="52" t="s">
        <v>82</v>
      </c>
      <c r="H1004" s="4">
        <v>1</v>
      </c>
      <c r="I1004" s="2">
        <v>14.65</v>
      </c>
      <c r="J1004" s="52" t="s">
        <v>3930</v>
      </c>
      <c r="K1004" s="71" t="s">
        <v>3931</v>
      </c>
      <c r="L1004" s="52" t="s">
        <v>2063</v>
      </c>
      <c r="M1004" s="72">
        <v>8434</v>
      </c>
      <c r="N1004" s="52" t="s">
        <v>2076</v>
      </c>
      <c r="O1004" s="52" t="s">
        <v>2077</v>
      </c>
      <c r="P1004" s="52"/>
      <c r="Q1004" s="52"/>
      <c r="R1004" s="52"/>
      <c r="S1004" s="52"/>
      <c r="T1004" s="52"/>
      <c r="U1004" s="52"/>
      <c r="V1004" s="52"/>
      <c r="W1004" s="52"/>
    </row>
    <row r="1005" spans="1:23" hidden="1" x14ac:dyDescent="0.35">
      <c r="A1005" s="52" t="s">
        <v>78</v>
      </c>
      <c r="B1005" s="52" t="s">
        <v>79</v>
      </c>
      <c r="C1005" s="3">
        <v>211</v>
      </c>
      <c r="D1005" s="52" t="s">
        <v>83</v>
      </c>
      <c r="E1005" s="52" t="s">
        <v>26</v>
      </c>
      <c r="F1005" s="52" t="s">
        <v>81</v>
      </c>
      <c r="G1005" s="52" t="s">
        <v>82</v>
      </c>
      <c r="H1005" s="4">
        <v>1</v>
      </c>
      <c r="I1005" s="2">
        <v>14.65</v>
      </c>
      <c r="J1005" s="52" t="s">
        <v>3932</v>
      </c>
      <c r="K1005" s="71" t="s">
        <v>3933</v>
      </c>
      <c r="L1005" s="52" t="s">
        <v>2063</v>
      </c>
      <c r="M1005" s="72">
        <v>8683</v>
      </c>
      <c r="N1005" s="52" t="s">
        <v>2072</v>
      </c>
      <c r="O1005" s="52" t="s">
        <v>2073</v>
      </c>
      <c r="P1005" s="52"/>
      <c r="Q1005" s="52"/>
      <c r="R1005" s="52"/>
      <c r="S1005" s="52"/>
      <c r="T1005" s="52"/>
      <c r="U1005" s="52"/>
      <c r="V1005" s="52"/>
      <c r="W1005" s="52"/>
    </row>
    <row r="1006" spans="1:23" hidden="1" x14ac:dyDescent="0.35">
      <c r="A1006" s="52" t="s">
        <v>78</v>
      </c>
      <c r="B1006" s="52" t="s">
        <v>79</v>
      </c>
      <c r="C1006" s="3">
        <v>20</v>
      </c>
      <c r="D1006" s="52" t="s">
        <v>2019</v>
      </c>
      <c r="E1006" s="52" t="s">
        <v>26</v>
      </c>
      <c r="F1006" s="52" t="s">
        <v>81</v>
      </c>
      <c r="G1006" s="52" t="s">
        <v>82</v>
      </c>
      <c r="H1006" s="4">
        <v>1</v>
      </c>
      <c r="I1006" s="2">
        <v>14.65</v>
      </c>
      <c r="J1006" s="52" t="s">
        <v>3934</v>
      </c>
      <c r="K1006" s="71" t="s">
        <v>3935</v>
      </c>
      <c r="L1006" s="52" t="s">
        <v>2063</v>
      </c>
      <c r="M1006" s="72">
        <v>1446</v>
      </c>
      <c r="N1006" s="52" t="s">
        <v>2158</v>
      </c>
      <c r="O1006" s="52" t="s">
        <v>2159</v>
      </c>
      <c r="P1006" s="52"/>
      <c r="Q1006" s="52"/>
      <c r="R1006" s="52"/>
      <c r="S1006" s="52"/>
      <c r="T1006" s="52"/>
      <c r="U1006" s="52"/>
      <c r="V1006" s="52"/>
      <c r="W1006" s="52"/>
    </row>
    <row r="1007" spans="1:23" hidden="1" x14ac:dyDescent="0.35">
      <c r="A1007" s="52" t="s">
        <v>78</v>
      </c>
      <c r="B1007" s="52" t="s">
        <v>79</v>
      </c>
      <c r="C1007" s="3">
        <v>20</v>
      </c>
      <c r="D1007" s="52" t="s">
        <v>2022</v>
      </c>
      <c r="E1007" s="52" t="s">
        <v>26</v>
      </c>
      <c r="F1007" s="52" t="s">
        <v>81</v>
      </c>
      <c r="G1007" s="52" t="s">
        <v>82</v>
      </c>
      <c r="H1007" s="4">
        <v>1</v>
      </c>
      <c r="I1007" s="2">
        <v>14.65</v>
      </c>
      <c r="J1007" s="52" t="s">
        <v>3936</v>
      </c>
      <c r="K1007" s="71" t="s">
        <v>3937</v>
      </c>
      <c r="L1007" s="52" t="s">
        <v>2063</v>
      </c>
      <c r="M1007" s="72">
        <v>8957</v>
      </c>
      <c r="N1007" s="52"/>
      <c r="O1007" s="52"/>
      <c r="P1007" s="52"/>
      <c r="Q1007" s="52"/>
      <c r="R1007" s="52"/>
      <c r="S1007" s="52"/>
      <c r="T1007" s="52"/>
      <c r="U1007" s="52"/>
      <c r="V1007" s="52"/>
      <c r="W1007" s="52"/>
    </row>
    <row r="1008" spans="1:23" hidden="1" x14ac:dyDescent="0.35">
      <c r="A1008" s="52" t="s">
        <v>78</v>
      </c>
      <c r="B1008" s="52" t="s">
        <v>79</v>
      </c>
      <c r="C1008" s="3">
        <v>20</v>
      </c>
      <c r="D1008" s="52" t="s">
        <v>2024</v>
      </c>
      <c r="E1008" s="52" t="s">
        <v>26</v>
      </c>
      <c r="F1008" s="52" t="s">
        <v>81</v>
      </c>
      <c r="G1008" s="52" t="s">
        <v>82</v>
      </c>
      <c r="H1008" s="4">
        <v>1</v>
      </c>
      <c r="I1008" s="2">
        <v>14.65</v>
      </c>
      <c r="J1008" s="52" t="s">
        <v>3938</v>
      </c>
      <c r="K1008" s="71" t="s">
        <v>3939</v>
      </c>
      <c r="L1008" s="52" t="s">
        <v>2063</v>
      </c>
      <c r="M1008" s="72">
        <v>1844</v>
      </c>
      <c r="N1008" s="52"/>
      <c r="O1008" s="52"/>
      <c r="P1008" s="52"/>
      <c r="Q1008" s="52"/>
      <c r="R1008" s="52"/>
      <c r="S1008" s="52"/>
      <c r="T1008" s="52"/>
      <c r="U1008" s="52"/>
      <c r="V1008" s="52"/>
      <c r="W1008" s="52"/>
    </row>
    <row r="1009" spans="1:23" hidden="1" x14ac:dyDescent="0.35">
      <c r="A1009" s="52" t="s">
        <v>78</v>
      </c>
      <c r="B1009" s="52" t="s">
        <v>79</v>
      </c>
      <c r="C1009" s="3">
        <v>20</v>
      </c>
      <c r="D1009" s="52" t="s">
        <v>84</v>
      </c>
      <c r="E1009" s="52" t="s">
        <v>26</v>
      </c>
      <c r="F1009" s="52" t="s">
        <v>81</v>
      </c>
      <c r="G1009" s="52" t="s">
        <v>82</v>
      </c>
      <c r="H1009" s="4">
        <v>1</v>
      </c>
      <c r="I1009" s="2">
        <v>14.65</v>
      </c>
      <c r="J1009" s="52" t="s">
        <v>3940</v>
      </c>
      <c r="K1009" s="71" t="s">
        <v>3941</v>
      </c>
      <c r="L1009" s="52" t="s">
        <v>2063</v>
      </c>
      <c r="M1009" s="72">
        <v>3842</v>
      </c>
      <c r="N1009" s="52" t="s">
        <v>2072</v>
      </c>
      <c r="O1009" s="52" t="s">
        <v>2073</v>
      </c>
      <c r="P1009" s="52"/>
      <c r="Q1009" s="52"/>
      <c r="R1009" s="52"/>
      <c r="S1009" s="52"/>
      <c r="T1009" s="52"/>
      <c r="U1009" s="52"/>
      <c r="V1009" s="52"/>
      <c r="W1009" s="52"/>
    </row>
    <row r="1010" spans="1:23" hidden="1" x14ac:dyDescent="0.35">
      <c r="A1010" s="52" t="s">
        <v>78</v>
      </c>
      <c r="B1010" s="52" t="s">
        <v>79</v>
      </c>
      <c r="C1010" s="3">
        <v>20</v>
      </c>
      <c r="D1010" s="52" t="s">
        <v>84</v>
      </c>
      <c r="E1010" s="52" t="s">
        <v>26</v>
      </c>
      <c r="F1010" s="52" t="s">
        <v>81</v>
      </c>
      <c r="G1010" s="52" t="s">
        <v>82</v>
      </c>
      <c r="H1010" s="4">
        <v>1</v>
      </c>
      <c r="I1010" s="2">
        <v>14.65</v>
      </c>
      <c r="J1010" s="52" t="s">
        <v>3942</v>
      </c>
      <c r="K1010" s="71" t="s">
        <v>3943</v>
      </c>
      <c r="L1010" s="52" t="s">
        <v>2063</v>
      </c>
      <c r="M1010" s="72">
        <v>296</v>
      </c>
      <c r="N1010" s="52" t="s">
        <v>2154</v>
      </c>
      <c r="O1010" s="52" t="s">
        <v>2155</v>
      </c>
      <c r="P1010" s="52"/>
      <c r="Q1010" s="52"/>
      <c r="R1010" s="52"/>
      <c r="S1010" s="52"/>
      <c r="T1010" s="52"/>
      <c r="U1010" s="52"/>
      <c r="V1010" s="52"/>
      <c r="W1010" s="52"/>
    </row>
    <row r="1011" spans="1:23" hidden="1" x14ac:dyDescent="0.35">
      <c r="A1011" s="52" t="s">
        <v>78</v>
      </c>
      <c r="B1011" s="52" t="s">
        <v>79</v>
      </c>
      <c r="C1011" s="3">
        <v>20</v>
      </c>
      <c r="D1011" s="52" t="s">
        <v>85</v>
      </c>
      <c r="E1011" s="52" t="s">
        <v>26</v>
      </c>
      <c r="F1011" s="52" t="s">
        <v>81</v>
      </c>
      <c r="G1011" s="52" t="s">
        <v>82</v>
      </c>
      <c r="H1011" s="4">
        <v>1</v>
      </c>
      <c r="I1011" s="2">
        <v>14.65</v>
      </c>
      <c r="J1011" s="52" t="s">
        <v>3944</v>
      </c>
      <c r="K1011" s="71" t="s">
        <v>3945</v>
      </c>
      <c r="L1011" s="52" t="s">
        <v>2095</v>
      </c>
      <c r="M1011" s="72">
        <v>8552</v>
      </c>
      <c r="N1011" s="52" t="s">
        <v>2072</v>
      </c>
      <c r="O1011" s="52" t="s">
        <v>2073</v>
      </c>
      <c r="P1011" s="52"/>
      <c r="Q1011" s="52"/>
      <c r="R1011" s="52"/>
      <c r="S1011" s="52"/>
      <c r="T1011" s="52"/>
      <c r="U1011" s="52"/>
      <c r="V1011" s="52"/>
      <c r="W1011" s="52"/>
    </row>
    <row r="1012" spans="1:23" hidden="1" x14ac:dyDescent="0.35">
      <c r="A1012" s="52" t="s">
        <v>78</v>
      </c>
      <c r="B1012" s="52" t="s">
        <v>79</v>
      </c>
      <c r="C1012" s="3">
        <v>20</v>
      </c>
      <c r="D1012" s="52" t="s">
        <v>2019</v>
      </c>
      <c r="E1012" s="52" t="s">
        <v>26</v>
      </c>
      <c r="F1012" s="52" t="s">
        <v>81</v>
      </c>
      <c r="G1012" s="52" t="s">
        <v>82</v>
      </c>
      <c r="H1012" s="4">
        <v>1</v>
      </c>
      <c r="I1012" s="2">
        <v>14.65</v>
      </c>
      <c r="J1012" s="52" t="s">
        <v>3406</v>
      </c>
      <c r="K1012" s="71" t="s">
        <v>3946</v>
      </c>
      <c r="L1012" s="52" t="s">
        <v>2063</v>
      </c>
      <c r="M1012" s="72">
        <v>7830</v>
      </c>
      <c r="N1012" s="52" t="s">
        <v>2158</v>
      </c>
      <c r="O1012" s="52" t="s">
        <v>2159</v>
      </c>
      <c r="P1012" s="52"/>
      <c r="Q1012" s="52"/>
      <c r="R1012" s="52"/>
      <c r="S1012" s="52"/>
      <c r="T1012" s="52"/>
      <c r="U1012" s="52"/>
      <c r="V1012" s="52"/>
      <c r="W1012" s="52"/>
    </row>
    <row r="1013" spans="1:23" hidden="1" x14ac:dyDescent="0.35">
      <c r="A1013" s="52" t="s">
        <v>78</v>
      </c>
      <c r="B1013" s="52" t="s">
        <v>79</v>
      </c>
      <c r="C1013" s="3">
        <v>211</v>
      </c>
      <c r="D1013" s="52" t="s">
        <v>86</v>
      </c>
      <c r="E1013" s="52" t="s">
        <v>26</v>
      </c>
      <c r="F1013" s="52" t="s">
        <v>81</v>
      </c>
      <c r="G1013" s="52" t="s">
        <v>82</v>
      </c>
      <c r="H1013" s="4">
        <v>1</v>
      </c>
      <c r="I1013" s="2">
        <v>14.65</v>
      </c>
      <c r="J1013" s="52" t="s">
        <v>3947</v>
      </c>
      <c r="K1013" s="71" t="s">
        <v>3948</v>
      </c>
      <c r="L1013" s="52" t="s">
        <v>2063</v>
      </c>
      <c r="M1013" s="72">
        <v>2113</v>
      </c>
      <c r="N1013" s="52"/>
      <c r="O1013" s="52"/>
      <c r="P1013" s="52"/>
      <c r="Q1013" s="52"/>
      <c r="R1013" s="52"/>
      <c r="S1013" s="52"/>
      <c r="T1013" s="52"/>
      <c r="U1013" s="52"/>
      <c r="V1013" s="52"/>
      <c r="W1013" s="52"/>
    </row>
    <row r="1014" spans="1:23" hidden="1" x14ac:dyDescent="0.35">
      <c r="A1014" s="52" t="s">
        <v>78</v>
      </c>
      <c r="B1014" s="52" t="s">
        <v>79</v>
      </c>
      <c r="C1014" s="3">
        <v>20</v>
      </c>
      <c r="D1014" s="52" t="s">
        <v>87</v>
      </c>
      <c r="E1014" s="52" t="s">
        <v>26</v>
      </c>
      <c r="F1014" s="52" t="s">
        <v>81</v>
      </c>
      <c r="G1014" s="52" t="s">
        <v>82</v>
      </c>
      <c r="H1014" s="4">
        <v>1</v>
      </c>
      <c r="I1014" s="2">
        <v>14.65</v>
      </c>
      <c r="J1014" s="52" t="s">
        <v>3949</v>
      </c>
      <c r="K1014" s="71" t="s">
        <v>3950</v>
      </c>
      <c r="L1014" s="52" t="s">
        <v>2063</v>
      </c>
      <c r="M1014" s="72">
        <v>7257</v>
      </c>
      <c r="N1014" s="52" t="s">
        <v>2072</v>
      </c>
      <c r="O1014" s="52" t="s">
        <v>2073</v>
      </c>
      <c r="P1014" s="52"/>
      <c r="Q1014" s="52"/>
      <c r="R1014" s="52"/>
      <c r="S1014" s="52"/>
      <c r="T1014" s="52"/>
      <c r="U1014" s="52"/>
      <c r="V1014" s="52"/>
      <c r="W1014" s="52"/>
    </row>
    <row r="1015" spans="1:23" hidden="1" x14ac:dyDescent="0.35">
      <c r="A1015" s="52" t="s">
        <v>78</v>
      </c>
      <c r="B1015" s="52" t="s">
        <v>79</v>
      </c>
      <c r="C1015" s="3">
        <v>20</v>
      </c>
      <c r="D1015" s="52" t="s">
        <v>2023</v>
      </c>
      <c r="E1015" s="52" t="s">
        <v>26</v>
      </c>
      <c r="F1015" s="52" t="s">
        <v>81</v>
      </c>
      <c r="G1015" s="52" t="s">
        <v>82</v>
      </c>
      <c r="H1015" s="4">
        <v>1</v>
      </c>
      <c r="I1015" s="2">
        <v>14.65</v>
      </c>
      <c r="J1015" s="52" t="s">
        <v>3951</v>
      </c>
      <c r="K1015" s="71" t="s">
        <v>3952</v>
      </c>
      <c r="L1015" s="52" t="s">
        <v>2063</v>
      </c>
      <c r="M1015" s="72">
        <v>7604</v>
      </c>
      <c r="N1015" s="52" t="s">
        <v>2072</v>
      </c>
      <c r="O1015" s="52" t="s">
        <v>2073</v>
      </c>
      <c r="P1015" s="52"/>
      <c r="Q1015" s="52"/>
      <c r="R1015" s="52"/>
      <c r="S1015" s="52"/>
      <c r="T1015" s="52"/>
      <c r="U1015" s="52"/>
      <c r="V1015" s="52"/>
      <c r="W1015" s="52"/>
    </row>
    <row r="1016" spans="1:23" hidden="1" x14ac:dyDescent="0.35">
      <c r="A1016" s="52" t="s">
        <v>78</v>
      </c>
      <c r="B1016" s="52" t="s">
        <v>79</v>
      </c>
      <c r="C1016" s="3">
        <v>211</v>
      </c>
      <c r="D1016" s="52" t="s">
        <v>87</v>
      </c>
      <c r="E1016" s="52" t="s">
        <v>26</v>
      </c>
      <c r="F1016" s="52" t="s">
        <v>81</v>
      </c>
      <c r="G1016" s="52" t="s">
        <v>82</v>
      </c>
      <c r="H1016" s="4">
        <v>1</v>
      </c>
      <c r="I1016" s="2">
        <v>14.65</v>
      </c>
      <c r="J1016" s="52" t="s">
        <v>3953</v>
      </c>
      <c r="K1016" s="71" t="s">
        <v>3954</v>
      </c>
      <c r="L1016" s="52" t="s">
        <v>2063</v>
      </c>
      <c r="M1016" s="72">
        <v>4145</v>
      </c>
      <c r="N1016" s="52" t="s">
        <v>2066</v>
      </c>
      <c r="O1016" s="52" t="s">
        <v>2067</v>
      </c>
      <c r="P1016" s="52"/>
      <c r="Q1016" s="52"/>
      <c r="R1016" s="52"/>
      <c r="S1016" s="52"/>
      <c r="T1016" s="52"/>
      <c r="U1016" s="52"/>
      <c r="V1016" s="52"/>
      <c r="W1016" s="52"/>
    </row>
    <row r="1017" spans="1:23" hidden="1" x14ac:dyDescent="0.35">
      <c r="A1017" s="52" t="s">
        <v>78</v>
      </c>
      <c r="B1017" s="52" t="s">
        <v>79</v>
      </c>
      <c r="C1017" s="3">
        <v>20</v>
      </c>
      <c r="D1017" s="52" t="s">
        <v>86</v>
      </c>
      <c r="E1017" s="52" t="s">
        <v>26</v>
      </c>
      <c r="F1017" s="52" t="s">
        <v>81</v>
      </c>
      <c r="G1017" s="52" t="s">
        <v>82</v>
      </c>
      <c r="H1017" s="4">
        <v>1</v>
      </c>
      <c r="I1017" s="2">
        <v>14.65</v>
      </c>
      <c r="J1017" s="52" t="s">
        <v>3955</v>
      </c>
      <c r="K1017" s="71" t="s">
        <v>3956</v>
      </c>
      <c r="L1017" s="52" t="s">
        <v>2063</v>
      </c>
      <c r="M1017" s="72">
        <v>8962</v>
      </c>
      <c r="N1017" s="52"/>
      <c r="O1017" s="52"/>
      <c r="P1017" s="52"/>
      <c r="Q1017" s="52"/>
      <c r="R1017" s="52"/>
      <c r="S1017" s="52"/>
      <c r="T1017" s="52"/>
      <c r="U1017" s="52"/>
      <c r="V1017" s="52"/>
      <c r="W1017" s="52"/>
    </row>
    <row r="1018" spans="1:23" hidden="1" x14ac:dyDescent="0.35">
      <c r="A1018" s="52" t="s">
        <v>78</v>
      </c>
      <c r="B1018" s="52" t="s">
        <v>79</v>
      </c>
      <c r="C1018" s="3">
        <v>10</v>
      </c>
      <c r="D1018" s="52" t="s">
        <v>2021</v>
      </c>
      <c r="E1018" s="52" t="s">
        <v>26</v>
      </c>
      <c r="F1018" s="52" t="s">
        <v>81</v>
      </c>
      <c r="G1018" s="52" t="s">
        <v>82</v>
      </c>
      <c r="H1018" s="4">
        <v>1</v>
      </c>
      <c r="I1018" s="2">
        <v>14.65</v>
      </c>
      <c r="J1018" s="52" t="s">
        <v>3957</v>
      </c>
      <c r="K1018" s="71" t="s">
        <v>3958</v>
      </c>
      <c r="L1018" s="52" t="s">
        <v>2095</v>
      </c>
      <c r="M1018" s="72">
        <v>6178</v>
      </c>
      <c r="N1018" s="52"/>
      <c r="O1018" s="52"/>
      <c r="P1018" s="52"/>
      <c r="Q1018" s="52"/>
      <c r="R1018" s="52"/>
      <c r="S1018" s="52"/>
      <c r="T1018" s="52"/>
      <c r="U1018" s="52"/>
      <c r="V1018" s="52"/>
      <c r="W1018" s="52"/>
    </row>
    <row r="1019" spans="1:23" hidden="1" x14ac:dyDescent="0.35">
      <c r="A1019" s="52" t="s">
        <v>78</v>
      </c>
      <c r="B1019" s="52" t="s">
        <v>79</v>
      </c>
      <c r="C1019" s="3">
        <v>20</v>
      </c>
      <c r="D1019" s="52" t="s">
        <v>84</v>
      </c>
      <c r="E1019" s="52" t="s">
        <v>26</v>
      </c>
      <c r="F1019" s="52" t="s">
        <v>81</v>
      </c>
      <c r="G1019" s="52" t="s">
        <v>82</v>
      </c>
      <c r="H1019" s="4">
        <v>1</v>
      </c>
      <c r="I1019" s="2">
        <v>14.65</v>
      </c>
      <c r="J1019" s="52" t="s">
        <v>3959</v>
      </c>
      <c r="K1019" s="71" t="s">
        <v>3960</v>
      </c>
      <c r="L1019" s="52" t="s">
        <v>2063</v>
      </c>
      <c r="M1019" s="72">
        <v>623</v>
      </c>
      <c r="N1019" s="52" t="s">
        <v>2158</v>
      </c>
      <c r="O1019" s="52" t="s">
        <v>2159</v>
      </c>
      <c r="P1019" s="52"/>
      <c r="Q1019" s="52"/>
      <c r="R1019" s="52"/>
      <c r="S1019" s="52"/>
      <c r="T1019" s="52"/>
      <c r="U1019" s="52"/>
      <c r="V1019" s="52"/>
      <c r="W1019" s="52"/>
    </row>
    <row r="1020" spans="1:23" hidden="1" x14ac:dyDescent="0.35">
      <c r="A1020" s="52" t="s">
        <v>78</v>
      </c>
      <c r="B1020" s="52" t="s">
        <v>79</v>
      </c>
      <c r="C1020" s="3">
        <v>20</v>
      </c>
      <c r="D1020" s="52" t="s">
        <v>84</v>
      </c>
      <c r="E1020" s="52" t="s">
        <v>26</v>
      </c>
      <c r="F1020" s="52" t="s">
        <v>81</v>
      </c>
      <c r="G1020" s="52" t="s">
        <v>82</v>
      </c>
      <c r="H1020" s="4">
        <v>1</v>
      </c>
      <c r="I1020" s="2">
        <v>14.65</v>
      </c>
      <c r="J1020" s="52" t="s">
        <v>3961</v>
      </c>
      <c r="K1020" s="71" t="s">
        <v>3962</v>
      </c>
      <c r="L1020" s="52" t="s">
        <v>2063</v>
      </c>
      <c r="M1020" s="72">
        <v>8771</v>
      </c>
      <c r="N1020" s="52" t="s">
        <v>2066</v>
      </c>
      <c r="O1020" s="52" t="s">
        <v>2067</v>
      </c>
      <c r="P1020" s="52"/>
      <c r="Q1020" s="52"/>
      <c r="R1020" s="52"/>
      <c r="S1020" s="52"/>
      <c r="T1020" s="52"/>
      <c r="U1020" s="52"/>
      <c r="V1020" s="52"/>
      <c r="W1020" s="52"/>
    </row>
    <row r="1021" spans="1:23" hidden="1" x14ac:dyDescent="0.35">
      <c r="A1021" s="52" t="s">
        <v>78</v>
      </c>
      <c r="B1021" s="52" t="s">
        <v>79</v>
      </c>
      <c r="C1021" s="3">
        <v>20</v>
      </c>
      <c r="D1021" s="52" t="s">
        <v>80</v>
      </c>
      <c r="E1021" s="52" t="s">
        <v>26</v>
      </c>
      <c r="F1021" s="52" t="s">
        <v>81</v>
      </c>
      <c r="G1021" s="52" t="s">
        <v>82</v>
      </c>
      <c r="H1021" s="4">
        <v>1</v>
      </c>
      <c r="I1021" s="2">
        <v>14.65</v>
      </c>
      <c r="J1021" s="52" t="s">
        <v>3963</v>
      </c>
      <c r="K1021" s="71" t="s">
        <v>3964</v>
      </c>
      <c r="L1021" s="52" t="s">
        <v>2063</v>
      </c>
      <c r="M1021" s="72">
        <v>2705</v>
      </c>
      <c r="N1021" s="52" t="s">
        <v>2066</v>
      </c>
      <c r="O1021" s="52" t="s">
        <v>2067</v>
      </c>
      <c r="P1021" s="52"/>
      <c r="Q1021" s="52"/>
      <c r="R1021" s="52"/>
      <c r="S1021" s="52"/>
      <c r="T1021" s="52"/>
      <c r="U1021" s="52"/>
      <c r="V1021" s="52"/>
      <c r="W1021" s="52"/>
    </row>
    <row r="1022" spans="1:23" hidden="1" x14ac:dyDescent="0.35">
      <c r="A1022" s="52" t="s">
        <v>78</v>
      </c>
      <c r="B1022" s="52" t="s">
        <v>79</v>
      </c>
      <c r="C1022" s="3">
        <v>20</v>
      </c>
      <c r="D1022" s="52" t="s">
        <v>85</v>
      </c>
      <c r="E1022" s="52" t="s">
        <v>26</v>
      </c>
      <c r="F1022" s="52" t="s">
        <v>81</v>
      </c>
      <c r="G1022" s="52" t="s">
        <v>82</v>
      </c>
      <c r="H1022" s="4">
        <v>1</v>
      </c>
      <c r="I1022" s="2">
        <v>14.65</v>
      </c>
      <c r="J1022" s="52" t="s">
        <v>3965</v>
      </c>
      <c r="K1022" s="71" t="s">
        <v>3966</v>
      </c>
      <c r="L1022" s="52" t="s">
        <v>2063</v>
      </c>
      <c r="M1022" s="72">
        <v>8745</v>
      </c>
      <c r="N1022" s="52" t="s">
        <v>2072</v>
      </c>
      <c r="O1022" s="52" t="s">
        <v>2073</v>
      </c>
      <c r="P1022" s="52"/>
      <c r="Q1022" s="52"/>
      <c r="R1022" s="52"/>
      <c r="S1022" s="52"/>
      <c r="T1022" s="52"/>
      <c r="U1022" s="52"/>
      <c r="V1022" s="52"/>
      <c r="W1022" s="52"/>
    </row>
    <row r="1023" spans="1:23" hidden="1" x14ac:dyDescent="0.35">
      <c r="A1023" s="52" t="s">
        <v>78</v>
      </c>
      <c r="B1023" s="52" t="s">
        <v>79</v>
      </c>
      <c r="C1023" s="3">
        <v>20</v>
      </c>
      <c r="D1023" s="52" t="s">
        <v>87</v>
      </c>
      <c r="E1023" s="52" t="s">
        <v>26</v>
      </c>
      <c r="F1023" s="52" t="s">
        <v>81</v>
      </c>
      <c r="G1023" s="52" t="s">
        <v>82</v>
      </c>
      <c r="H1023" s="4">
        <v>1</v>
      </c>
      <c r="I1023" s="2">
        <v>14.65</v>
      </c>
      <c r="J1023" s="52" t="s">
        <v>3967</v>
      </c>
      <c r="K1023" s="71" t="s">
        <v>3968</v>
      </c>
      <c r="L1023" s="52" t="s">
        <v>2063</v>
      </c>
      <c r="M1023" s="72">
        <v>7741</v>
      </c>
      <c r="N1023" s="52" t="s">
        <v>2072</v>
      </c>
      <c r="O1023" s="52" t="s">
        <v>2073</v>
      </c>
      <c r="P1023" s="52"/>
      <c r="Q1023" s="52"/>
      <c r="R1023" s="52"/>
      <c r="S1023" s="52"/>
      <c r="T1023" s="52"/>
      <c r="U1023" s="52"/>
      <c r="V1023" s="52"/>
      <c r="W1023" s="52"/>
    </row>
    <row r="1024" spans="1:23" hidden="1" x14ac:dyDescent="0.35">
      <c r="A1024" s="52" t="s">
        <v>78</v>
      </c>
      <c r="B1024" s="52" t="s">
        <v>79</v>
      </c>
      <c r="C1024" s="3">
        <v>211</v>
      </c>
      <c r="D1024" s="52" t="s">
        <v>87</v>
      </c>
      <c r="E1024" s="52" t="s">
        <v>26</v>
      </c>
      <c r="F1024" s="52" t="s">
        <v>81</v>
      </c>
      <c r="G1024" s="52" t="s">
        <v>82</v>
      </c>
      <c r="H1024" s="4">
        <v>1</v>
      </c>
      <c r="I1024" s="2">
        <v>14.65</v>
      </c>
      <c r="J1024" s="52" t="s">
        <v>3969</v>
      </c>
      <c r="K1024" s="71" t="s">
        <v>3970</v>
      </c>
      <c r="L1024" s="52" t="s">
        <v>2095</v>
      </c>
      <c r="M1024" s="72">
        <v>6168</v>
      </c>
      <c r="N1024" s="52" t="s">
        <v>2066</v>
      </c>
      <c r="O1024" s="52" t="s">
        <v>2067</v>
      </c>
      <c r="P1024" s="52"/>
      <c r="Q1024" s="52"/>
      <c r="R1024" s="52"/>
      <c r="S1024" s="52"/>
      <c r="T1024" s="52"/>
      <c r="U1024" s="52"/>
      <c r="V1024" s="52"/>
      <c r="W1024" s="52"/>
    </row>
    <row r="1025" spans="1:23" hidden="1" x14ac:dyDescent="0.35">
      <c r="A1025" s="52" t="s">
        <v>78</v>
      </c>
      <c r="B1025" s="52" t="s">
        <v>79</v>
      </c>
      <c r="C1025" s="3">
        <v>10</v>
      </c>
      <c r="D1025" s="52" t="s">
        <v>2019</v>
      </c>
      <c r="E1025" s="52" t="s">
        <v>26</v>
      </c>
      <c r="F1025" s="52" t="s">
        <v>81</v>
      </c>
      <c r="G1025" s="52" t="s">
        <v>82</v>
      </c>
      <c r="H1025" s="4">
        <v>1</v>
      </c>
      <c r="I1025" s="2">
        <v>14.65</v>
      </c>
      <c r="J1025" s="52" t="s">
        <v>3673</v>
      </c>
      <c r="K1025" s="71" t="s">
        <v>3971</v>
      </c>
      <c r="L1025" s="52" t="s">
        <v>2063</v>
      </c>
      <c r="M1025" s="72">
        <v>348</v>
      </c>
      <c r="N1025" s="52" t="s">
        <v>2072</v>
      </c>
      <c r="O1025" s="52" t="s">
        <v>2073</v>
      </c>
      <c r="P1025" s="52"/>
      <c r="Q1025" s="52"/>
      <c r="R1025" s="52"/>
      <c r="S1025" s="52"/>
      <c r="T1025" s="52"/>
      <c r="U1025" s="52"/>
      <c r="V1025" s="52"/>
      <c r="W1025" s="52"/>
    </row>
    <row r="1026" spans="1:23" hidden="1" x14ac:dyDescent="0.35">
      <c r="A1026" s="52" t="s">
        <v>78</v>
      </c>
      <c r="B1026" s="52" t="s">
        <v>79</v>
      </c>
      <c r="C1026" s="3">
        <v>211</v>
      </c>
      <c r="D1026" s="52" t="s">
        <v>2020</v>
      </c>
      <c r="E1026" s="52" t="s">
        <v>26</v>
      </c>
      <c r="F1026" s="52" t="s">
        <v>81</v>
      </c>
      <c r="G1026" s="52" t="s">
        <v>82</v>
      </c>
      <c r="H1026" s="4">
        <v>1</v>
      </c>
      <c r="I1026" s="2">
        <v>14.65</v>
      </c>
      <c r="J1026" s="52" t="s">
        <v>3972</v>
      </c>
      <c r="K1026" s="71" t="s">
        <v>3973</v>
      </c>
      <c r="L1026" s="52" t="s">
        <v>2063</v>
      </c>
      <c r="M1026" s="72">
        <v>9164</v>
      </c>
      <c r="N1026" s="52" t="s">
        <v>2066</v>
      </c>
      <c r="O1026" s="52" t="s">
        <v>2067</v>
      </c>
      <c r="P1026" s="52"/>
      <c r="Q1026" s="52"/>
      <c r="R1026" s="52"/>
      <c r="S1026" s="52"/>
      <c r="T1026" s="52"/>
      <c r="U1026" s="52"/>
      <c r="V1026" s="52"/>
      <c r="W1026" s="52"/>
    </row>
    <row r="1027" spans="1:23" hidden="1" x14ac:dyDescent="0.35">
      <c r="A1027" s="52" t="s">
        <v>78</v>
      </c>
      <c r="B1027" s="52" t="s">
        <v>79</v>
      </c>
      <c r="C1027" s="3">
        <v>20</v>
      </c>
      <c r="D1027" s="52" t="s">
        <v>2021</v>
      </c>
      <c r="E1027" s="52" t="s">
        <v>26</v>
      </c>
      <c r="F1027" s="52" t="s">
        <v>81</v>
      </c>
      <c r="G1027" s="52" t="s">
        <v>82</v>
      </c>
      <c r="H1027" s="4">
        <v>1</v>
      </c>
      <c r="I1027" s="2">
        <v>14.65</v>
      </c>
      <c r="J1027" s="52" t="s">
        <v>3974</v>
      </c>
      <c r="K1027" s="71" t="s">
        <v>3975</v>
      </c>
      <c r="L1027" s="52" t="s">
        <v>2063</v>
      </c>
      <c r="M1027" s="72">
        <v>7683</v>
      </c>
      <c r="N1027" s="52" t="s">
        <v>2154</v>
      </c>
      <c r="O1027" s="52" t="s">
        <v>2155</v>
      </c>
      <c r="P1027" s="52"/>
      <c r="Q1027" s="52"/>
      <c r="R1027" s="52"/>
      <c r="S1027" s="52"/>
      <c r="T1027" s="52"/>
      <c r="U1027" s="52"/>
      <c r="V1027" s="52"/>
      <c r="W1027" s="52"/>
    </row>
    <row r="1028" spans="1:23" hidden="1" x14ac:dyDescent="0.35">
      <c r="A1028" s="52" t="s">
        <v>78</v>
      </c>
      <c r="B1028" s="52" t="s">
        <v>79</v>
      </c>
      <c r="C1028" s="3">
        <v>20</v>
      </c>
      <c r="D1028" s="52" t="s">
        <v>2022</v>
      </c>
      <c r="E1028" s="52" t="s">
        <v>26</v>
      </c>
      <c r="F1028" s="52" t="s">
        <v>81</v>
      </c>
      <c r="G1028" s="52" t="s">
        <v>82</v>
      </c>
      <c r="H1028" s="4">
        <v>1</v>
      </c>
      <c r="I1028" s="2">
        <v>14.65</v>
      </c>
      <c r="J1028" s="52" t="s">
        <v>3976</v>
      </c>
      <c r="K1028" s="71" t="s">
        <v>3977</v>
      </c>
      <c r="L1028" s="52" t="s">
        <v>2063</v>
      </c>
      <c r="M1028" s="72">
        <v>9218</v>
      </c>
      <c r="N1028" s="52" t="s">
        <v>2158</v>
      </c>
      <c r="O1028" s="52" t="s">
        <v>2159</v>
      </c>
      <c r="P1028" s="52"/>
      <c r="Q1028" s="52"/>
      <c r="R1028" s="52"/>
      <c r="S1028" s="52"/>
      <c r="T1028" s="52"/>
      <c r="U1028" s="52"/>
      <c r="V1028" s="52"/>
      <c r="W1028" s="52"/>
    </row>
    <row r="1029" spans="1:23" hidden="1" x14ac:dyDescent="0.35">
      <c r="A1029" s="52" t="s">
        <v>78</v>
      </c>
      <c r="B1029" s="52" t="s">
        <v>79</v>
      </c>
      <c r="C1029" s="3">
        <v>20</v>
      </c>
      <c r="D1029" s="52" t="s">
        <v>85</v>
      </c>
      <c r="E1029" s="52" t="s">
        <v>26</v>
      </c>
      <c r="F1029" s="52" t="s">
        <v>81</v>
      </c>
      <c r="G1029" s="52" t="s">
        <v>82</v>
      </c>
      <c r="H1029" s="4">
        <v>1</v>
      </c>
      <c r="I1029" s="2">
        <v>14.65</v>
      </c>
      <c r="J1029" s="52" t="s">
        <v>3978</v>
      </c>
      <c r="K1029" s="71" t="s">
        <v>3979</v>
      </c>
      <c r="L1029" s="52" t="s">
        <v>2063</v>
      </c>
      <c r="M1029" s="72">
        <v>9619</v>
      </c>
      <c r="N1029" s="52" t="s">
        <v>2072</v>
      </c>
      <c r="O1029" s="52" t="s">
        <v>2073</v>
      </c>
      <c r="P1029" s="52"/>
      <c r="Q1029" s="52"/>
      <c r="R1029" s="52"/>
      <c r="S1029" s="52"/>
      <c r="T1029" s="52"/>
      <c r="U1029" s="52"/>
      <c r="V1029" s="52"/>
      <c r="W1029" s="52"/>
    </row>
    <row r="1030" spans="1:23" hidden="1" x14ac:dyDescent="0.35">
      <c r="A1030" s="52" t="s">
        <v>78</v>
      </c>
      <c r="B1030" s="52" t="s">
        <v>79</v>
      </c>
      <c r="C1030" s="3">
        <v>10</v>
      </c>
      <c r="D1030" s="52" t="s">
        <v>83</v>
      </c>
      <c r="E1030" s="52" t="s">
        <v>26</v>
      </c>
      <c r="F1030" s="52" t="s">
        <v>81</v>
      </c>
      <c r="G1030" s="52" t="s">
        <v>82</v>
      </c>
      <c r="H1030" s="4">
        <v>1</v>
      </c>
      <c r="I1030" s="2">
        <v>14.65</v>
      </c>
      <c r="J1030" s="52" t="s">
        <v>3980</v>
      </c>
      <c r="K1030" s="71" t="s">
        <v>3981</v>
      </c>
      <c r="L1030" s="52" t="s">
        <v>2063</v>
      </c>
      <c r="M1030" s="72">
        <v>5713</v>
      </c>
      <c r="N1030" s="52"/>
      <c r="O1030" s="52"/>
      <c r="P1030" s="52"/>
      <c r="Q1030" s="52"/>
      <c r="R1030" s="52"/>
      <c r="S1030" s="52"/>
      <c r="T1030" s="52"/>
      <c r="U1030" s="52"/>
      <c r="V1030" s="52"/>
      <c r="W1030" s="52"/>
    </row>
    <row r="1031" spans="1:23" hidden="1" x14ac:dyDescent="0.35">
      <c r="A1031" s="52" t="s">
        <v>78</v>
      </c>
      <c r="B1031" s="52" t="s">
        <v>79</v>
      </c>
      <c r="C1031" s="3">
        <v>20</v>
      </c>
      <c r="D1031" s="52" t="s">
        <v>2023</v>
      </c>
      <c r="E1031" s="52" t="s">
        <v>26</v>
      </c>
      <c r="F1031" s="52" t="s">
        <v>81</v>
      </c>
      <c r="G1031" s="52" t="s">
        <v>82</v>
      </c>
      <c r="H1031" s="4">
        <v>1</v>
      </c>
      <c r="I1031" s="2">
        <v>14.65</v>
      </c>
      <c r="J1031" s="52" t="s">
        <v>3982</v>
      </c>
      <c r="K1031" s="71" t="s">
        <v>3983</v>
      </c>
      <c r="L1031" s="52" t="s">
        <v>2063</v>
      </c>
      <c r="M1031" s="72">
        <v>59</v>
      </c>
      <c r="N1031" s="52"/>
      <c r="O1031" s="52"/>
      <c r="P1031" s="52"/>
      <c r="Q1031" s="52"/>
      <c r="R1031" s="52"/>
      <c r="S1031" s="52"/>
      <c r="T1031" s="52"/>
      <c r="U1031" s="52"/>
      <c r="V1031" s="52"/>
      <c r="W1031" s="52"/>
    </row>
    <row r="1032" spans="1:23" hidden="1" x14ac:dyDescent="0.35">
      <c r="A1032" s="52" t="s">
        <v>78</v>
      </c>
      <c r="B1032" s="52" t="s">
        <v>79</v>
      </c>
      <c r="C1032" s="3">
        <v>20</v>
      </c>
      <c r="D1032" s="52" t="s">
        <v>83</v>
      </c>
      <c r="E1032" s="52" t="s">
        <v>26</v>
      </c>
      <c r="F1032" s="52" t="s">
        <v>81</v>
      </c>
      <c r="G1032" s="52" t="s">
        <v>82</v>
      </c>
      <c r="H1032" s="4">
        <v>1</v>
      </c>
      <c r="I1032" s="2">
        <v>14.65</v>
      </c>
      <c r="J1032" s="52" t="s">
        <v>3984</v>
      </c>
      <c r="K1032" s="71" t="s">
        <v>3985</v>
      </c>
      <c r="L1032" s="52" t="s">
        <v>2063</v>
      </c>
      <c r="M1032" s="72">
        <v>1383</v>
      </c>
      <c r="N1032" s="52" t="s">
        <v>2072</v>
      </c>
      <c r="O1032" s="52" t="s">
        <v>2073</v>
      </c>
      <c r="P1032" s="52"/>
      <c r="Q1032" s="52"/>
      <c r="R1032" s="52"/>
      <c r="S1032" s="52"/>
      <c r="T1032" s="52"/>
      <c r="U1032" s="52"/>
      <c r="V1032" s="52"/>
      <c r="W1032" s="52"/>
    </row>
    <row r="1033" spans="1:23" hidden="1" x14ac:dyDescent="0.35">
      <c r="A1033" s="52" t="s">
        <v>78</v>
      </c>
      <c r="B1033" s="52" t="s">
        <v>79</v>
      </c>
      <c r="C1033" s="3">
        <v>20</v>
      </c>
      <c r="D1033" s="52" t="s">
        <v>2021</v>
      </c>
      <c r="E1033" s="52" t="s">
        <v>26</v>
      </c>
      <c r="F1033" s="52" t="s">
        <v>81</v>
      </c>
      <c r="G1033" s="52" t="s">
        <v>82</v>
      </c>
      <c r="H1033" s="4">
        <v>1</v>
      </c>
      <c r="I1033" s="2">
        <v>14.65</v>
      </c>
      <c r="J1033" s="52" t="s">
        <v>3615</v>
      </c>
      <c r="K1033" s="71" t="s">
        <v>3986</v>
      </c>
      <c r="L1033" s="52" t="s">
        <v>2063</v>
      </c>
      <c r="M1033" s="72">
        <v>8733</v>
      </c>
      <c r="N1033" s="52" t="s">
        <v>2072</v>
      </c>
      <c r="O1033" s="52" t="s">
        <v>2073</v>
      </c>
      <c r="P1033" s="52"/>
      <c r="Q1033" s="52"/>
      <c r="R1033" s="52"/>
      <c r="S1033" s="52"/>
      <c r="T1033" s="52"/>
      <c r="U1033" s="52"/>
      <c r="V1033" s="52"/>
      <c r="W1033" s="52"/>
    </row>
    <row r="1034" spans="1:23" hidden="1" x14ac:dyDescent="0.35">
      <c r="A1034" s="52" t="s">
        <v>78</v>
      </c>
      <c r="B1034" s="52" t="s">
        <v>79</v>
      </c>
      <c r="C1034" s="3">
        <v>20</v>
      </c>
      <c r="D1034" s="52" t="s">
        <v>84</v>
      </c>
      <c r="E1034" s="52" t="s">
        <v>26</v>
      </c>
      <c r="F1034" s="52" t="s">
        <v>81</v>
      </c>
      <c r="G1034" s="52" t="s">
        <v>82</v>
      </c>
      <c r="H1034" s="4">
        <v>1</v>
      </c>
      <c r="I1034" s="2">
        <v>14.65</v>
      </c>
      <c r="J1034" s="52" t="s">
        <v>3987</v>
      </c>
      <c r="K1034" s="71" t="s">
        <v>3988</v>
      </c>
      <c r="L1034" s="52" t="s">
        <v>2063</v>
      </c>
      <c r="M1034" s="72">
        <v>7085</v>
      </c>
      <c r="N1034" s="52" t="s">
        <v>2066</v>
      </c>
      <c r="O1034" s="52" t="s">
        <v>2067</v>
      </c>
      <c r="P1034" s="52"/>
      <c r="Q1034" s="52"/>
      <c r="R1034" s="52"/>
      <c r="S1034" s="52"/>
      <c r="T1034" s="52"/>
      <c r="U1034" s="52"/>
      <c r="V1034" s="52"/>
      <c r="W1034" s="52"/>
    </row>
    <row r="1035" spans="1:23" hidden="1" x14ac:dyDescent="0.35">
      <c r="A1035" s="52" t="s">
        <v>78</v>
      </c>
      <c r="B1035" s="52" t="s">
        <v>79</v>
      </c>
      <c r="C1035" s="3">
        <v>211</v>
      </c>
      <c r="D1035" s="52" t="s">
        <v>86</v>
      </c>
      <c r="E1035" s="52" t="s">
        <v>26</v>
      </c>
      <c r="F1035" s="52" t="s">
        <v>81</v>
      </c>
      <c r="G1035" s="52" t="s">
        <v>82</v>
      </c>
      <c r="H1035" s="4">
        <v>1</v>
      </c>
      <c r="I1035" s="2">
        <v>14.65</v>
      </c>
      <c r="J1035" s="52" t="s">
        <v>3969</v>
      </c>
      <c r="K1035" s="71" t="s">
        <v>3989</v>
      </c>
      <c r="L1035" s="52" t="s">
        <v>2063</v>
      </c>
      <c r="M1035" s="72">
        <v>5019</v>
      </c>
      <c r="N1035" s="52" t="s">
        <v>2066</v>
      </c>
      <c r="O1035" s="52" t="s">
        <v>2067</v>
      </c>
      <c r="P1035" s="52"/>
      <c r="Q1035" s="52"/>
      <c r="R1035" s="52"/>
      <c r="S1035" s="52"/>
      <c r="T1035" s="52"/>
      <c r="U1035" s="52"/>
      <c r="V1035" s="52"/>
      <c r="W1035" s="52"/>
    </row>
    <row r="1036" spans="1:23" hidden="1" x14ac:dyDescent="0.35">
      <c r="A1036" s="52" t="s">
        <v>78</v>
      </c>
      <c r="B1036" s="52" t="s">
        <v>79</v>
      </c>
      <c r="C1036" s="3">
        <v>10</v>
      </c>
      <c r="D1036" s="52" t="s">
        <v>2019</v>
      </c>
      <c r="E1036" s="52" t="s">
        <v>26</v>
      </c>
      <c r="F1036" s="52" t="s">
        <v>81</v>
      </c>
      <c r="G1036" s="52" t="s">
        <v>82</v>
      </c>
      <c r="H1036" s="4">
        <v>1</v>
      </c>
      <c r="I1036" s="2">
        <v>14.65</v>
      </c>
      <c r="J1036" s="52" t="s">
        <v>3990</v>
      </c>
      <c r="K1036" s="71" t="s">
        <v>3991</v>
      </c>
      <c r="L1036" s="52" t="s">
        <v>2063</v>
      </c>
      <c r="M1036" s="72">
        <v>6550</v>
      </c>
      <c r="N1036" s="52" t="s">
        <v>2195</v>
      </c>
      <c r="O1036" s="52" t="s">
        <v>2196</v>
      </c>
      <c r="P1036" s="52"/>
      <c r="Q1036" s="52"/>
      <c r="R1036" s="52"/>
      <c r="S1036" s="52"/>
      <c r="T1036" s="52"/>
      <c r="U1036" s="52"/>
      <c r="V1036" s="52"/>
      <c r="W1036" s="52"/>
    </row>
    <row r="1037" spans="1:23" hidden="1" x14ac:dyDescent="0.35">
      <c r="A1037" s="52" t="s">
        <v>78</v>
      </c>
      <c r="B1037" s="52" t="s">
        <v>79</v>
      </c>
      <c r="C1037" s="3">
        <v>20</v>
      </c>
      <c r="D1037" s="52" t="s">
        <v>2023</v>
      </c>
      <c r="E1037" s="52" t="s">
        <v>26</v>
      </c>
      <c r="F1037" s="52" t="s">
        <v>81</v>
      </c>
      <c r="G1037" s="52" t="s">
        <v>82</v>
      </c>
      <c r="H1037" s="4">
        <v>1</v>
      </c>
      <c r="I1037" s="2">
        <v>14.65</v>
      </c>
      <c r="J1037" s="52" t="s">
        <v>3992</v>
      </c>
      <c r="K1037" s="71" t="s">
        <v>3993</v>
      </c>
      <c r="L1037" s="52" t="s">
        <v>2063</v>
      </c>
      <c r="M1037" s="72">
        <v>1538</v>
      </c>
      <c r="N1037" s="52"/>
      <c r="O1037" s="52"/>
      <c r="P1037" s="52"/>
      <c r="Q1037" s="52"/>
      <c r="R1037" s="52"/>
      <c r="S1037" s="52"/>
      <c r="T1037" s="52"/>
      <c r="U1037" s="52"/>
      <c r="V1037" s="52"/>
      <c r="W1037" s="52"/>
    </row>
    <row r="1038" spans="1:23" hidden="1" x14ac:dyDescent="0.35">
      <c r="A1038" s="52" t="s">
        <v>78</v>
      </c>
      <c r="B1038" s="52" t="s">
        <v>79</v>
      </c>
      <c r="C1038" s="3">
        <v>20</v>
      </c>
      <c r="D1038" s="52" t="s">
        <v>2024</v>
      </c>
      <c r="E1038" s="52" t="s">
        <v>26</v>
      </c>
      <c r="F1038" s="52" t="s">
        <v>81</v>
      </c>
      <c r="G1038" s="52" t="s">
        <v>82</v>
      </c>
      <c r="H1038" s="4">
        <v>1</v>
      </c>
      <c r="I1038" s="2">
        <v>14.65</v>
      </c>
      <c r="J1038" s="52" t="s">
        <v>3994</v>
      </c>
      <c r="K1038" s="71" t="s">
        <v>3995</v>
      </c>
      <c r="L1038" s="52" t="s">
        <v>2063</v>
      </c>
      <c r="M1038" s="72">
        <v>2557</v>
      </c>
      <c r="N1038" s="52"/>
      <c r="O1038" s="52"/>
      <c r="P1038" s="52"/>
      <c r="Q1038" s="52"/>
      <c r="R1038" s="52"/>
      <c r="S1038" s="52"/>
      <c r="T1038" s="52"/>
      <c r="U1038" s="52"/>
      <c r="V1038" s="52"/>
      <c r="W1038" s="52"/>
    </row>
    <row r="1039" spans="1:23" hidden="1" x14ac:dyDescent="0.35">
      <c r="A1039" s="52" t="s">
        <v>78</v>
      </c>
      <c r="B1039" s="52" t="s">
        <v>79</v>
      </c>
      <c r="C1039" s="3">
        <v>10</v>
      </c>
      <c r="D1039" s="52" t="s">
        <v>83</v>
      </c>
      <c r="E1039" s="52" t="s">
        <v>26</v>
      </c>
      <c r="F1039" s="52" t="s">
        <v>81</v>
      </c>
      <c r="G1039" s="52" t="s">
        <v>82</v>
      </c>
      <c r="H1039" s="4">
        <v>1</v>
      </c>
      <c r="I1039" s="2">
        <v>14.65</v>
      </c>
      <c r="J1039" s="52" t="s">
        <v>3996</v>
      </c>
      <c r="K1039" s="71" t="s">
        <v>3997</v>
      </c>
      <c r="L1039" s="52" t="s">
        <v>2063</v>
      </c>
      <c r="M1039" s="72">
        <v>9959</v>
      </c>
      <c r="N1039" s="52" t="s">
        <v>2072</v>
      </c>
      <c r="O1039" s="52" t="s">
        <v>2073</v>
      </c>
      <c r="P1039" s="52"/>
      <c r="Q1039" s="52"/>
      <c r="R1039" s="52"/>
      <c r="S1039" s="52"/>
      <c r="T1039" s="52"/>
      <c r="U1039" s="52"/>
      <c r="V1039" s="52"/>
      <c r="W1039" s="52"/>
    </row>
    <row r="1040" spans="1:23" hidden="1" x14ac:dyDescent="0.35">
      <c r="A1040" s="52" t="s">
        <v>78</v>
      </c>
      <c r="B1040" s="52" t="s">
        <v>79</v>
      </c>
      <c r="C1040" s="3">
        <v>20</v>
      </c>
      <c r="D1040" s="52" t="s">
        <v>87</v>
      </c>
      <c r="E1040" s="52" t="s">
        <v>26</v>
      </c>
      <c r="F1040" s="52" t="s">
        <v>81</v>
      </c>
      <c r="G1040" s="52" t="s">
        <v>82</v>
      </c>
      <c r="H1040" s="4">
        <v>1</v>
      </c>
      <c r="I1040" s="2">
        <v>14.65</v>
      </c>
      <c r="J1040" s="52" t="s">
        <v>3998</v>
      </c>
      <c r="K1040" s="71" t="s">
        <v>3999</v>
      </c>
      <c r="L1040" s="52" t="s">
        <v>2063</v>
      </c>
      <c r="M1040" s="72">
        <v>6845</v>
      </c>
      <c r="N1040" s="52" t="s">
        <v>2066</v>
      </c>
      <c r="O1040" s="52" t="s">
        <v>2067</v>
      </c>
      <c r="P1040" s="52"/>
      <c r="Q1040" s="52"/>
      <c r="R1040" s="52"/>
      <c r="S1040" s="52"/>
      <c r="T1040" s="52"/>
      <c r="U1040" s="52"/>
      <c r="V1040" s="52"/>
      <c r="W1040" s="52"/>
    </row>
    <row r="1041" spans="1:23" hidden="1" x14ac:dyDescent="0.35">
      <c r="A1041" s="52" t="s">
        <v>78</v>
      </c>
      <c r="B1041" s="52" t="s">
        <v>79</v>
      </c>
      <c r="C1041" s="3">
        <v>20</v>
      </c>
      <c r="D1041" s="52" t="s">
        <v>84</v>
      </c>
      <c r="E1041" s="52" t="s">
        <v>26</v>
      </c>
      <c r="F1041" s="52" t="s">
        <v>81</v>
      </c>
      <c r="G1041" s="52" t="s">
        <v>82</v>
      </c>
      <c r="H1041" s="4">
        <v>1</v>
      </c>
      <c r="I1041" s="2">
        <v>14.65</v>
      </c>
      <c r="J1041" s="52" t="s">
        <v>4000</v>
      </c>
      <c r="K1041" s="71" t="s">
        <v>4001</v>
      </c>
      <c r="L1041" s="52" t="s">
        <v>2063</v>
      </c>
      <c r="M1041" s="72">
        <v>6782</v>
      </c>
      <c r="N1041" s="52"/>
      <c r="O1041" s="52"/>
      <c r="P1041" s="52"/>
      <c r="Q1041" s="52"/>
      <c r="R1041" s="52"/>
      <c r="S1041" s="52"/>
      <c r="T1041" s="52"/>
      <c r="U1041" s="52"/>
      <c r="V1041" s="52"/>
      <c r="W1041" s="52"/>
    </row>
    <row r="1042" spans="1:23" hidden="1" x14ac:dyDescent="0.35">
      <c r="A1042" s="52" t="s">
        <v>78</v>
      </c>
      <c r="B1042" s="52" t="s">
        <v>79</v>
      </c>
      <c r="C1042" s="3">
        <v>20</v>
      </c>
      <c r="D1042" s="52" t="s">
        <v>2019</v>
      </c>
      <c r="E1042" s="52" t="s">
        <v>26</v>
      </c>
      <c r="F1042" s="52" t="s">
        <v>81</v>
      </c>
      <c r="G1042" s="52" t="s">
        <v>82</v>
      </c>
      <c r="H1042" s="4">
        <v>1</v>
      </c>
      <c r="I1042" s="2">
        <v>14.65</v>
      </c>
      <c r="J1042" s="52" t="s">
        <v>4002</v>
      </c>
      <c r="K1042" s="71" t="s">
        <v>4003</v>
      </c>
      <c r="L1042" s="52" t="s">
        <v>2063</v>
      </c>
      <c r="M1042" s="72">
        <v>8298</v>
      </c>
      <c r="N1042" s="52" t="s">
        <v>2158</v>
      </c>
      <c r="O1042" s="52" t="s">
        <v>2159</v>
      </c>
      <c r="P1042" s="52"/>
      <c r="Q1042" s="52"/>
      <c r="R1042" s="52"/>
      <c r="S1042" s="52"/>
      <c r="T1042" s="52"/>
      <c r="U1042" s="52"/>
      <c r="V1042" s="52"/>
      <c r="W1042" s="52"/>
    </row>
    <row r="1043" spans="1:23" hidden="1" x14ac:dyDescent="0.35">
      <c r="A1043" s="52" t="s">
        <v>78</v>
      </c>
      <c r="B1043" s="52" t="s">
        <v>79</v>
      </c>
      <c r="C1043" s="3">
        <v>10</v>
      </c>
      <c r="D1043" s="52" t="s">
        <v>2024</v>
      </c>
      <c r="E1043" s="52" t="s">
        <v>26</v>
      </c>
      <c r="F1043" s="52" t="s">
        <v>81</v>
      </c>
      <c r="G1043" s="52" t="s">
        <v>82</v>
      </c>
      <c r="H1043" s="4">
        <v>1</v>
      </c>
      <c r="I1043" s="2">
        <v>14.65</v>
      </c>
      <c r="J1043" s="52" t="s">
        <v>4004</v>
      </c>
      <c r="K1043" s="71" t="s">
        <v>4005</v>
      </c>
      <c r="L1043" s="52" t="s">
        <v>2063</v>
      </c>
      <c r="M1043" s="72">
        <v>5823</v>
      </c>
      <c r="N1043" s="52" t="s">
        <v>2072</v>
      </c>
      <c r="O1043" s="52" t="s">
        <v>2073</v>
      </c>
      <c r="P1043" s="52"/>
      <c r="Q1043" s="52"/>
      <c r="R1043" s="52"/>
      <c r="S1043" s="52"/>
      <c r="T1043" s="52"/>
      <c r="U1043" s="52"/>
      <c r="V1043" s="52"/>
      <c r="W1043" s="52"/>
    </row>
    <row r="1044" spans="1:23" hidden="1" x14ac:dyDescent="0.35">
      <c r="A1044" s="52" t="s">
        <v>78</v>
      </c>
      <c r="B1044" s="52" t="s">
        <v>79</v>
      </c>
      <c r="C1044" s="3">
        <v>20</v>
      </c>
      <c r="D1044" s="52" t="s">
        <v>2022</v>
      </c>
      <c r="E1044" s="52" t="s">
        <v>26</v>
      </c>
      <c r="F1044" s="52" t="s">
        <v>81</v>
      </c>
      <c r="G1044" s="52" t="s">
        <v>82</v>
      </c>
      <c r="H1044" s="4">
        <v>1</v>
      </c>
      <c r="I1044" s="2">
        <v>14.65</v>
      </c>
      <c r="J1044" s="52" t="s">
        <v>4006</v>
      </c>
      <c r="K1044" s="71" t="s">
        <v>4007</v>
      </c>
      <c r="L1044" s="52" t="s">
        <v>2063</v>
      </c>
      <c r="M1044" s="72">
        <v>1383</v>
      </c>
      <c r="N1044" s="52" t="s">
        <v>2072</v>
      </c>
      <c r="O1044" s="52" t="s">
        <v>2073</v>
      </c>
      <c r="P1044" s="52"/>
      <c r="Q1044" s="52"/>
      <c r="R1044" s="52"/>
      <c r="S1044" s="52"/>
      <c r="T1044" s="52"/>
      <c r="U1044" s="52"/>
      <c r="V1044" s="52"/>
      <c r="W1044" s="52"/>
    </row>
    <row r="1045" spans="1:23" hidden="1" x14ac:dyDescent="0.35">
      <c r="A1045" s="52" t="s">
        <v>78</v>
      </c>
      <c r="B1045" s="52" t="s">
        <v>79</v>
      </c>
      <c r="C1045" s="3">
        <v>10</v>
      </c>
      <c r="D1045" s="52" t="s">
        <v>80</v>
      </c>
      <c r="E1045" s="52" t="s">
        <v>26</v>
      </c>
      <c r="F1045" s="52" t="s">
        <v>81</v>
      </c>
      <c r="G1045" s="52" t="s">
        <v>82</v>
      </c>
      <c r="H1045" s="4">
        <v>1</v>
      </c>
      <c r="I1045" s="2">
        <v>14.65</v>
      </c>
      <c r="J1045" s="52" t="s">
        <v>4008</v>
      </c>
      <c r="K1045" s="71" t="s">
        <v>4009</v>
      </c>
      <c r="L1045" s="52" t="s">
        <v>2063</v>
      </c>
      <c r="M1045" s="72">
        <v>3212</v>
      </c>
      <c r="N1045" s="52"/>
      <c r="O1045" s="52"/>
      <c r="P1045" s="52"/>
      <c r="Q1045" s="52"/>
      <c r="R1045" s="52"/>
      <c r="S1045" s="52"/>
      <c r="T1045" s="52"/>
      <c r="U1045" s="52"/>
      <c r="V1045" s="52"/>
      <c r="W1045" s="52"/>
    </row>
    <row r="1046" spans="1:23" x14ac:dyDescent="0.35">
      <c r="A1046" s="52" t="s">
        <v>78</v>
      </c>
      <c r="B1046" s="52" t="s">
        <v>79</v>
      </c>
      <c r="C1046" s="3">
        <v>10</v>
      </c>
      <c r="D1046" s="52" t="s">
        <v>2024</v>
      </c>
      <c r="E1046" s="52" t="s">
        <v>26</v>
      </c>
      <c r="F1046" s="52" t="s">
        <v>81</v>
      </c>
      <c r="G1046" s="52" t="s">
        <v>82</v>
      </c>
      <c r="H1046" s="4">
        <v>1</v>
      </c>
      <c r="I1046" s="2">
        <v>14.65</v>
      </c>
      <c r="J1046" s="52" t="s">
        <v>4010</v>
      </c>
      <c r="K1046" s="71" t="s">
        <v>4011</v>
      </c>
      <c r="L1046" s="52" t="s">
        <v>2063</v>
      </c>
      <c r="M1046" s="72">
        <v>6116</v>
      </c>
      <c r="N1046" s="52" t="s">
        <v>2259</v>
      </c>
      <c r="O1046" s="52" t="s">
        <v>2260</v>
      </c>
      <c r="P1046" s="52"/>
      <c r="Q1046" s="52"/>
      <c r="R1046" s="52"/>
      <c r="S1046" s="52"/>
      <c r="T1046" s="52"/>
      <c r="U1046" s="52"/>
      <c r="V1046" s="52"/>
      <c r="W1046" s="52"/>
    </row>
    <row r="1047" spans="1:23" hidden="1" x14ac:dyDescent="0.35">
      <c r="A1047" s="52" t="s">
        <v>78</v>
      </c>
      <c r="B1047" s="52" t="s">
        <v>79</v>
      </c>
      <c r="C1047" s="3">
        <v>10</v>
      </c>
      <c r="D1047" s="52" t="s">
        <v>86</v>
      </c>
      <c r="E1047" s="52" t="s">
        <v>26</v>
      </c>
      <c r="F1047" s="52" t="s">
        <v>81</v>
      </c>
      <c r="G1047" s="52" t="s">
        <v>82</v>
      </c>
      <c r="H1047" s="4">
        <v>1</v>
      </c>
      <c r="I1047" s="2">
        <v>14.65</v>
      </c>
      <c r="J1047" s="52" t="s">
        <v>4012</v>
      </c>
      <c r="K1047" s="71" t="s">
        <v>4013</v>
      </c>
      <c r="L1047" s="52" t="s">
        <v>2063</v>
      </c>
      <c r="M1047" s="72">
        <v>9670</v>
      </c>
      <c r="N1047" s="52" t="s">
        <v>2072</v>
      </c>
      <c r="O1047" s="52" t="s">
        <v>2073</v>
      </c>
      <c r="P1047" s="52"/>
      <c r="Q1047" s="52"/>
      <c r="R1047" s="52"/>
      <c r="S1047" s="52"/>
      <c r="T1047" s="52"/>
      <c r="U1047" s="52"/>
      <c r="V1047" s="52"/>
      <c r="W1047" s="52"/>
    </row>
    <row r="1048" spans="1:23" hidden="1" x14ac:dyDescent="0.35">
      <c r="A1048" s="52" t="s">
        <v>78</v>
      </c>
      <c r="B1048" s="52" t="s">
        <v>79</v>
      </c>
      <c r="C1048" s="3">
        <v>10</v>
      </c>
      <c r="D1048" s="52" t="s">
        <v>2023</v>
      </c>
      <c r="E1048" s="52" t="s">
        <v>26</v>
      </c>
      <c r="F1048" s="52" t="s">
        <v>81</v>
      </c>
      <c r="G1048" s="52" t="s">
        <v>82</v>
      </c>
      <c r="H1048" s="4">
        <v>1</v>
      </c>
      <c r="I1048" s="2">
        <v>14.65</v>
      </c>
      <c r="J1048" s="52" t="s">
        <v>4014</v>
      </c>
      <c r="K1048" s="71" t="s">
        <v>4015</v>
      </c>
      <c r="L1048" s="52" t="s">
        <v>2063</v>
      </c>
      <c r="M1048" s="72">
        <v>1042</v>
      </c>
      <c r="N1048" s="52" t="s">
        <v>2072</v>
      </c>
      <c r="O1048" s="52" t="s">
        <v>2073</v>
      </c>
      <c r="P1048" s="52"/>
      <c r="Q1048" s="52"/>
      <c r="R1048" s="52"/>
      <c r="S1048" s="52"/>
      <c r="T1048" s="52"/>
      <c r="U1048" s="52"/>
      <c r="V1048" s="52"/>
      <c r="W1048" s="52"/>
    </row>
    <row r="1049" spans="1:23" hidden="1" x14ac:dyDescent="0.35">
      <c r="A1049" s="52" t="s">
        <v>78</v>
      </c>
      <c r="B1049" s="52" t="s">
        <v>79</v>
      </c>
      <c r="C1049" s="3">
        <v>10</v>
      </c>
      <c r="D1049" s="52" t="s">
        <v>84</v>
      </c>
      <c r="E1049" s="52" t="s">
        <v>26</v>
      </c>
      <c r="F1049" s="52" t="s">
        <v>81</v>
      </c>
      <c r="G1049" s="52" t="s">
        <v>82</v>
      </c>
      <c r="H1049" s="4">
        <v>1</v>
      </c>
      <c r="I1049" s="2">
        <v>14.65</v>
      </c>
      <c r="J1049" s="52" t="s">
        <v>4016</v>
      </c>
      <c r="K1049" s="71" t="s">
        <v>4017</v>
      </c>
      <c r="L1049" s="52" t="s">
        <v>2095</v>
      </c>
      <c r="M1049" s="72">
        <v>4537</v>
      </c>
      <c r="N1049" s="52"/>
      <c r="O1049" s="52"/>
      <c r="P1049" s="52"/>
      <c r="Q1049" s="52"/>
      <c r="R1049" s="52"/>
      <c r="S1049" s="52"/>
      <c r="T1049" s="52"/>
      <c r="U1049" s="52"/>
      <c r="V1049" s="52"/>
      <c r="W1049" s="52"/>
    </row>
    <row r="1050" spans="1:23" hidden="1" x14ac:dyDescent="0.35">
      <c r="A1050" s="52" t="s">
        <v>78</v>
      </c>
      <c r="B1050" s="52" t="s">
        <v>79</v>
      </c>
      <c r="C1050" s="3">
        <v>10</v>
      </c>
      <c r="D1050" s="52" t="s">
        <v>85</v>
      </c>
      <c r="E1050" s="52" t="s">
        <v>26</v>
      </c>
      <c r="F1050" s="52" t="s">
        <v>81</v>
      </c>
      <c r="G1050" s="52" t="s">
        <v>82</v>
      </c>
      <c r="H1050" s="4">
        <v>1</v>
      </c>
      <c r="I1050" s="2">
        <v>14.65</v>
      </c>
      <c r="J1050" s="52" t="s">
        <v>4018</v>
      </c>
      <c r="K1050" s="71" t="s">
        <v>4019</v>
      </c>
      <c r="L1050" s="52" t="s">
        <v>2063</v>
      </c>
      <c r="M1050" s="72">
        <v>3214</v>
      </c>
      <c r="N1050" s="52"/>
      <c r="O1050" s="52"/>
      <c r="P1050" s="52"/>
      <c r="Q1050" s="52"/>
      <c r="R1050" s="52"/>
      <c r="S1050" s="52"/>
      <c r="T1050" s="52"/>
      <c r="U1050" s="52"/>
      <c r="V1050" s="52"/>
      <c r="W1050" s="52"/>
    </row>
    <row r="1051" spans="1:23" x14ac:dyDescent="0.35">
      <c r="A1051" s="52" t="s">
        <v>78</v>
      </c>
      <c r="B1051" s="52" t="s">
        <v>79</v>
      </c>
      <c r="C1051" s="3">
        <v>20</v>
      </c>
      <c r="D1051" s="52" t="s">
        <v>84</v>
      </c>
      <c r="E1051" s="52" t="s">
        <v>26</v>
      </c>
      <c r="F1051" s="52" t="s">
        <v>81</v>
      </c>
      <c r="G1051" s="52" t="s">
        <v>82</v>
      </c>
      <c r="H1051" s="4">
        <v>1</v>
      </c>
      <c r="I1051" s="2">
        <v>14.65</v>
      </c>
      <c r="J1051" s="52" t="s">
        <v>4020</v>
      </c>
      <c r="K1051" s="71" t="s">
        <v>4021</v>
      </c>
      <c r="L1051" s="52" t="s">
        <v>2063</v>
      </c>
      <c r="M1051" s="72">
        <v>8627</v>
      </c>
      <c r="N1051" s="52" t="s">
        <v>2259</v>
      </c>
      <c r="O1051" s="52" t="s">
        <v>2260</v>
      </c>
      <c r="P1051" s="52"/>
      <c r="Q1051" s="52"/>
      <c r="R1051" s="52"/>
      <c r="S1051" s="52"/>
      <c r="T1051" s="52"/>
      <c r="U1051" s="52"/>
      <c r="V1051" s="52"/>
      <c r="W1051" s="52"/>
    </row>
    <row r="1052" spans="1:23" hidden="1" x14ac:dyDescent="0.35">
      <c r="A1052" s="52" t="s">
        <v>78</v>
      </c>
      <c r="B1052" s="52" t="s">
        <v>79</v>
      </c>
      <c r="C1052" s="3">
        <v>10</v>
      </c>
      <c r="D1052" s="52" t="s">
        <v>83</v>
      </c>
      <c r="E1052" s="52" t="s">
        <v>26</v>
      </c>
      <c r="F1052" s="52" t="s">
        <v>81</v>
      </c>
      <c r="G1052" s="52" t="s">
        <v>82</v>
      </c>
      <c r="H1052" s="4">
        <v>1</v>
      </c>
      <c r="I1052" s="2">
        <v>14.65</v>
      </c>
      <c r="J1052" s="52" t="s">
        <v>4022</v>
      </c>
      <c r="K1052" s="71" t="s">
        <v>4023</v>
      </c>
      <c r="L1052" s="52" t="s">
        <v>2063</v>
      </c>
      <c r="M1052" s="72">
        <v>9499</v>
      </c>
      <c r="N1052" s="52" t="s">
        <v>2072</v>
      </c>
      <c r="O1052" s="52" t="s">
        <v>2073</v>
      </c>
      <c r="P1052" s="52"/>
      <c r="Q1052" s="52"/>
      <c r="R1052" s="52"/>
      <c r="S1052" s="52"/>
      <c r="T1052" s="52"/>
      <c r="U1052" s="52"/>
      <c r="V1052" s="52"/>
      <c r="W1052" s="52"/>
    </row>
    <row r="1053" spans="1:23" hidden="1" x14ac:dyDescent="0.35">
      <c r="A1053" s="52" t="s">
        <v>78</v>
      </c>
      <c r="B1053" s="52" t="s">
        <v>79</v>
      </c>
      <c r="C1053" s="3">
        <v>20</v>
      </c>
      <c r="D1053" s="52" t="s">
        <v>2023</v>
      </c>
      <c r="E1053" s="52" t="s">
        <v>26</v>
      </c>
      <c r="F1053" s="52" t="s">
        <v>81</v>
      </c>
      <c r="G1053" s="52" t="s">
        <v>82</v>
      </c>
      <c r="H1053" s="4">
        <v>1</v>
      </c>
      <c r="I1053" s="2">
        <v>14.65</v>
      </c>
      <c r="J1053" s="52" t="s">
        <v>4024</v>
      </c>
      <c r="K1053" s="71" t="s">
        <v>4025</v>
      </c>
      <c r="L1053" s="52" t="s">
        <v>2063</v>
      </c>
      <c r="M1053" s="72">
        <v>2041</v>
      </c>
      <c r="N1053" s="52" t="s">
        <v>2066</v>
      </c>
      <c r="O1053" s="52" t="s">
        <v>2067</v>
      </c>
      <c r="P1053" s="52"/>
      <c r="Q1053" s="52"/>
      <c r="R1053" s="52"/>
      <c r="S1053" s="52"/>
      <c r="T1053" s="52"/>
      <c r="U1053" s="52"/>
      <c r="V1053" s="52"/>
      <c r="W1053" s="52"/>
    </row>
    <row r="1054" spans="1:23" hidden="1" x14ac:dyDescent="0.35">
      <c r="A1054" s="52" t="s">
        <v>78</v>
      </c>
      <c r="B1054" s="52" t="s">
        <v>79</v>
      </c>
      <c r="C1054" s="3">
        <v>20</v>
      </c>
      <c r="D1054" s="52" t="s">
        <v>80</v>
      </c>
      <c r="E1054" s="52" t="s">
        <v>26</v>
      </c>
      <c r="F1054" s="52" t="s">
        <v>81</v>
      </c>
      <c r="G1054" s="52" t="s">
        <v>82</v>
      </c>
      <c r="H1054" s="4">
        <v>1</v>
      </c>
      <c r="I1054" s="2">
        <v>14.65</v>
      </c>
      <c r="J1054" s="52" t="s">
        <v>4026</v>
      </c>
      <c r="K1054" s="71" t="s">
        <v>4027</v>
      </c>
      <c r="L1054" s="52" t="s">
        <v>2063</v>
      </c>
      <c r="M1054" s="72">
        <v>427</v>
      </c>
      <c r="N1054" s="52"/>
      <c r="O1054" s="52"/>
      <c r="P1054" s="52"/>
      <c r="Q1054" s="52"/>
      <c r="R1054" s="52"/>
      <c r="S1054" s="52"/>
      <c r="T1054" s="52"/>
      <c r="U1054" s="52"/>
      <c r="V1054" s="52"/>
      <c r="W1054" s="52"/>
    </row>
    <row r="1055" spans="1:23" hidden="1" x14ac:dyDescent="0.35">
      <c r="A1055" s="52" t="s">
        <v>78</v>
      </c>
      <c r="B1055" s="52" t="s">
        <v>79</v>
      </c>
      <c r="C1055" s="3">
        <v>10</v>
      </c>
      <c r="D1055" s="52" t="s">
        <v>84</v>
      </c>
      <c r="E1055" s="52" t="s">
        <v>26</v>
      </c>
      <c r="F1055" s="52" t="s">
        <v>81</v>
      </c>
      <c r="G1055" s="52" t="s">
        <v>82</v>
      </c>
      <c r="H1055" s="4">
        <v>1</v>
      </c>
      <c r="I1055" s="2">
        <v>14.65</v>
      </c>
      <c r="J1055" s="52" t="s">
        <v>4028</v>
      </c>
      <c r="K1055" s="71" t="s">
        <v>4029</v>
      </c>
      <c r="L1055" s="52" t="s">
        <v>2063</v>
      </c>
      <c r="M1055" s="72">
        <v>7842</v>
      </c>
      <c r="N1055" s="52" t="s">
        <v>2072</v>
      </c>
      <c r="O1055" s="52" t="s">
        <v>2073</v>
      </c>
      <c r="P1055" s="52"/>
      <c r="Q1055" s="52"/>
      <c r="R1055" s="52"/>
      <c r="S1055" s="52"/>
      <c r="T1055" s="52"/>
      <c r="U1055" s="52"/>
      <c r="V1055" s="52"/>
      <c r="W1055" s="52"/>
    </row>
    <row r="1056" spans="1:23" hidden="1" x14ac:dyDescent="0.35">
      <c r="A1056" s="52" t="s">
        <v>78</v>
      </c>
      <c r="B1056" s="52" t="s">
        <v>79</v>
      </c>
      <c r="C1056" s="3">
        <v>20</v>
      </c>
      <c r="D1056" s="52" t="s">
        <v>2023</v>
      </c>
      <c r="E1056" s="52" t="s">
        <v>26</v>
      </c>
      <c r="F1056" s="52" t="s">
        <v>81</v>
      </c>
      <c r="G1056" s="52" t="s">
        <v>82</v>
      </c>
      <c r="H1056" s="4">
        <v>1</v>
      </c>
      <c r="I1056" s="2">
        <v>14.65</v>
      </c>
      <c r="J1056" s="52" t="s">
        <v>4030</v>
      </c>
      <c r="K1056" s="71" t="s">
        <v>4031</v>
      </c>
      <c r="L1056" s="52" t="s">
        <v>2063</v>
      </c>
      <c r="M1056" s="72">
        <v>8506</v>
      </c>
      <c r="N1056" s="52"/>
      <c r="O1056" s="52"/>
      <c r="P1056" s="52"/>
      <c r="Q1056" s="52"/>
      <c r="R1056" s="52"/>
      <c r="S1056" s="52"/>
      <c r="T1056" s="52"/>
      <c r="U1056" s="52"/>
      <c r="V1056" s="52"/>
      <c r="W1056" s="52"/>
    </row>
    <row r="1057" spans="1:23" hidden="1" x14ac:dyDescent="0.35">
      <c r="A1057" s="52" t="s">
        <v>78</v>
      </c>
      <c r="B1057" s="52" t="s">
        <v>79</v>
      </c>
      <c r="C1057" s="3">
        <v>20</v>
      </c>
      <c r="D1057" s="52" t="s">
        <v>87</v>
      </c>
      <c r="E1057" s="52" t="s">
        <v>26</v>
      </c>
      <c r="F1057" s="52" t="s">
        <v>81</v>
      </c>
      <c r="G1057" s="52" t="s">
        <v>82</v>
      </c>
      <c r="H1057" s="4">
        <v>1</v>
      </c>
      <c r="I1057" s="2">
        <v>14.65</v>
      </c>
      <c r="J1057" s="52" t="s">
        <v>4032</v>
      </c>
      <c r="K1057" s="71" t="s">
        <v>4033</v>
      </c>
      <c r="L1057" s="52" t="s">
        <v>2063</v>
      </c>
      <c r="M1057" s="72">
        <v>2269</v>
      </c>
      <c r="N1057" s="52" t="s">
        <v>2066</v>
      </c>
      <c r="O1057" s="52" t="s">
        <v>2067</v>
      </c>
      <c r="P1057" s="52"/>
      <c r="Q1057" s="52"/>
      <c r="R1057" s="52"/>
      <c r="S1057" s="52"/>
      <c r="T1057" s="52"/>
      <c r="U1057" s="52"/>
      <c r="V1057" s="52"/>
      <c r="W1057" s="52"/>
    </row>
    <row r="1058" spans="1:23" hidden="1" x14ac:dyDescent="0.35">
      <c r="A1058" s="52" t="s">
        <v>78</v>
      </c>
      <c r="B1058" s="52" t="s">
        <v>79</v>
      </c>
      <c r="C1058" s="3">
        <v>20</v>
      </c>
      <c r="D1058" s="52" t="s">
        <v>2021</v>
      </c>
      <c r="E1058" s="52" t="s">
        <v>26</v>
      </c>
      <c r="F1058" s="52" t="s">
        <v>81</v>
      </c>
      <c r="G1058" s="52" t="s">
        <v>82</v>
      </c>
      <c r="H1058" s="4">
        <v>1</v>
      </c>
      <c r="I1058" s="2">
        <v>14.65</v>
      </c>
      <c r="J1058" s="52" t="s">
        <v>4034</v>
      </c>
      <c r="K1058" s="71" t="s">
        <v>4035</v>
      </c>
      <c r="L1058" s="52" t="s">
        <v>2063</v>
      </c>
      <c r="M1058" s="72">
        <v>3298</v>
      </c>
      <c r="N1058" s="52" t="s">
        <v>2072</v>
      </c>
      <c r="O1058" s="52" t="s">
        <v>2073</v>
      </c>
      <c r="P1058" s="52"/>
      <c r="Q1058" s="52"/>
      <c r="R1058" s="52"/>
      <c r="S1058" s="52"/>
      <c r="T1058" s="52"/>
      <c r="U1058" s="52"/>
      <c r="V1058" s="52"/>
      <c r="W1058" s="52"/>
    </row>
    <row r="1059" spans="1:23" hidden="1" x14ac:dyDescent="0.35">
      <c r="A1059" s="52" t="s">
        <v>78</v>
      </c>
      <c r="B1059" s="52" t="s">
        <v>79</v>
      </c>
      <c r="C1059" s="3">
        <v>20</v>
      </c>
      <c r="D1059" s="52" t="s">
        <v>2019</v>
      </c>
      <c r="E1059" s="52" t="s">
        <v>26</v>
      </c>
      <c r="F1059" s="52" t="s">
        <v>81</v>
      </c>
      <c r="G1059" s="52" t="s">
        <v>82</v>
      </c>
      <c r="H1059" s="4">
        <v>1</v>
      </c>
      <c r="I1059" s="2">
        <v>14.65</v>
      </c>
      <c r="J1059" s="52" t="s">
        <v>4036</v>
      </c>
      <c r="K1059" s="71" t="s">
        <v>4037</v>
      </c>
      <c r="L1059" s="52" t="s">
        <v>2063</v>
      </c>
      <c r="M1059" s="72">
        <v>5316</v>
      </c>
      <c r="N1059" s="52" t="s">
        <v>2066</v>
      </c>
      <c r="O1059" s="52" t="s">
        <v>2067</v>
      </c>
      <c r="P1059" s="52"/>
      <c r="Q1059" s="52"/>
      <c r="R1059" s="52"/>
      <c r="S1059" s="52"/>
      <c r="T1059" s="52"/>
      <c r="U1059" s="52"/>
      <c r="V1059" s="52"/>
      <c r="W1059" s="52"/>
    </row>
    <row r="1060" spans="1:23" hidden="1" x14ac:dyDescent="0.35">
      <c r="A1060" s="52" t="s">
        <v>78</v>
      </c>
      <c r="B1060" s="52" t="s">
        <v>79</v>
      </c>
      <c r="C1060" s="3">
        <v>10</v>
      </c>
      <c r="D1060" s="52" t="s">
        <v>85</v>
      </c>
      <c r="E1060" s="52" t="s">
        <v>26</v>
      </c>
      <c r="F1060" s="52" t="s">
        <v>81</v>
      </c>
      <c r="G1060" s="52" t="s">
        <v>82</v>
      </c>
      <c r="H1060" s="4">
        <v>1</v>
      </c>
      <c r="I1060" s="2">
        <v>14.65</v>
      </c>
      <c r="J1060" s="52" t="s">
        <v>4038</v>
      </c>
      <c r="K1060" s="71" t="s">
        <v>4039</v>
      </c>
      <c r="L1060" s="52" t="s">
        <v>2063</v>
      </c>
      <c r="M1060" s="72">
        <v>709</v>
      </c>
      <c r="N1060" s="52" t="s">
        <v>2066</v>
      </c>
      <c r="O1060" s="52" t="s">
        <v>2067</v>
      </c>
      <c r="P1060" s="52"/>
      <c r="Q1060" s="52"/>
      <c r="R1060" s="52"/>
      <c r="S1060" s="52"/>
      <c r="T1060" s="52"/>
      <c r="U1060" s="52"/>
      <c r="V1060" s="52"/>
      <c r="W1060" s="52"/>
    </row>
    <row r="1061" spans="1:23" hidden="1" x14ac:dyDescent="0.35">
      <c r="A1061" s="52" t="s">
        <v>78</v>
      </c>
      <c r="B1061" s="52" t="s">
        <v>79</v>
      </c>
      <c r="C1061" s="3">
        <v>10</v>
      </c>
      <c r="D1061" s="52" t="s">
        <v>80</v>
      </c>
      <c r="E1061" s="52" t="s">
        <v>26</v>
      </c>
      <c r="F1061" s="52" t="s">
        <v>81</v>
      </c>
      <c r="G1061" s="52" t="s">
        <v>82</v>
      </c>
      <c r="H1061" s="4">
        <v>1</v>
      </c>
      <c r="I1061" s="2">
        <v>14.65</v>
      </c>
      <c r="J1061" s="52" t="s">
        <v>4040</v>
      </c>
      <c r="K1061" s="71" t="s">
        <v>4041</v>
      </c>
      <c r="L1061" s="52" t="s">
        <v>2063</v>
      </c>
      <c r="M1061" s="72">
        <v>597</v>
      </c>
      <c r="N1061" s="52" t="s">
        <v>2158</v>
      </c>
      <c r="O1061" s="52" t="s">
        <v>2159</v>
      </c>
      <c r="P1061" s="52"/>
      <c r="Q1061" s="52"/>
      <c r="R1061" s="52"/>
      <c r="S1061" s="52"/>
      <c r="T1061" s="52"/>
      <c r="U1061" s="52"/>
      <c r="V1061" s="52"/>
      <c r="W1061" s="52"/>
    </row>
    <row r="1062" spans="1:23" hidden="1" x14ac:dyDescent="0.35">
      <c r="A1062" s="52" t="s">
        <v>78</v>
      </c>
      <c r="B1062" s="52" t="s">
        <v>79</v>
      </c>
      <c r="C1062" s="3">
        <v>10</v>
      </c>
      <c r="D1062" s="52" t="s">
        <v>2021</v>
      </c>
      <c r="E1062" s="52" t="s">
        <v>26</v>
      </c>
      <c r="F1062" s="52" t="s">
        <v>81</v>
      </c>
      <c r="G1062" s="52" t="s">
        <v>82</v>
      </c>
      <c r="H1062" s="4">
        <v>1</v>
      </c>
      <c r="I1062" s="2">
        <v>14.65</v>
      </c>
      <c r="J1062" s="52" t="s">
        <v>4042</v>
      </c>
      <c r="K1062" s="71" t="s">
        <v>4043</v>
      </c>
      <c r="L1062" s="52" t="s">
        <v>2063</v>
      </c>
      <c r="M1062" s="72">
        <v>787</v>
      </c>
      <c r="N1062" s="52" t="s">
        <v>2066</v>
      </c>
      <c r="O1062" s="52" t="s">
        <v>2067</v>
      </c>
      <c r="P1062" s="52"/>
      <c r="Q1062" s="52"/>
      <c r="R1062" s="52"/>
      <c r="S1062" s="52"/>
      <c r="T1062" s="52"/>
      <c r="U1062" s="52"/>
      <c r="V1062" s="52"/>
      <c r="W1062" s="52"/>
    </row>
    <row r="1063" spans="1:23" hidden="1" x14ac:dyDescent="0.35">
      <c r="A1063" s="52" t="s">
        <v>78</v>
      </c>
      <c r="B1063" s="52" t="s">
        <v>79</v>
      </c>
      <c r="C1063" s="3">
        <v>20</v>
      </c>
      <c r="D1063" s="52" t="s">
        <v>2024</v>
      </c>
      <c r="E1063" s="52" t="s">
        <v>26</v>
      </c>
      <c r="F1063" s="52" t="s">
        <v>81</v>
      </c>
      <c r="G1063" s="52" t="s">
        <v>82</v>
      </c>
      <c r="H1063" s="4">
        <v>1</v>
      </c>
      <c r="I1063" s="2">
        <v>14.65</v>
      </c>
      <c r="J1063" s="52" t="s">
        <v>4044</v>
      </c>
      <c r="K1063" s="71" t="s">
        <v>4045</v>
      </c>
      <c r="L1063" s="52" t="s">
        <v>2063</v>
      </c>
      <c r="M1063" s="72">
        <v>2322</v>
      </c>
      <c r="N1063" s="52" t="s">
        <v>2158</v>
      </c>
      <c r="O1063" s="52" t="s">
        <v>2159</v>
      </c>
      <c r="P1063" s="52"/>
      <c r="Q1063" s="52"/>
      <c r="R1063" s="52"/>
      <c r="S1063" s="52"/>
      <c r="T1063" s="52"/>
      <c r="U1063" s="52"/>
      <c r="V1063" s="52"/>
      <c r="W1063" s="52"/>
    </row>
    <row r="1064" spans="1:23" hidden="1" x14ac:dyDescent="0.35">
      <c r="A1064" s="52" t="s">
        <v>78</v>
      </c>
      <c r="B1064" s="52" t="s">
        <v>79</v>
      </c>
      <c r="C1064" s="3">
        <v>20</v>
      </c>
      <c r="D1064" s="52" t="s">
        <v>80</v>
      </c>
      <c r="E1064" s="52" t="s">
        <v>26</v>
      </c>
      <c r="F1064" s="52" t="s">
        <v>81</v>
      </c>
      <c r="G1064" s="52" t="s">
        <v>82</v>
      </c>
      <c r="H1064" s="4">
        <v>1</v>
      </c>
      <c r="I1064" s="2">
        <v>14.65</v>
      </c>
      <c r="J1064" s="52" t="s">
        <v>4046</v>
      </c>
      <c r="K1064" s="71" t="s">
        <v>4047</v>
      </c>
      <c r="L1064" s="52" t="s">
        <v>2063</v>
      </c>
      <c r="M1064" s="72">
        <v>4867</v>
      </c>
      <c r="N1064" s="52" t="s">
        <v>2072</v>
      </c>
      <c r="O1064" s="52" t="s">
        <v>2073</v>
      </c>
      <c r="P1064" s="52"/>
      <c r="Q1064" s="52"/>
      <c r="R1064" s="52"/>
      <c r="S1064" s="52"/>
      <c r="T1064" s="52"/>
      <c r="U1064" s="52"/>
      <c r="V1064" s="52"/>
      <c r="W1064" s="52"/>
    </row>
    <row r="1065" spans="1:23" hidden="1" x14ac:dyDescent="0.35">
      <c r="A1065" s="52" t="s">
        <v>78</v>
      </c>
      <c r="B1065" s="52" t="s">
        <v>79</v>
      </c>
      <c r="C1065" s="3">
        <v>10</v>
      </c>
      <c r="D1065" s="52" t="s">
        <v>80</v>
      </c>
      <c r="E1065" s="52" t="s">
        <v>26</v>
      </c>
      <c r="F1065" s="52" t="s">
        <v>81</v>
      </c>
      <c r="G1065" s="52" t="s">
        <v>82</v>
      </c>
      <c r="H1065" s="4">
        <v>1</v>
      </c>
      <c r="I1065" s="2">
        <v>14.65</v>
      </c>
      <c r="J1065" s="52" t="s">
        <v>4048</v>
      </c>
      <c r="K1065" s="71" t="s">
        <v>4049</v>
      </c>
      <c r="L1065" s="52" t="s">
        <v>2063</v>
      </c>
      <c r="M1065" s="72">
        <v>1511</v>
      </c>
      <c r="N1065" s="52" t="s">
        <v>2072</v>
      </c>
      <c r="O1065" s="52" t="s">
        <v>2073</v>
      </c>
      <c r="P1065" s="52"/>
      <c r="Q1065" s="52"/>
      <c r="R1065" s="52"/>
      <c r="S1065" s="52"/>
      <c r="T1065" s="52"/>
      <c r="U1065" s="52"/>
      <c r="V1065" s="52"/>
      <c r="W1065" s="52"/>
    </row>
    <row r="1066" spans="1:23" hidden="1" x14ac:dyDescent="0.35">
      <c r="A1066" s="52" t="s">
        <v>78</v>
      </c>
      <c r="B1066" s="52" t="s">
        <v>79</v>
      </c>
      <c r="C1066" s="3">
        <v>10</v>
      </c>
      <c r="D1066" s="52" t="s">
        <v>85</v>
      </c>
      <c r="E1066" s="52" t="s">
        <v>26</v>
      </c>
      <c r="F1066" s="52" t="s">
        <v>81</v>
      </c>
      <c r="G1066" s="52" t="s">
        <v>82</v>
      </c>
      <c r="H1066" s="4">
        <v>1</v>
      </c>
      <c r="I1066" s="2">
        <v>14.65</v>
      </c>
      <c r="J1066" s="52" t="s">
        <v>4050</v>
      </c>
      <c r="K1066" s="71" t="s">
        <v>4051</v>
      </c>
      <c r="L1066" s="52" t="s">
        <v>2063</v>
      </c>
      <c r="M1066" s="72">
        <v>4763</v>
      </c>
      <c r="N1066" s="52"/>
      <c r="O1066" s="52"/>
      <c r="P1066" s="52"/>
      <c r="Q1066" s="52"/>
      <c r="R1066" s="52"/>
      <c r="S1066" s="52"/>
      <c r="T1066" s="52"/>
      <c r="U1066" s="52"/>
      <c r="V1066" s="52"/>
      <c r="W1066" s="52"/>
    </row>
    <row r="1067" spans="1:23" hidden="1" x14ac:dyDescent="0.35">
      <c r="A1067" s="52" t="s">
        <v>78</v>
      </c>
      <c r="B1067" s="52" t="s">
        <v>79</v>
      </c>
      <c r="C1067" s="3">
        <v>211</v>
      </c>
      <c r="D1067" s="52" t="s">
        <v>2022</v>
      </c>
      <c r="E1067" s="52" t="s">
        <v>26</v>
      </c>
      <c r="F1067" s="52" t="s">
        <v>81</v>
      </c>
      <c r="G1067" s="52" t="s">
        <v>82</v>
      </c>
      <c r="H1067" s="4">
        <v>1</v>
      </c>
      <c r="I1067" s="2">
        <v>14.65</v>
      </c>
      <c r="J1067" s="52" t="s">
        <v>4052</v>
      </c>
      <c r="K1067" s="71" t="s">
        <v>4053</v>
      </c>
      <c r="L1067" s="52" t="s">
        <v>2063</v>
      </c>
      <c r="M1067" s="72">
        <v>8052</v>
      </c>
      <c r="N1067" s="52" t="s">
        <v>2072</v>
      </c>
      <c r="O1067" s="52" t="s">
        <v>2073</v>
      </c>
      <c r="P1067" s="52"/>
      <c r="Q1067" s="52"/>
      <c r="R1067" s="52"/>
      <c r="S1067" s="52"/>
      <c r="T1067" s="52"/>
      <c r="U1067" s="52"/>
      <c r="V1067" s="52"/>
      <c r="W1067" s="52"/>
    </row>
    <row r="1068" spans="1:23" hidden="1" x14ac:dyDescent="0.35">
      <c r="A1068" s="52" t="s">
        <v>78</v>
      </c>
      <c r="B1068" s="52" t="s">
        <v>79</v>
      </c>
      <c r="C1068" s="3">
        <v>10</v>
      </c>
      <c r="D1068" s="52" t="s">
        <v>87</v>
      </c>
      <c r="E1068" s="52" t="s">
        <v>26</v>
      </c>
      <c r="F1068" s="52" t="s">
        <v>81</v>
      </c>
      <c r="G1068" s="52" t="s">
        <v>82</v>
      </c>
      <c r="H1068" s="4">
        <v>1</v>
      </c>
      <c r="I1068" s="2">
        <v>14.65</v>
      </c>
      <c r="J1068" s="52" t="s">
        <v>4054</v>
      </c>
      <c r="K1068" s="71" t="s">
        <v>4055</v>
      </c>
      <c r="L1068" s="52" t="s">
        <v>2063</v>
      </c>
      <c r="M1068" s="72">
        <v>1175</v>
      </c>
      <c r="N1068" s="52" t="s">
        <v>2066</v>
      </c>
      <c r="O1068" s="52" t="s">
        <v>2067</v>
      </c>
      <c r="P1068" s="52"/>
      <c r="Q1068" s="52"/>
      <c r="R1068" s="52"/>
      <c r="S1068" s="52"/>
      <c r="T1068" s="52"/>
      <c r="U1068" s="52"/>
      <c r="V1068" s="52"/>
      <c r="W1068" s="52"/>
    </row>
    <row r="1069" spans="1:23" hidden="1" x14ac:dyDescent="0.35">
      <c r="A1069" s="52" t="s">
        <v>78</v>
      </c>
      <c r="B1069" s="52" t="s">
        <v>79</v>
      </c>
      <c r="C1069" s="3">
        <v>10</v>
      </c>
      <c r="D1069" s="52" t="s">
        <v>2023</v>
      </c>
      <c r="E1069" s="52" t="s">
        <v>26</v>
      </c>
      <c r="F1069" s="52" t="s">
        <v>81</v>
      </c>
      <c r="G1069" s="52" t="s">
        <v>82</v>
      </c>
      <c r="H1069" s="4">
        <v>1</v>
      </c>
      <c r="I1069" s="2">
        <v>14.65</v>
      </c>
      <c r="J1069" s="52" t="s">
        <v>4056</v>
      </c>
      <c r="K1069" s="71" t="s">
        <v>4057</v>
      </c>
      <c r="L1069" s="52" t="s">
        <v>2063</v>
      </c>
      <c r="M1069" s="72">
        <v>8701</v>
      </c>
      <c r="N1069" s="52" t="s">
        <v>2066</v>
      </c>
      <c r="O1069" s="52" t="s">
        <v>2067</v>
      </c>
      <c r="P1069" s="52"/>
      <c r="Q1069" s="52"/>
      <c r="R1069" s="52"/>
      <c r="S1069" s="52"/>
      <c r="T1069" s="52"/>
      <c r="U1069" s="52"/>
      <c r="V1069" s="52"/>
      <c r="W1069" s="52"/>
    </row>
    <row r="1070" spans="1:23" hidden="1" x14ac:dyDescent="0.35">
      <c r="A1070" s="52" t="s">
        <v>78</v>
      </c>
      <c r="B1070" s="52" t="s">
        <v>79</v>
      </c>
      <c r="C1070" s="3">
        <v>20</v>
      </c>
      <c r="D1070" s="52" t="s">
        <v>2021</v>
      </c>
      <c r="E1070" s="52" t="s">
        <v>26</v>
      </c>
      <c r="F1070" s="52" t="s">
        <v>81</v>
      </c>
      <c r="G1070" s="52" t="s">
        <v>82</v>
      </c>
      <c r="H1070" s="4">
        <v>1</v>
      </c>
      <c r="I1070" s="2">
        <v>14.65</v>
      </c>
      <c r="J1070" s="52" t="s">
        <v>3615</v>
      </c>
      <c r="K1070" s="71" t="s">
        <v>4058</v>
      </c>
      <c r="L1070" s="52" t="s">
        <v>2063</v>
      </c>
      <c r="M1070" s="72">
        <v>3204</v>
      </c>
      <c r="N1070" s="52" t="s">
        <v>2072</v>
      </c>
      <c r="O1070" s="52" t="s">
        <v>2073</v>
      </c>
      <c r="P1070" s="52"/>
      <c r="Q1070" s="52"/>
      <c r="R1070" s="52"/>
      <c r="S1070" s="52"/>
      <c r="T1070" s="52"/>
      <c r="U1070" s="52"/>
      <c r="V1070" s="52"/>
      <c r="W1070" s="52"/>
    </row>
    <row r="1071" spans="1:23" hidden="1" x14ac:dyDescent="0.35">
      <c r="A1071" s="52" t="s">
        <v>78</v>
      </c>
      <c r="B1071" s="52" t="s">
        <v>79</v>
      </c>
      <c r="C1071" s="3">
        <v>10</v>
      </c>
      <c r="D1071" s="52" t="s">
        <v>2020</v>
      </c>
      <c r="E1071" s="52" t="s">
        <v>26</v>
      </c>
      <c r="F1071" s="52" t="s">
        <v>81</v>
      </c>
      <c r="G1071" s="52" t="s">
        <v>82</v>
      </c>
      <c r="H1071" s="4">
        <v>1</v>
      </c>
      <c r="I1071" s="2">
        <v>14.65</v>
      </c>
      <c r="J1071" s="52" t="s">
        <v>4059</v>
      </c>
      <c r="K1071" s="71" t="s">
        <v>4060</v>
      </c>
      <c r="L1071" s="52" t="s">
        <v>2063</v>
      </c>
      <c r="M1071" s="72">
        <v>6668</v>
      </c>
      <c r="N1071" s="52" t="s">
        <v>2154</v>
      </c>
      <c r="O1071" s="52" t="s">
        <v>2155</v>
      </c>
      <c r="P1071" s="52"/>
      <c r="Q1071" s="52"/>
      <c r="R1071" s="52"/>
      <c r="S1071" s="52"/>
      <c r="T1071" s="52"/>
      <c r="U1071" s="52"/>
      <c r="V1071" s="52"/>
      <c r="W1071" s="52"/>
    </row>
    <row r="1072" spans="1:23" hidden="1" x14ac:dyDescent="0.35">
      <c r="A1072" s="52" t="s">
        <v>78</v>
      </c>
      <c r="B1072" s="52" t="s">
        <v>79</v>
      </c>
      <c r="C1072" s="3">
        <v>10</v>
      </c>
      <c r="D1072" s="52" t="s">
        <v>2022</v>
      </c>
      <c r="E1072" s="52" t="s">
        <v>26</v>
      </c>
      <c r="F1072" s="52" t="s">
        <v>81</v>
      </c>
      <c r="G1072" s="52" t="s">
        <v>82</v>
      </c>
      <c r="H1072" s="4">
        <v>1</v>
      </c>
      <c r="I1072" s="2">
        <v>14.65</v>
      </c>
      <c r="J1072" s="52" t="s">
        <v>3661</v>
      </c>
      <c r="K1072" s="71" t="s">
        <v>4061</v>
      </c>
      <c r="L1072" s="52" t="s">
        <v>2063</v>
      </c>
      <c r="M1072" s="72">
        <v>4696</v>
      </c>
      <c r="N1072" s="52" t="s">
        <v>2072</v>
      </c>
      <c r="O1072" s="52" t="s">
        <v>2073</v>
      </c>
      <c r="P1072" s="52"/>
      <c r="Q1072" s="52"/>
      <c r="R1072" s="52"/>
      <c r="S1072" s="52"/>
      <c r="T1072" s="52"/>
      <c r="U1072" s="52"/>
      <c r="V1072" s="52"/>
      <c r="W1072" s="52"/>
    </row>
    <row r="1073" spans="1:23" hidden="1" x14ac:dyDescent="0.35">
      <c r="A1073" s="52" t="s">
        <v>78</v>
      </c>
      <c r="B1073" s="52" t="s">
        <v>79</v>
      </c>
      <c r="C1073" s="3">
        <v>20</v>
      </c>
      <c r="D1073" s="52" t="s">
        <v>84</v>
      </c>
      <c r="E1073" s="52" t="s">
        <v>26</v>
      </c>
      <c r="F1073" s="52" t="s">
        <v>81</v>
      </c>
      <c r="G1073" s="52" t="s">
        <v>82</v>
      </c>
      <c r="H1073" s="4">
        <v>1</v>
      </c>
      <c r="I1073" s="2">
        <v>14.65</v>
      </c>
      <c r="J1073" s="52" t="s">
        <v>3987</v>
      </c>
      <c r="K1073" s="71" t="s">
        <v>4062</v>
      </c>
      <c r="L1073" s="52" t="s">
        <v>2063</v>
      </c>
      <c r="M1073" s="72">
        <v>2229</v>
      </c>
      <c r="N1073" s="52" t="s">
        <v>2066</v>
      </c>
      <c r="O1073" s="52" t="s">
        <v>2067</v>
      </c>
      <c r="P1073" s="52"/>
      <c r="Q1073" s="52"/>
      <c r="R1073" s="52"/>
      <c r="S1073" s="52"/>
      <c r="T1073" s="52"/>
      <c r="U1073" s="52"/>
      <c r="V1073" s="52"/>
      <c r="W1073" s="52"/>
    </row>
    <row r="1074" spans="1:23" hidden="1" x14ac:dyDescent="0.35">
      <c r="A1074" s="52" t="s">
        <v>78</v>
      </c>
      <c r="B1074" s="52" t="s">
        <v>79</v>
      </c>
      <c r="C1074" s="3">
        <v>20</v>
      </c>
      <c r="D1074" s="52" t="s">
        <v>80</v>
      </c>
      <c r="E1074" s="52" t="s">
        <v>26</v>
      </c>
      <c r="F1074" s="52" t="s">
        <v>81</v>
      </c>
      <c r="G1074" s="52" t="s">
        <v>82</v>
      </c>
      <c r="H1074" s="4">
        <v>1</v>
      </c>
      <c r="I1074" s="2">
        <v>14.65</v>
      </c>
      <c r="J1074" s="52" t="s">
        <v>4063</v>
      </c>
      <c r="K1074" s="71" t="s">
        <v>4064</v>
      </c>
      <c r="L1074" s="52" t="s">
        <v>2063</v>
      </c>
      <c r="M1074" s="72">
        <v>1455</v>
      </c>
      <c r="N1074" s="52" t="s">
        <v>2072</v>
      </c>
      <c r="O1074" s="52" t="s">
        <v>2073</v>
      </c>
      <c r="P1074" s="52"/>
      <c r="Q1074" s="52"/>
      <c r="R1074" s="52"/>
      <c r="S1074" s="52"/>
      <c r="T1074" s="52"/>
      <c r="U1074" s="52"/>
      <c r="V1074" s="52"/>
      <c r="W1074" s="52"/>
    </row>
    <row r="1075" spans="1:23" hidden="1" x14ac:dyDescent="0.35">
      <c r="A1075" s="52" t="s">
        <v>78</v>
      </c>
      <c r="B1075" s="52" t="s">
        <v>79</v>
      </c>
      <c r="C1075" s="3">
        <v>20</v>
      </c>
      <c r="D1075" s="52" t="s">
        <v>87</v>
      </c>
      <c r="E1075" s="52" t="s">
        <v>26</v>
      </c>
      <c r="F1075" s="52" t="s">
        <v>81</v>
      </c>
      <c r="G1075" s="52" t="s">
        <v>82</v>
      </c>
      <c r="H1075" s="4">
        <v>1</v>
      </c>
      <c r="I1075" s="2">
        <v>14.65</v>
      </c>
      <c r="J1075" s="52" t="s">
        <v>4065</v>
      </c>
      <c r="K1075" s="71" t="s">
        <v>4066</v>
      </c>
      <c r="L1075" s="52" t="s">
        <v>2063</v>
      </c>
      <c r="M1075" s="72">
        <v>4550</v>
      </c>
      <c r="N1075" s="52" t="s">
        <v>2158</v>
      </c>
      <c r="O1075" s="52" t="s">
        <v>2159</v>
      </c>
      <c r="P1075" s="52"/>
      <c r="Q1075" s="52"/>
      <c r="R1075" s="52"/>
      <c r="S1075" s="52"/>
      <c r="T1075" s="52"/>
      <c r="U1075" s="52"/>
      <c r="V1075" s="52"/>
      <c r="W1075" s="52"/>
    </row>
    <row r="1076" spans="1:23" hidden="1" x14ac:dyDescent="0.35">
      <c r="A1076" s="52" t="s">
        <v>78</v>
      </c>
      <c r="B1076" s="52" t="s">
        <v>79</v>
      </c>
      <c r="C1076" s="3">
        <v>20</v>
      </c>
      <c r="D1076" s="52" t="s">
        <v>83</v>
      </c>
      <c r="E1076" s="52" t="s">
        <v>26</v>
      </c>
      <c r="F1076" s="52" t="s">
        <v>81</v>
      </c>
      <c r="G1076" s="52" t="s">
        <v>82</v>
      </c>
      <c r="H1076" s="4">
        <v>1</v>
      </c>
      <c r="I1076" s="2">
        <v>14.65</v>
      </c>
      <c r="J1076" s="52" t="s">
        <v>4067</v>
      </c>
      <c r="K1076" s="71" t="s">
        <v>4068</v>
      </c>
      <c r="L1076" s="52" t="s">
        <v>2063</v>
      </c>
      <c r="M1076" s="72">
        <v>6633</v>
      </c>
      <c r="N1076" s="52" t="s">
        <v>2072</v>
      </c>
      <c r="O1076" s="52" t="s">
        <v>2073</v>
      </c>
      <c r="P1076" s="52"/>
      <c r="Q1076" s="52"/>
      <c r="R1076" s="52"/>
      <c r="S1076" s="52"/>
      <c r="T1076" s="52"/>
      <c r="U1076" s="52"/>
      <c r="V1076" s="52"/>
      <c r="W1076" s="52"/>
    </row>
    <row r="1077" spans="1:23" hidden="1" x14ac:dyDescent="0.35">
      <c r="A1077" s="52" t="s">
        <v>78</v>
      </c>
      <c r="B1077" s="52" t="s">
        <v>79</v>
      </c>
      <c r="C1077" s="3">
        <v>20</v>
      </c>
      <c r="D1077" s="52" t="s">
        <v>83</v>
      </c>
      <c r="E1077" s="52" t="s">
        <v>26</v>
      </c>
      <c r="F1077" s="52" t="s">
        <v>81</v>
      </c>
      <c r="G1077" s="52" t="s">
        <v>82</v>
      </c>
      <c r="H1077" s="4">
        <v>1</v>
      </c>
      <c r="I1077" s="2">
        <v>14.65</v>
      </c>
      <c r="J1077" s="52" t="s">
        <v>4069</v>
      </c>
      <c r="K1077" s="71" t="s">
        <v>4070</v>
      </c>
      <c r="L1077" s="52" t="s">
        <v>2063</v>
      </c>
      <c r="M1077" s="72">
        <v>5925</v>
      </c>
      <c r="N1077" s="52" t="s">
        <v>2072</v>
      </c>
      <c r="O1077" s="52" t="s">
        <v>2073</v>
      </c>
      <c r="P1077" s="52"/>
      <c r="Q1077" s="52"/>
      <c r="R1077" s="52"/>
      <c r="S1077" s="52"/>
      <c r="T1077" s="52"/>
      <c r="U1077" s="52"/>
      <c r="V1077" s="52"/>
      <c r="W1077" s="52"/>
    </row>
    <row r="1078" spans="1:23" hidden="1" x14ac:dyDescent="0.35">
      <c r="A1078" s="52" t="s">
        <v>78</v>
      </c>
      <c r="B1078" s="52" t="s">
        <v>79</v>
      </c>
      <c r="C1078" s="3">
        <v>20</v>
      </c>
      <c r="D1078" s="52" t="s">
        <v>85</v>
      </c>
      <c r="E1078" s="52" t="s">
        <v>26</v>
      </c>
      <c r="F1078" s="52" t="s">
        <v>81</v>
      </c>
      <c r="G1078" s="52" t="s">
        <v>82</v>
      </c>
      <c r="H1078" s="4">
        <v>1</v>
      </c>
      <c r="I1078" s="2">
        <v>14.65</v>
      </c>
      <c r="J1078" s="52" t="s">
        <v>2189</v>
      </c>
      <c r="K1078" s="71" t="s">
        <v>4071</v>
      </c>
      <c r="L1078" s="52" t="s">
        <v>2063</v>
      </c>
      <c r="M1078" s="72">
        <v>4189</v>
      </c>
      <c r="N1078" s="52" t="s">
        <v>2066</v>
      </c>
      <c r="O1078" s="52" t="s">
        <v>2067</v>
      </c>
      <c r="P1078" s="52"/>
      <c r="Q1078" s="52"/>
      <c r="R1078" s="52"/>
      <c r="S1078" s="52"/>
      <c r="T1078" s="52"/>
      <c r="U1078" s="52"/>
      <c r="V1078" s="52"/>
      <c r="W1078" s="52"/>
    </row>
    <row r="1079" spans="1:23" hidden="1" x14ac:dyDescent="0.35">
      <c r="A1079" s="52" t="s">
        <v>78</v>
      </c>
      <c r="B1079" s="52" t="s">
        <v>79</v>
      </c>
      <c r="C1079" s="3">
        <v>211</v>
      </c>
      <c r="D1079" s="52" t="s">
        <v>84</v>
      </c>
      <c r="E1079" s="52" t="s">
        <v>26</v>
      </c>
      <c r="F1079" s="52" t="s">
        <v>81</v>
      </c>
      <c r="G1079" s="52" t="s">
        <v>82</v>
      </c>
      <c r="H1079" s="4">
        <v>1</v>
      </c>
      <c r="I1079" s="2">
        <v>14.65</v>
      </c>
      <c r="J1079" s="52" t="s">
        <v>4072</v>
      </c>
      <c r="K1079" s="71" t="s">
        <v>4073</v>
      </c>
      <c r="L1079" s="52" t="s">
        <v>2063</v>
      </c>
      <c r="M1079" s="72">
        <v>7087</v>
      </c>
      <c r="N1079" s="52" t="s">
        <v>2066</v>
      </c>
      <c r="O1079" s="52" t="s">
        <v>2067</v>
      </c>
      <c r="P1079" s="52"/>
      <c r="Q1079" s="52"/>
      <c r="R1079" s="52"/>
      <c r="S1079" s="52"/>
      <c r="T1079" s="52"/>
      <c r="U1079" s="52"/>
      <c r="V1079" s="52"/>
      <c r="W1079" s="52"/>
    </row>
    <row r="1080" spans="1:23" x14ac:dyDescent="0.35">
      <c r="A1080" s="52" t="s">
        <v>78</v>
      </c>
      <c r="B1080" s="52" t="s">
        <v>79</v>
      </c>
      <c r="C1080" s="3">
        <v>20</v>
      </c>
      <c r="D1080" s="52" t="s">
        <v>80</v>
      </c>
      <c r="E1080" s="52" t="s">
        <v>26</v>
      </c>
      <c r="F1080" s="52" t="s">
        <v>81</v>
      </c>
      <c r="G1080" s="52" t="s">
        <v>82</v>
      </c>
      <c r="H1080" s="4">
        <v>1</v>
      </c>
      <c r="I1080" s="2">
        <v>14.65</v>
      </c>
      <c r="J1080" s="52" t="s">
        <v>4074</v>
      </c>
      <c r="K1080" s="71" t="s">
        <v>4075</v>
      </c>
      <c r="L1080" s="52" t="s">
        <v>2063</v>
      </c>
      <c r="M1080" s="72">
        <v>8539</v>
      </c>
      <c r="N1080" s="52" t="s">
        <v>2076</v>
      </c>
      <c r="O1080" s="52" t="s">
        <v>2077</v>
      </c>
      <c r="P1080" s="52"/>
      <c r="Q1080" s="52"/>
      <c r="R1080" s="52"/>
      <c r="S1080" s="52"/>
      <c r="T1080" s="52"/>
      <c r="U1080" s="52"/>
      <c r="V1080" s="52"/>
      <c r="W1080" s="52"/>
    </row>
    <row r="1081" spans="1:23" hidden="1" x14ac:dyDescent="0.35">
      <c r="A1081" s="52" t="s">
        <v>78</v>
      </c>
      <c r="B1081" s="52" t="s">
        <v>79</v>
      </c>
      <c r="C1081" s="3">
        <v>211</v>
      </c>
      <c r="D1081" s="52" t="s">
        <v>86</v>
      </c>
      <c r="E1081" s="52" t="s">
        <v>26</v>
      </c>
      <c r="F1081" s="52" t="s">
        <v>81</v>
      </c>
      <c r="G1081" s="52" t="s">
        <v>82</v>
      </c>
      <c r="H1081" s="4">
        <v>1</v>
      </c>
      <c r="I1081" s="2">
        <v>14.65</v>
      </c>
      <c r="J1081" s="52" t="s">
        <v>4076</v>
      </c>
      <c r="K1081" s="71" t="s">
        <v>4077</v>
      </c>
      <c r="L1081" s="52" t="s">
        <v>2063</v>
      </c>
      <c r="M1081" s="72">
        <v>7259</v>
      </c>
      <c r="N1081" s="52" t="s">
        <v>2066</v>
      </c>
      <c r="O1081" s="52" t="s">
        <v>2067</v>
      </c>
      <c r="P1081" s="52"/>
      <c r="Q1081" s="52"/>
      <c r="R1081" s="52"/>
      <c r="S1081" s="52"/>
      <c r="T1081" s="52"/>
      <c r="U1081" s="52"/>
      <c r="V1081" s="52"/>
      <c r="W1081" s="52"/>
    </row>
    <row r="1082" spans="1:23" x14ac:dyDescent="0.35">
      <c r="A1082" s="52" t="s">
        <v>78</v>
      </c>
      <c r="B1082" s="52" t="s">
        <v>79</v>
      </c>
      <c r="C1082" s="3">
        <v>10</v>
      </c>
      <c r="D1082" s="52" t="s">
        <v>2020</v>
      </c>
      <c r="E1082" s="52" t="s">
        <v>26</v>
      </c>
      <c r="F1082" s="52" t="s">
        <v>81</v>
      </c>
      <c r="G1082" s="52" t="s">
        <v>82</v>
      </c>
      <c r="H1082" s="4">
        <v>1</v>
      </c>
      <c r="I1082" s="2">
        <v>14.65</v>
      </c>
      <c r="J1082" s="52" t="s">
        <v>3161</v>
      </c>
      <c r="K1082" s="71" t="s">
        <v>4078</v>
      </c>
      <c r="L1082" s="52" t="s">
        <v>2063</v>
      </c>
      <c r="M1082" s="72">
        <v>6290</v>
      </c>
      <c r="N1082" s="52" t="s">
        <v>2259</v>
      </c>
      <c r="O1082" s="52" t="s">
        <v>2260</v>
      </c>
      <c r="P1082" s="52"/>
      <c r="Q1082" s="52"/>
      <c r="R1082" s="52"/>
      <c r="S1082" s="52"/>
      <c r="T1082" s="52"/>
      <c r="U1082" s="52"/>
      <c r="V1082" s="52"/>
      <c r="W1082" s="52"/>
    </row>
    <row r="1083" spans="1:23" hidden="1" x14ac:dyDescent="0.35">
      <c r="A1083" s="52" t="s">
        <v>78</v>
      </c>
      <c r="B1083" s="52" t="s">
        <v>79</v>
      </c>
      <c r="C1083" s="3">
        <v>20</v>
      </c>
      <c r="D1083" s="52" t="s">
        <v>83</v>
      </c>
      <c r="E1083" s="52" t="s">
        <v>26</v>
      </c>
      <c r="F1083" s="52" t="s">
        <v>81</v>
      </c>
      <c r="G1083" s="52" t="s">
        <v>82</v>
      </c>
      <c r="H1083" s="4">
        <v>1</v>
      </c>
      <c r="I1083" s="2">
        <v>14.65</v>
      </c>
      <c r="J1083" s="52" t="s">
        <v>4079</v>
      </c>
      <c r="K1083" s="71" t="s">
        <v>4080</v>
      </c>
      <c r="L1083" s="52" t="s">
        <v>2063</v>
      </c>
      <c r="M1083" s="72">
        <v>6213</v>
      </c>
      <c r="N1083" s="52" t="s">
        <v>2066</v>
      </c>
      <c r="O1083" s="52" t="s">
        <v>2067</v>
      </c>
      <c r="P1083" s="52"/>
      <c r="Q1083" s="52"/>
      <c r="R1083" s="52"/>
      <c r="S1083" s="52"/>
      <c r="T1083" s="52"/>
      <c r="U1083" s="52"/>
      <c r="V1083" s="52"/>
      <c r="W1083" s="52"/>
    </row>
    <row r="1084" spans="1:23" hidden="1" x14ac:dyDescent="0.35">
      <c r="A1084" s="52" t="s">
        <v>78</v>
      </c>
      <c r="B1084" s="52" t="s">
        <v>79</v>
      </c>
      <c r="C1084" s="3">
        <v>10</v>
      </c>
      <c r="D1084" s="52" t="s">
        <v>2020</v>
      </c>
      <c r="E1084" s="52" t="s">
        <v>26</v>
      </c>
      <c r="F1084" s="52" t="s">
        <v>81</v>
      </c>
      <c r="G1084" s="52" t="s">
        <v>82</v>
      </c>
      <c r="H1084" s="4">
        <v>1</v>
      </c>
      <c r="I1084" s="2">
        <v>14.65</v>
      </c>
      <c r="J1084" s="52" t="s">
        <v>4081</v>
      </c>
      <c r="K1084" s="71" t="s">
        <v>4082</v>
      </c>
      <c r="L1084" s="52" t="s">
        <v>2063</v>
      </c>
      <c r="M1084" s="72">
        <v>6875</v>
      </c>
      <c r="N1084" s="52" t="s">
        <v>2072</v>
      </c>
      <c r="O1084" s="52" t="s">
        <v>2073</v>
      </c>
      <c r="P1084" s="52"/>
      <c r="Q1084" s="52"/>
      <c r="R1084" s="52"/>
      <c r="S1084" s="52"/>
      <c r="T1084" s="52"/>
      <c r="U1084" s="52"/>
      <c r="V1084" s="52"/>
      <c r="W1084" s="52"/>
    </row>
    <row r="1085" spans="1:23" hidden="1" x14ac:dyDescent="0.35">
      <c r="A1085" s="52" t="s">
        <v>78</v>
      </c>
      <c r="B1085" s="52" t="s">
        <v>79</v>
      </c>
      <c r="C1085" s="3">
        <v>10</v>
      </c>
      <c r="D1085" s="52" t="s">
        <v>85</v>
      </c>
      <c r="E1085" s="52" t="s">
        <v>26</v>
      </c>
      <c r="F1085" s="52" t="s">
        <v>81</v>
      </c>
      <c r="G1085" s="52" t="s">
        <v>82</v>
      </c>
      <c r="H1085" s="4">
        <v>1</v>
      </c>
      <c r="I1085" s="2">
        <v>14.65</v>
      </c>
      <c r="J1085" s="52" t="s">
        <v>4018</v>
      </c>
      <c r="K1085" s="71" t="s">
        <v>4083</v>
      </c>
      <c r="L1085" s="52" t="s">
        <v>2063</v>
      </c>
      <c r="M1085" s="72">
        <v>7395</v>
      </c>
      <c r="N1085" s="52"/>
      <c r="O1085" s="52"/>
      <c r="P1085" s="52"/>
      <c r="Q1085" s="52"/>
      <c r="R1085" s="52"/>
      <c r="S1085" s="52"/>
      <c r="T1085" s="52"/>
      <c r="U1085" s="52"/>
      <c r="V1085" s="52"/>
      <c r="W1085" s="52"/>
    </row>
    <row r="1086" spans="1:23" hidden="1" x14ac:dyDescent="0.35">
      <c r="A1086" s="52" t="s">
        <v>78</v>
      </c>
      <c r="B1086" s="52" t="s">
        <v>79</v>
      </c>
      <c r="C1086" s="3">
        <v>20</v>
      </c>
      <c r="D1086" s="52" t="s">
        <v>2020</v>
      </c>
      <c r="E1086" s="52" t="s">
        <v>26</v>
      </c>
      <c r="F1086" s="52" t="s">
        <v>81</v>
      </c>
      <c r="G1086" s="52" t="s">
        <v>82</v>
      </c>
      <c r="H1086" s="4">
        <v>1</v>
      </c>
      <c r="I1086" s="2">
        <v>14.65</v>
      </c>
      <c r="J1086" s="52" t="s">
        <v>4084</v>
      </c>
      <c r="K1086" s="71" t="s">
        <v>4085</v>
      </c>
      <c r="L1086" s="52" t="s">
        <v>2063</v>
      </c>
      <c r="M1086" s="72">
        <v>7052</v>
      </c>
      <c r="N1086" s="52" t="s">
        <v>2072</v>
      </c>
      <c r="O1086" s="52" t="s">
        <v>2073</v>
      </c>
      <c r="P1086" s="52"/>
      <c r="Q1086" s="52"/>
      <c r="R1086" s="52"/>
      <c r="S1086" s="52"/>
      <c r="T1086" s="52"/>
      <c r="U1086" s="52"/>
      <c r="V1086" s="52"/>
      <c r="W1086" s="52"/>
    </row>
    <row r="1087" spans="1:23" hidden="1" x14ac:dyDescent="0.35">
      <c r="A1087" s="52" t="s">
        <v>78</v>
      </c>
      <c r="B1087" s="52" t="s">
        <v>79</v>
      </c>
      <c r="C1087" s="3">
        <v>10</v>
      </c>
      <c r="D1087" s="52" t="s">
        <v>83</v>
      </c>
      <c r="E1087" s="52" t="s">
        <v>26</v>
      </c>
      <c r="F1087" s="52" t="s">
        <v>81</v>
      </c>
      <c r="G1087" s="52" t="s">
        <v>82</v>
      </c>
      <c r="H1087" s="4">
        <v>1</v>
      </c>
      <c r="I1087" s="2">
        <v>14.65</v>
      </c>
      <c r="J1087" s="52" t="s">
        <v>4086</v>
      </c>
      <c r="K1087" s="71" t="s">
        <v>4087</v>
      </c>
      <c r="L1087" s="52" t="s">
        <v>2063</v>
      </c>
      <c r="M1087" s="72">
        <v>3861</v>
      </c>
      <c r="N1087" s="52" t="s">
        <v>2066</v>
      </c>
      <c r="O1087" s="52" t="s">
        <v>2067</v>
      </c>
      <c r="P1087" s="52"/>
      <c r="Q1087" s="52"/>
      <c r="R1087" s="52"/>
      <c r="S1087" s="52"/>
      <c r="T1087" s="52"/>
      <c r="U1087" s="52"/>
      <c r="V1087" s="52"/>
      <c r="W1087" s="52"/>
    </row>
    <row r="1088" spans="1:23" hidden="1" x14ac:dyDescent="0.35">
      <c r="A1088" s="52" t="s">
        <v>78</v>
      </c>
      <c r="B1088" s="52" t="s">
        <v>79</v>
      </c>
      <c r="C1088" s="3">
        <v>10</v>
      </c>
      <c r="D1088" s="52" t="s">
        <v>2019</v>
      </c>
      <c r="E1088" s="52" t="s">
        <v>26</v>
      </c>
      <c r="F1088" s="52" t="s">
        <v>81</v>
      </c>
      <c r="G1088" s="52" t="s">
        <v>82</v>
      </c>
      <c r="H1088" s="4">
        <v>1</v>
      </c>
      <c r="I1088" s="2">
        <v>14.65</v>
      </c>
      <c r="J1088" s="52" t="s">
        <v>4088</v>
      </c>
      <c r="K1088" s="71" t="s">
        <v>4089</v>
      </c>
      <c r="L1088" s="52" t="s">
        <v>2063</v>
      </c>
      <c r="M1088" s="72">
        <v>1427</v>
      </c>
      <c r="N1088" s="52" t="s">
        <v>2072</v>
      </c>
      <c r="O1088" s="52" t="s">
        <v>2073</v>
      </c>
      <c r="P1088" s="52"/>
      <c r="Q1088" s="52"/>
      <c r="R1088" s="52"/>
      <c r="S1088" s="52"/>
      <c r="T1088" s="52"/>
      <c r="U1088" s="52"/>
      <c r="V1088" s="52"/>
      <c r="W1088" s="52"/>
    </row>
    <row r="1089" spans="1:23" hidden="1" x14ac:dyDescent="0.35">
      <c r="A1089" s="52" t="s">
        <v>78</v>
      </c>
      <c r="B1089" s="52" t="s">
        <v>79</v>
      </c>
      <c r="C1089" s="3">
        <v>20</v>
      </c>
      <c r="D1089" s="52" t="s">
        <v>2024</v>
      </c>
      <c r="E1089" s="52" t="s">
        <v>26</v>
      </c>
      <c r="F1089" s="52" t="s">
        <v>81</v>
      </c>
      <c r="G1089" s="52" t="s">
        <v>82</v>
      </c>
      <c r="H1089" s="4">
        <v>1</v>
      </c>
      <c r="I1089" s="2">
        <v>14.65</v>
      </c>
      <c r="J1089" s="52" t="s">
        <v>4090</v>
      </c>
      <c r="K1089" s="71" t="s">
        <v>4091</v>
      </c>
      <c r="L1089" s="52" t="s">
        <v>2063</v>
      </c>
      <c r="M1089" s="72">
        <v>8770</v>
      </c>
      <c r="N1089" s="52"/>
      <c r="O1089" s="52"/>
      <c r="P1089" s="52"/>
      <c r="Q1089" s="52"/>
      <c r="R1089" s="52"/>
      <c r="S1089" s="52"/>
      <c r="T1089" s="52"/>
      <c r="U1089" s="52"/>
      <c r="V1089" s="52"/>
      <c r="W1089" s="52"/>
    </row>
    <row r="1090" spans="1:23" hidden="1" x14ac:dyDescent="0.35">
      <c r="A1090" s="52" t="s">
        <v>78</v>
      </c>
      <c r="B1090" s="52" t="s">
        <v>79</v>
      </c>
      <c r="C1090" s="3">
        <v>211</v>
      </c>
      <c r="D1090" s="52" t="s">
        <v>2021</v>
      </c>
      <c r="E1090" s="52" t="s">
        <v>26</v>
      </c>
      <c r="F1090" s="52" t="s">
        <v>81</v>
      </c>
      <c r="G1090" s="52" t="s">
        <v>82</v>
      </c>
      <c r="H1090" s="4">
        <v>1</v>
      </c>
      <c r="I1090" s="2">
        <v>14.65</v>
      </c>
      <c r="J1090" s="52" t="s">
        <v>4092</v>
      </c>
      <c r="K1090" s="71" t="s">
        <v>4093</v>
      </c>
      <c r="L1090" s="52" t="s">
        <v>2063</v>
      </c>
      <c r="M1090" s="72">
        <v>2870</v>
      </c>
      <c r="N1090" s="52"/>
      <c r="O1090" s="52"/>
      <c r="P1090" s="52"/>
      <c r="Q1090" s="52"/>
      <c r="R1090" s="52"/>
      <c r="S1090" s="52"/>
      <c r="T1090" s="52"/>
      <c r="U1090" s="52"/>
      <c r="V1090" s="52"/>
      <c r="W1090" s="52"/>
    </row>
    <row r="1091" spans="1:23" hidden="1" x14ac:dyDescent="0.35">
      <c r="A1091" s="52" t="s">
        <v>78</v>
      </c>
      <c r="B1091" s="52" t="s">
        <v>79</v>
      </c>
      <c r="C1091" s="3">
        <v>20</v>
      </c>
      <c r="D1091" s="52" t="s">
        <v>2023</v>
      </c>
      <c r="E1091" s="52" t="s">
        <v>26</v>
      </c>
      <c r="F1091" s="52" t="s">
        <v>81</v>
      </c>
      <c r="G1091" s="52" t="s">
        <v>82</v>
      </c>
      <c r="H1091" s="4">
        <v>1</v>
      </c>
      <c r="I1091" s="2">
        <v>14.65</v>
      </c>
      <c r="J1091" s="52" t="s">
        <v>4094</v>
      </c>
      <c r="K1091" s="71" t="s">
        <v>4095</v>
      </c>
      <c r="L1091" s="52" t="s">
        <v>2063</v>
      </c>
      <c r="M1091" s="72">
        <v>1673</v>
      </c>
      <c r="N1091" s="52" t="s">
        <v>2072</v>
      </c>
      <c r="O1091" s="52" t="s">
        <v>2073</v>
      </c>
      <c r="P1091" s="52"/>
      <c r="Q1091" s="52"/>
      <c r="R1091" s="52"/>
      <c r="S1091" s="52"/>
      <c r="T1091" s="52"/>
      <c r="U1091" s="52"/>
      <c r="V1091" s="52"/>
      <c r="W1091" s="52"/>
    </row>
    <row r="1092" spans="1:23" hidden="1" x14ac:dyDescent="0.35">
      <c r="A1092" s="52" t="s">
        <v>78</v>
      </c>
      <c r="B1092" s="52" t="s">
        <v>79</v>
      </c>
      <c r="C1092" s="3">
        <v>20</v>
      </c>
      <c r="D1092" s="52" t="s">
        <v>83</v>
      </c>
      <c r="E1092" s="52" t="s">
        <v>26</v>
      </c>
      <c r="F1092" s="52" t="s">
        <v>81</v>
      </c>
      <c r="G1092" s="52" t="s">
        <v>82</v>
      </c>
      <c r="H1092" s="4">
        <v>1</v>
      </c>
      <c r="I1092" s="2">
        <v>14.65</v>
      </c>
      <c r="J1092" s="52" t="s">
        <v>4096</v>
      </c>
      <c r="K1092" s="71" t="s">
        <v>4097</v>
      </c>
      <c r="L1092" s="52" t="s">
        <v>2063</v>
      </c>
      <c r="M1092" s="72">
        <v>6261</v>
      </c>
      <c r="N1092" s="52" t="s">
        <v>2066</v>
      </c>
      <c r="O1092" s="52" t="s">
        <v>2067</v>
      </c>
      <c r="P1092" s="52"/>
      <c r="Q1092" s="52"/>
      <c r="R1092" s="52"/>
      <c r="S1092" s="52"/>
      <c r="T1092" s="52"/>
      <c r="U1092" s="52"/>
      <c r="V1092" s="52"/>
      <c r="W1092" s="52"/>
    </row>
    <row r="1093" spans="1:23" hidden="1" x14ac:dyDescent="0.35">
      <c r="A1093" s="52" t="s">
        <v>78</v>
      </c>
      <c r="B1093" s="52" t="s">
        <v>79</v>
      </c>
      <c r="C1093" s="3">
        <v>20</v>
      </c>
      <c r="D1093" s="52" t="s">
        <v>2019</v>
      </c>
      <c r="E1093" s="52" t="s">
        <v>26</v>
      </c>
      <c r="F1093" s="52" t="s">
        <v>81</v>
      </c>
      <c r="G1093" s="52" t="s">
        <v>82</v>
      </c>
      <c r="H1093" s="4">
        <v>1</v>
      </c>
      <c r="I1093" s="2">
        <v>14.65</v>
      </c>
      <c r="J1093" s="52" t="s">
        <v>4098</v>
      </c>
      <c r="K1093" s="71" t="s">
        <v>4099</v>
      </c>
      <c r="L1093" s="52" t="s">
        <v>2063</v>
      </c>
      <c r="M1093" s="72">
        <v>9286</v>
      </c>
      <c r="N1093" s="52" t="s">
        <v>2072</v>
      </c>
      <c r="O1093" s="52" t="s">
        <v>2073</v>
      </c>
      <c r="P1093" s="52"/>
      <c r="Q1093" s="52"/>
      <c r="R1093" s="52"/>
      <c r="S1093" s="52"/>
      <c r="T1093" s="52"/>
      <c r="U1093" s="52"/>
      <c r="V1093" s="52"/>
      <c r="W1093" s="52"/>
    </row>
    <row r="1094" spans="1:23" hidden="1" x14ac:dyDescent="0.35">
      <c r="A1094" s="52" t="s">
        <v>78</v>
      </c>
      <c r="B1094" s="52" t="s">
        <v>79</v>
      </c>
      <c r="C1094" s="3">
        <v>20</v>
      </c>
      <c r="D1094" s="52" t="s">
        <v>2021</v>
      </c>
      <c r="E1094" s="52" t="s">
        <v>26</v>
      </c>
      <c r="F1094" s="52" t="s">
        <v>81</v>
      </c>
      <c r="G1094" s="52" t="s">
        <v>82</v>
      </c>
      <c r="H1094" s="4">
        <v>1</v>
      </c>
      <c r="I1094" s="2">
        <v>14.65</v>
      </c>
      <c r="J1094" s="52" t="s">
        <v>3380</v>
      </c>
      <c r="K1094" s="71" t="s">
        <v>4100</v>
      </c>
      <c r="L1094" s="52" t="s">
        <v>2063</v>
      </c>
      <c r="M1094" s="72">
        <v>3092</v>
      </c>
      <c r="N1094" s="52" t="s">
        <v>2072</v>
      </c>
      <c r="O1094" s="52" t="s">
        <v>2073</v>
      </c>
      <c r="P1094" s="52"/>
      <c r="Q1094" s="52"/>
      <c r="R1094" s="52"/>
      <c r="S1094" s="52"/>
      <c r="T1094" s="52"/>
      <c r="U1094" s="52"/>
      <c r="V1094" s="52"/>
      <c r="W1094" s="52"/>
    </row>
    <row r="1095" spans="1:23" hidden="1" x14ac:dyDescent="0.35">
      <c r="A1095" s="52" t="s">
        <v>78</v>
      </c>
      <c r="B1095" s="52" t="s">
        <v>79</v>
      </c>
      <c r="C1095" s="3">
        <v>20</v>
      </c>
      <c r="D1095" s="52" t="s">
        <v>2022</v>
      </c>
      <c r="E1095" s="52" t="s">
        <v>26</v>
      </c>
      <c r="F1095" s="52" t="s">
        <v>81</v>
      </c>
      <c r="G1095" s="52" t="s">
        <v>82</v>
      </c>
      <c r="H1095" s="4">
        <v>1</v>
      </c>
      <c r="I1095" s="2">
        <v>14.65</v>
      </c>
      <c r="J1095" s="52" t="s">
        <v>4101</v>
      </c>
      <c r="K1095" s="71" t="s">
        <v>4102</v>
      </c>
      <c r="L1095" s="52" t="s">
        <v>2063</v>
      </c>
      <c r="M1095" s="72">
        <v>8278</v>
      </c>
      <c r="N1095" s="52" t="s">
        <v>2072</v>
      </c>
      <c r="O1095" s="52" t="s">
        <v>2073</v>
      </c>
      <c r="P1095" s="52"/>
      <c r="Q1095" s="52"/>
      <c r="R1095" s="52"/>
      <c r="S1095" s="52"/>
      <c r="T1095" s="52"/>
      <c r="U1095" s="52"/>
      <c r="V1095" s="52"/>
      <c r="W1095" s="52"/>
    </row>
    <row r="1096" spans="1:23" hidden="1" x14ac:dyDescent="0.35">
      <c r="A1096" s="52" t="s">
        <v>78</v>
      </c>
      <c r="B1096" s="52" t="s">
        <v>79</v>
      </c>
      <c r="C1096" s="3">
        <v>20</v>
      </c>
      <c r="D1096" s="52" t="s">
        <v>2022</v>
      </c>
      <c r="E1096" s="52" t="s">
        <v>26</v>
      </c>
      <c r="F1096" s="52" t="s">
        <v>81</v>
      </c>
      <c r="G1096" s="52" t="s">
        <v>82</v>
      </c>
      <c r="H1096" s="4">
        <v>1</v>
      </c>
      <c r="I1096" s="2">
        <v>14.65</v>
      </c>
      <c r="J1096" s="52" t="s">
        <v>4103</v>
      </c>
      <c r="K1096" s="71" t="s">
        <v>4104</v>
      </c>
      <c r="L1096" s="52" t="s">
        <v>2063</v>
      </c>
      <c r="M1096" s="72">
        <v>9738</v>
      </c>
      <c r="N1096" s="52" t="s">
        <v>2066</v>
      </c>
      <c r="O1096" s="52" t="s">
        <v>2067</v>
      </c>
      <c r="P1096" s="52"/>
      <c r="Q1096" s="52"/>
      <c r="R1096" s="52"/>
      <c r="S1096" s="52"/>
      <c r="T1096" s="52"/>
      <c r="U1096" s="52"/>
      <c r="V1096" s="52"/>
      <c r="W1096" s="52"/>
    </row>
    <row r="1097" spans="1:23" hidden="1" x14ac:dyDescent="0.35">
      <c r="A1097" s="52" t="s">
        <v>78</v>
      </c>
      <c r="B1097" s="52" t="s">
        <v>79</v>
      </c>
      <c r="C1097" s="3">
        <v>10</v>
      </c>
      <c r="D1097" s="52" t="s">
        <v>2022</v>
      </c>
      <c r="E1097" s="52" t="s">
        <v>26</v>
      </c>
      <c r="F1097" s="52" t="s">
        <v>81</v>
      </c>
      <c r="G1097" s="52" t="s">
        <v>82</v>
      </c>
      <c r="H1097" s="4">
        <v>1</v>
      </c>
      <c r="I1097" s="2">
        <v>14.65</v>
      </c>
      <c r="J1097" s="52" t="s">
        <v>4105</v>
      </c>
      <c r="K1097" s="71" t="s">
        <v>4106</v>
      </c>
      <c r="L1097" s="52" t="s">
        <v>2063</v>
      </c>
      <c r="M1097" s="72">
        <v>3936</v>
      </c>
      <c r="N1097" s="52"/>
      <c r="O1097" s="52"/>
      <c r="P1097" s="52"/>
      <c r="Q1097" s="52"/>
      <c r="R1097" s="52"/>
      <c r="S1097" s="52"/>
      <c r="T1097" s="52"/>
      <c r="U1097" s="52"/>
      <c r="V1097" s="52"/>
      <c r="W1097" s="52"/>
    </row>
    <row r="1098" spans="1:23" hidden="1" x14ac:dyDescent="0.35">
      <c r="A1098" s="52" t="s">
        <v>78</v>
      </c>
      <c r="B1098" s="52" t="s">
        <v>79</v>
      </c>
      <c r="C1098" s="3">
        <v>20</v>
      </c>
      <c r="D1098" s="52" t="s">
        <v>2024</v>
      </c>
      <c r="E1098" s="52" t="s">
        <v>26</v>
      </c>
      <c r="F1098" s="52" t="s">
        <v>81</v>
      </c>
      <c r="G1098" s="52" t="s">
        <v>82</v>
      </c>
      <c r="H1098" s="4">
        <v>1</v>
      </c>
      <c r="I1098" s="2">
        <v>14.65</v>
      </c>
      <c r="J1098" s="52" t="s">
        <v>4107</v>
      </c>
      <c r="K1098" s="71" t="s">
        <v>4108</v>
      </c>
      <c r="L1098" s="52" t="s">
        <v>2063</v>
      </c>
      <c r="M1098" s="72">
        <v>5440</v>
      </c>
      <c r="N1098" s="52"/>
      <c r="O1098" s="52"/>
      <c r="P1098" s="52"/>
      <c r="Q1098" s="52"/>
      <c r="R1098" s="52"/>
      <c r="S1098" s="52"/>
      <c r="T1098" s="52"/>
      <c r="U1098" s="52"/>
      <c r="V1098" s="52"/>
      <c r="W1098" s="52"/>
    </row>
    <row r="1099" spans="1:23" hidden="1" x14ac:dyDescent="0.35">
      <c r="A1099" s="52" t="s">
        <v>78</v>
      </c>
      <c r="B1099" s="52" t="s">
        <v>79</v>
      </c>
      <c r="C1099" s="3">
        <v>10</v>
      </c>
      <c r="D1099" s="52" t="s">
        <v>2019</v>
      </c>
      <c r="E1099" s="52" t="s">
        <v>26</v>
      </c>
      <c r="F1099" s="52" t="s">
        <v>81</v>
      </c>
      <c r="G1099" s="52" t="s">
        <v>82</v>
      </c>
      <c r="H1099" s="4">
        <v>1</v>
      </c>
      <c r="I1099" s="2">
        <v>14.65</v>
      </c>
      <c r="J1099" s="52" t="s">
        <v>4109</v>
      </c>
      <c r="K1099" s="71" t="s">
        <v>4110</v>
      </c>
      <c r="L1099" s="52" t="s">
        <v>2063</v>
      </c>
      <c r="M1099" s="72">
        <v>5899</v>
      </c>
      <c r="N1099" s="52" t="s">
        <v>2066</v>
      </c>
      <c r="O1099" s="52" t="s">
        <v>2067</v>
      </c>
      <c r="P1099" s="52"/>
      <c r="Q1099" s="52"/>
      <c r="R1099" s="52"/>
      <c r="S1099" s="52"/>
      <c r="T1099" s="52"/>
      <c r="U1099" s="52"/>
      <c r="V1099" s="52"/>
      <c r="W1099" s="52"/>
    </row>
    <row r="1100" spans="1:23" hidden="1" x14ac:dyDescent="0.35">
      <c r="A1100" s="52" t="s">
        <v>78</v>
      </c>
      <c r="B1100" s="52" t="s">
        <v>79</v>
      </c>
      <c r="C1100" s="3">
        <v>10</v>
      </c>
      <c r="D1100" s="52" t="s">
        <v>2024</v>
      </c>
      <c r="E1100" s="52" t="s">
        <v>26</v>
      </c>
      <c r="F1100" s="52" t="s">
        <v>81</v>
      </c>
      <c r="G1100" s="52" t="s">
        <v>82</v>
      </c>
      <c r="H1100" s="4">
        <v>1</v>
      </c>
      <c r="I1100" s="2">
        <v>14.65</v>
      </c>
      <c r="J1100" s="52" t="s">
        <v>4111</v>
      </c>
      <c r="K1100" s="71" t="s">
        <v>4112</v>
      </c>
      <c r="L1100" s="52" t="s">
        <v>2063</v>
      </c>
      <c r="M1100" s="72">
        <v>8079</v>
      </c>
      <c r="N1100" s="52" t="s">
        <v>2072</v>
      </c>
      <c r="O1100" s="52" t="s">
        <v>2073</v>
      </c>
      <c r="P1100" s="52"/>
      <c r="Q1100" s="52"/>
      <c r="R1100" s="52"/>
      <c r="S1100" s="52"/>
      <c r="T1100" s="52"/>
      <c r="U1100" s="52"/>
      <c r="V1100" s="52"/>
      <c r="W1100" s="52"/>
    </row>
    <row r="1101" spans="1:23" hidden="1" x14ac:dyDescent="0.35">
      <c r="A1101" s="52" t="s">
        <v>78</v>
      </c>
      <c r="B1101" s="52" t="s">
        <v>79</v>
      </c>
      <c r="C1101" s="3">
        <v>10</v>
      </c>
      <c r="D1101" s="52" t="s">
        <v>84</v>
      </c>
      <c r="E1101" s="52" t="s">
        <v>26</v>
      </c>
      <c r="F1101" s="52" t="s">
        <v>81</v>
      </c>
      <c r="G1101" s="52" t="s">
        <v>82</v>
      </c>
      <c r="H1101" s="4">
        <v>1</v>
      </c>
      <c r="I1101" s="2">
        <v>14.65</v>
      </c>
      <c r="J1101" s="52" t="s">
        <v>4113</v>
      </c>
      <c r="K1101" s="71" t="s">
        <v>4114</v>
      </c>
      <c r="L1101" s="52" t="s">
        <v>2063</v>
      </c>
      <c r="M1101" s="72">
        <v>3354</v>
      </c>
      <c r="N1101" s="52"/>
      <c r="O1101" s="52"/>
      <c r="P1101" s="52"/>
      <c r="Q1101" s="52"/>
      <c r="R1101" s="52"/>
      <c r="S1101" s="52"/>
      <c r="T1101" s="52"/>
      <c r="U1101" s="52"/>
      <c r="V1101" s="52"/>
      <c r="W1101" s="52"/>
    </row>
    <row r="1102" spans="1:23" hidden="1" x14ac:dyDescent="0.35">
      <c r="A1102" s="52" t="s">
        <v>78</v>
      </c>
      <c r="B1102" s="52" t="s">
        <v>79</v>
      </c>
      <c r="C1102" s="3">
        <v>20</v>
      </c>
      <c r="D1102" s="52" t="s">
        <v>2023</v>
      </c>
      <c r="E1102" s="52" t="s">
        <v>26</v>
      </c>
      <c r="F1102" s="52" t="s">
        <v>81</v>
      </c>
      <c r="G1102" s="52" t="s">
        <v>82</v>
      </c>
      <c r="H1102" s="4">
        <v>1</v>
      </c>
      <c r="I1102" s="2">
        <v>14.65</v>
      </c>
      <c r="J1102" s="52" t="s">
        <v>4115</v>
      </c>
      <c r="K1102" s="71" t="s">
        <v>4116</v>
      </c>
      <c r="L1102" s="52" t="s">
        <v>2063</v>
      </c>
      <c r="M1102" s="72">
        <v>3974</v>
      </c>
      <c r="N1102" s="52"/>
      <c r="O1102" s="52"/>
      <c r="P1102" s="52"/>
      <c r="Q1102" s="52"/>
      <c r="R1102" s="52"/>
      <c r="S1102" s="52"/>
      <c r="T1102" s="52"/>
      <c r="U1102" s="52"/>
      <c r="V1102" s="52"/>
      <c r="W1102" s="52"/>
    </row>
    <row r="1103" spans="1:23" hidden="1" x14ac:dyDescent="0.35">
      <c r="A1103" s="52" t="s">
        <v>78</v>
      </c>
      <c r="B1103" s="52" t="s">
        <v>79</v>
      </c>
      <c r="C1103" s="3">
        <v>10</v>
      </c>
      <c r="D1103" s="52" t="s">
        <v>87</v>
      </c>
      <c r="E1103" s="52" t="s">
        <v>26</v>
      </c>
      <c r="F1103" s="52" t="s">
        <v>81</v>
      </c>
      <c r="G1103" s="52" t="s">
        <v>82</v>
      </c>
      <c r="H1103" s="4">
        <v>1</v>
      </c>
      <c r="I1103" s="2">
        <v>14.65</v>
      </c>
      <c r="J1103" s="52" t="s">
        <v>4117</v>
      </c>
      <c r="K1103" s="71" t="s">
        <v>4118</v>
      </c>
      <c r="L1103" s="52" t="s">
        <v>2063</v>
      </c>
      <c r="M1103" s="72">
        <v>1202</v>
      </c>
      <c r="N1103" s="52" t="s">
        <v>2072</v>
      </c>
      <c r="O1103" s="52" t="s">
        <v>2073</v>
      </c>
      <c r="P1103" s="52"/>
      <c r="Q1103" s="52"/>
      <c r="R1103" s="52"/>
      <c r="S1103" s="52"/>
      <c r="T1103" s="52"/>
      <c r="U1103" s="52"/>
      <c r="V1103" s="52"/>
      <c r="W1103" s="52"/>
    </row>
    <row r="1104" spans="1:23" hidden="1" x14ac:dyDescent="0.35">
      <c r="A1104" s="52" t="s">
        <v>78</v>
      </c>
      <c r="B1104" s="52" t="s">
        <v>79</v>
      </c>
      <c r="C1104" s="3">
        <v>20</v>
      </c>
      <c r="D1104" s="52" t="s">
        <v>2021</v>
      </c>
      <c r="E1104" s="52" t="s">
        <v>26</v>
      </c>
      <c r="F1104" s="52" t="s">
        <v>81</v>
      </c>
      <c r="G1104" s="52" t="s">
        <v>82</v>
      </c>
      <c r="H1104" s="4">
        <v>1</v>
      </c>
      <c r="I1104" s="2">
        <v>14.65</v>
      </c>
      <c r="J1104" s="52" t="s">
        <v>4119</v>
      </c>
      <c r="K1104" s="71" t="s">
        <v>4120</v>
      </c>
      <c r="L1104" s="52" t="s">
        <v>2063</v>
      </c>
      <c r="M1104" s="72">
        <v>5657</v>
      </c>
      <c r="N1104" s="52" t="s">
        <v>2072</v>
      </c>
      <c r="O1104" s="52" t="s">
        <v>2073</v>
      </c>
      <c r="P1104" s="52"/>
      <c r="Q1104" s="52"/>
      <c r="R1104" s="52"/>
      <c r="S1104" s="52"/>
      <c r="T1104" s="52"/>
      <c r="U1104" s="52"/>
      <c r="V1104" s="52"/>
      <c r="W1104" s="52"/>
    </row>
    <row r="1105" spans="1:23" hidden="1" x14ac:dyDescent="0.35">
      <c r="A1105" s="52" t="s">
        <v>78</v>
      </c>
      <c r="B1105" s="52" t="s">
        <v>79</v>
      </c>
      <c r="C1105" s="3">
        <v>10</v>
      </c>
      <c r="D1105" s="52" t="s">
        <v>2022</v>
      </c>
      <c r="E1105" s="52" t="s">
        <v>26</v>
      </c>
      <c r="F1105" s="52" t="s">
        <v>81</v>
      </c>
      <c r="G1105" s="52" t="s">
        <v>82</v>
      </c>
      <c r="H1105" s="4">
        <v>1</v>
      </c>
      <c r="I1105" s="2">
        <v>14.65</v>
      </c>
      <c r="J1105" s="52" t="s">
        <v>4056</v>
      </c>
      <c r="K1105" s="71" t="s">
        <v>4121</v>
      </c>
      <c r="L1105" s="52" t="s">
        <v>2063</v>
      </c>
      <c r="M1105" s="72">
        <v>1135</v>
      </c>
      <c r="N1105" s="52" t="s">
        <v>2066</v>
      </c>
      <c r="O1105" s="52" t="s">
        <v>2067</v>
      </c>
      <c r="P1105" s="52"/>
      <c r="Q1105" s="52"/>
      <c r="R1105" s="52"/>
      <c r="S1105" s="52"/>
      <c r="T1105" s="52"/>
      <c r="U1105" s="52"/>
      <c r="V1105" s="52"/>
      <c r="W1105" s="52"/>
    </row>
    <row r="1106" spans="1:23" x14ac:dyDescent="0.35">
      <c r="A1106" s="52" t="s">
        <v>78</v>
      </c>
      <c r="B1106" s="52" t="s">
        <v>79</v>
      </c>
      <c r="C1106" s="3">
        <v>10</v>
      </c>
      <c r="D1106" s="52" t="s">
        <v>83</v>
      </c>
      <c r="E1106" s="52" t="s">
        <v>26</v>
      </c>
      <c r="F1106" s="52" t="s">
        <v>81</v>
      </c>
      <c r="G1106" s="52" t="s">
        <v>82</v>
      </c>
      <c r="H1106" s="4">
        <v>1</v>
      </c>
      <c r="I1106" s="2">
        <v>14.65</v>
      </c>
      <c r="J1106" s="52" t="s">
        <v>4122</v>
      </c>
      <c r="K1106" s="71" t="s">
        <v>4123</v>
      </c>
      <c r="L1106" s="52" t="s">
        <v>2063</v>
      </c>
      <c r="M1106" s="72">
        <v>9573</v>
      </c>
      <c r="N1106" s="52" t="s">
        <v>2259</v>
      </c>
      <c r="O1106" s="52" t="s">
        <v>2260</v>
      </c>
      <c r="P1106" s="52"/>
      <c r="Q1106" s="52"/>
      <c r="R1106" s="52"/>
      <c r="S1106" s="52"/>
      <c r="T1106" s="52"/>
      <c r="U1106" s="52"/>
      <c r="V1106" s="52"/>
      <c r="W1106" s="52"/>
    </row>
    <row r="1107" spans="1:23" hidden="1" x14ac:dyDescent="0.35">
      <c r="A1107" s="52" t="s">
        <v>78</v>
      </c>
      <c r="B1107" s="52" t="s">
        <v>79</v>
      </c>
      <c r="C1107" s="3">
        <v>10</v>
      </c>
      <c r="D1107" s="52" t="s">
        <v>2022</v>
      </c>
      <c r="E1107" s="52" t="s">
        <v>26</v>
      </c>
      <c r="F1107" s="52" t="s">
        <v>81</v>
      </c>
      <c r="G1107" s="52" t="s">
        <v>82</v>
      </c>
      <c r="H1107" s="4">
        <v>1</v>
      </c>
      <c r="I1107" s="2">
        <v>14.65</v>
      </c>
      <c r="J1107" s="52" t="s">
        <v>4124</v>
      </c>
      <c r="K1107" s="71" t="s">
        <v>4125</v>
      </c>
      <c r="L1107" s="52" t="s">
        <v>2063</v>
      </c>
      <c r="M1107" s="72">
        <v>9724</v>
      </c>
      <c r="N1107" s="52" t="s">
        <v>2066</v>
      </c>
      <c r="O1107" s="52" t="s">
        <v>2067</v>
      </c>
      <c r="P1107" s="52"/>
      <c r="Q1107" s="52"/>
      <c r="R1107" s="52"/>
      <c r="S1107" s="52"/>
      <c r="T1107" s="52"/>
      <c r="U1107" s="52"/>
      <c r="V1107" s="52"/>
      <c r="W1107" s="52"/>
    </row>
    <row r="1108" spans="1:23" hidden="1" x14ac:dyDescent="0.35">
      <c r="A1108" s="52" t="s">
        <v>78</v>
      </c>
      <c r="B1108" s="52" t="s">
        <v>79</v>
      </c>
      <c r="C1108" s="3">
        <v>20</v>
      </c>
      <c r="D1108" s="52" t="s">
        <v>2022</v>
      </c>
      <c r="E1108" s="52" t="s">
        <v>26</v>
      </c>
      <c r="F1108" s="52" t="s">
        <v>81</v>
      </c>
      <c r="G1108" s="52" t="s">
        <v>82</v>
      </c>
      <c r="H1108" s="4">
        <v>1</v>
      </c>
      <c r="I1108" s="2">
        <v>14.65</v>
      </c>
      <c r="J1108" s="52" t="s">
        <v>4126</v>
      </c>
      <c r="K1108" s="71" t="s">
        <v>4127</v>
      </c>
      <c r="L1108" s="52" t="s">
        <v>2063</v>
      </c>
      <c r="M1108" s="72">
        <v>6073</v>
      </c>
      <c r="N1108" s="52"/>
      <c r="O1108" s="52"/>
      <c r="P1108" s="52"/>
      <c r="Q1108" s="52"/>
      <c r="R1108" s="52"/>
      <c r="S1108" s="52"/>
      <c r="T1108" s="52"/>
      <c r="U1108" s="52"/>
      <c r="V1108" s="52"/>
      <c r="W1108" s="52"/>
    </row>
    <row r="1109" spans="1:23" x14ac:dyDescent="0.35">
      <c r="A1109" s="52" t="s">
        <v>78</v>
      </c>
      <c r="B1109" s="52" t="s">
        <v>79</v>
      </c>
      <c r="C1109" s="3">
        <v>20</v>
      </c>
      <c r="D1109" s="52" t="s">
        <v>80</v>
      </c>
      <c r="E1109" s="52" t="s">
        <v>26</v>
      </c>
      <c r="F1109" s="52" t="s">
        <v>81</v>
      </c>
      <c r="G1109" s="52" t="s">
        <v>82</v>
      </c>
      <c r="H1109" s="4">
        <v>1</v>
      </c>
      <c r="I1109" s="2">
        <v>14.65</v>
      </c>
      <c r="J1109" s="52" t="s">
        <v>4128</v>
      </c>
      <c r="K1109" s="71" t="s">
        <v>4129</v>
      </c>
      <c r="L1109" s="52" t="s">
        <v>2063</v>
      </c>
      <c r="M1109" s="72">
        <v>179</v>
      </c>
      <c r="N1109" s="52" t="s">
        <v>2259</v>
      </c>
      <c r="O1109" s="52" t="s">
        <v>2260</v>
      </c>
      <c r="P1109" s="52"/>
      <c r="Q1109" s="52"/>
      <c r="R1109" s="52"/>
      <c r="S1109" s="52"/>
      <c r="T1109" s="52"/>
      <c r="U1109" s="52"/>
      <c r="V1109" s="52"/>
      <c r="W1109" s="52"/>
    </row>
    <row r="1110" spans="1:23" hidden="1" x14ac:dyDescent="0.35">
      <c r="A1110" s="52" t="s">
        <v>78</v>
      </c>
      <c r="B1110" s="52" t="s">
        <v>79</v>
      </c>
      <c r="C1110" s="3">
        <v>20</v>
      </c>
      <c r="D1110" s="52" t="s">
        <v>2022</v>
      </c>
      <c r="E1110" s="52" t="s">
        <v>26</v>
      </c>
      <c r="F1110" s="52" t="s">
        <v>81</v>
      </c>
      <c r="G1110" s="52" t="s">
        <v>82</v>
      </c>
      <c r="H1110" s="4">
        <v>1</v>
      </c>
      <c r="I1110" s="2">
        <v>14.65</v>
      </c>
      <c r="J1110" s="52" t="s">
        <v>4130</v>
      </c>
      <c r="K1110" s="71" t="s">
        <v>4131</v>
      </c>
      <c r="L1110" s="52" t="s">
        <v>2063</v>
      </c>
      <c r="M1110" s="72">
        <v>3322</v>
      </c>
      <c r="N1110" s="52" t="s">
        <v>2066</v>
      </c>
      <c r="O1110" s="52" t="s">
        <v>2067</v>
      </c>
      <c r="P1110" s="52"/>
      <c r="Q1110" s="52"/>
      <c r="R1110" s="52"/>
      <c r="S1110" s="52"/>
      <c r="T1110" s="52"/>
      <c r="U1110" s="52"/>
      <c r="V1110" s="52"/>
      <c r="W1110" s="52"/>
    </row>
    <row r="1111" spans="1:23" hidden="1" x14ac:dyDescent="0.35">
      <c r="A1111" s="52" t="s">
        <v>78</v>
      </c>
      <c r="B1111" s="52" t="s">
        <v>79</v>
      </c>
      <c r="C1111" s="3">
        <v>20</v>
      </c>
      <c r="D1111" s="52" t="s">
        <v>2023</v>
      </c>
      <c r="E1111" s="52" t="s">
        <v>26</v>
      </c>
      <c r="F1111" s="52" t="s">
        <v>81</v>
      </c>
      <c r="G1111" s="52" t="s">
        <v>82</v>
      </c>
      <c r="H1111" s="4">
        <v>1</v>
      </c>
      <c r="I1111" s="2">
        <v>14.65</v>
      </c>
      <c r="J1111" s="52" t="s">
        <v>4132</v>
      </c>
      <c r="K1111" s="71" t="s">
        <v>4133</v>
      </c>
      <c r="L1111" s="52" t="s">
        <v>2063</v>
      </c>
      <c r="M1111" s="72">
        <v>2618</v>
      </c>
      <c r="N1111" s="52"/>
      <c r="O1111" s="52"/>
      <c r="P1111" s="52"/>
      <c r="Q1111" s="52"/>
      <c r="R1111" s="52"/>
      <c r="S1111" s="52"/>
      <c r="T1111" s="52"/>
      <c r="U1111" s="52"/>
      <c r="V1111" s="52"/>
      <c r="W1111" s="52"/>
    </row>
    <row r="1112" spans="1:23" x14ac:dyDescent="0.35">
      <c r="A1112" s="52" t="s">
        <v>78</v>
      </c>
      <c r="B1112" s="52" t="s">
        <v>79</v>
      </c>
      <c r="C1112" s="3">
        <v>20</v>
      </c>
      <c r="D1112" s="52" t="s">
        <v>2022</v>
      </c>
      <c r="E1112" s="52" t="s">
        <v>26</v>
      </c>
      <c r="F1112" s="52" t="s">
        <v>81</v>
      </c>
      <c r="G1112" s="52" t="s">
        <v>82</v>
      </c>
      <c r="H1112" s="4">
        <v>1</v>
      </c>
      <c r="I1112" s="2">
        <v>14.65</v>
      </c>
      <c r="J1112" s="52" t="s">
        <v>4134</v>
      </c>
      <c r="K1112" s="71" t="s">
        <v>4135</v>
      </c>
      <c r="L1112" s="52" t="s">
        <v>2095</v>
      </c>
      <c r="M1112" s="72">
        <v>3585</v>
      </c>
      <c r="N1112" s="52" t="s">
        <v>2076</v>
      </c>
      <c r="O1112" s="52" t="s">
        <v>2077</v>
      </c>
      <c r="P1112" s="52"/>
      <c r="Q1112" s="52"/>
      <c r="R1112" s="52"/>
      <c r="S1112" s="52"/>
      <c r="T1112" s="52"/>
      <c r="U1112" s="52"/>
      <c r="V1112" s="52"/>
      <c r="W1112" s="52"/>
    </row>
    <row r="1113" spans="1:23" x14ac:dyDescent="0.35">
      <c r="A1113" s="52" t="s">
        <v>78</v>
      </c>
      <c r="B1113" s="52" t="s">
        <v>79</v>
      </c>
      <c r="C1113" s="3">
        <v>10</v>
      </c>
      <c r="D1113" s="52" t="s">
        <v>80</v>
      </c>
      <c r="E1113" s="52" t="s">
        <v>26</v>
      </c>
      <c r="F1113" s="52" t="s">
        <v>81</v>
      </c>
      <c r="G1113" s="52" t="s">
        <v>82</v>
      </c>
      <c r="H1113" s="4">
        <v>1</v>
      </c>
      <c r="I1113" s="2">
        <v>14.65</v>
      </c>
      <c r="J1113" s="52" t="s">
        <v>4136</v>
      </c>
      <c r="K1113" s="71" t="s">
        <v>4137</v>
      </c>
      <c r="L1113" s="52" t="s">
        <v>2063</v>
      </c>
      <c r="M1113" s="72">
        <v>535</v>
      </c>
      <c r="N1113" s="52" t="s">
        <v>2076</v>
      </c>
      <c r="O1113" s="52" t="s">
        <v>2077</v>
      </c>
      <c r="P1113" s="52"/>
      <c r="Q1113" s="52"/>
      <c r="R1113" s="52"/>
      <c r="S1113" s="52"/>
      <c r="T1113" s="52"/>
      <c r="U1113" s="52"/>
      <c r="V1113" s="52"/>
      <c r="W1113" s="52"/>
    </row>
    <row r="1114" spans="1:23" x14ac:dyDescent="0.35">
      <c r="A1114" s="52" t="s">
        <v>78</v>
      </c>
      <c r="B1114" s="52" t="s">
        <v>79</v>
      </c>
      <c r="C1114" s="3">
        <v>20</v>
      </c>
      <c r="D1114" s="52" t="s">
        <v>80</v>
      </c>
      <c r="E1114" s="52" t="s">
        <v>26</v>
      </c>
      <c r="F1114" s="52" t="s">
        <v>81</v>
      </c>
      <c r="G1114" s="52" t="s">
        <v>82</v>
      </c>
      <c r="H1114" s="4">
        <v>1</v>
      </c>
      <c r="I1114" s="2">
        <v>14.65</v>
      </c>
      <c r="J1114" s="52" t="s">
        <v>4138</v>
      </c>
      <c r="K1114" s="71" t="s">
        <v>4139</v>
      </c>
      <c r="L1114" s="52" t="s">
        <v>2063</v>
      </c>
      <c r="M1114" s="72">
        <v>9957</v>
      </c>
      <c r="N1114" s="52" t="s">
        <v>2259</v>
      </c>
      <c r="O1114" s="52" t="s">
        <v>2260</v>
      </c>
      <c r="P1114" s="52"/>
      <c r="Q1114" s="52"/>
      <c r="R1114" s="52"/>
      <c r="S1114" s="52"/>
      <c r="T1114" s="52"/>
      <c r="U1114" s="52"/>
      <c r="V1114" s="52"/>
      <c r="W1114" s="52"/>
    </row>
    <row r="1115" spans="1:23" hidden="1" x14ac:dyDescent="0.35">
      <c r="A1115" s="52" t="s">
        <v>78</v>
      </c>
      <c r="B1115" s="52" t="s">
        <v>79</v>
      </c>
      <c r="C1115" s="3">
        <v>20</v>
      </c>
      <c r="D1115" s="52" t="s">
        <v>2021</v>
      </c>
      <c r="E1115" s="52" t="s">
        <v>26</v>
      </c>
      <c r="F1115" s="52" t="s">
        <v>81</v>
      </c>
      <c r="G1115" s="52" t="s">
        <v>82</v>
      </c>
      <c r="H1115" s="4">
        <v>1</v>
      </c>
      <c r="I1115" s="2">
        <v>14.65</v>
      </c>
      <c r="J1115" s="52" t="s">
        <v>4140</v>
      </c>
      <c r="K1115" s="71" t="s">
        <v>4141</v>
      </c>
      <c r="L1115" s="52" t="s">
        <v>2063</v>
      </c>
      <c r="M1115" s="72">
        <v>741</v>
      </c>
      <c r="N1115" s="52" t="s">
        <v>2072</v>
      </c>
      <c r="O1115" s="52" t="s">
        <v>2073</v>
      </c>
      <c r="P1115" s="52"/>
      <c r="Q1115" s="52"/>
      <c r="R1115" s="52"/>
      <c r="S1115" s="52"/>
      <c r="T1115" s="52"/>
      <c r="U1115" s="52"/>
      <c r="V1115" s="52"/>
      <c r="W1115" s="52"/>
    </row>
    <row r="1116" spans="1:23" hidden="1" x14ac:dyDescent="0.35">
      <c r="A1116" s="52" t="s">
        <v>78</v>
      </c>
      <c r="B1116" s="52" t="s">
        <v>79</v>
      </c>
      <c r="C1116" s="3">
        <v>20</v>
      </c>
      <c r="D1116" s="52" t="s">
        <v>2020</v>
      </c>
      <c r="E1116" s="52" t="s">
        <v>26</v>
      </c>
      <c r="F1116" s="52" t="s">
        <v>81</v>
      </c>
      <c r="G1116" s="52" t="s">
        <v>82</v>
      </c>
      <c r="H1116" s="4">
        <v>1</v>
      </c>
      <c r="I1116" s="2">
        <v>14.65</v>
      </c>
      <c r="J1116" s="52" t="s">
        <v>4142</v>
      </c>
      <c r="K1116" s="71" t="s">
        <v>4143</v>
      </c>
      <c r="L1116" s="52" t="s">
        <v>2063</v>
      </c>
      <c r="M1116" s="72">
        <v>5938</v>
      </c>
      <c r="N1116" s="52" t="s">
        <v>2072</v>
      </c>
      <c r="O1116" s="52" t="s">
        <v>2073</v>
      </c>
      <c r="P1116" s="52"/>
      <c r="Q1116" s="52"/>
      <c r="R1116" s="52"/>
      <c r="S1116" s="52"/>
      <c r="T1116" s="52"/>
      <c r="U1116" s="52"/>
      <c r="V1116" s="52"/>
      <c r="W1116" s="52"/>
    </row>
    <row r="1117" spans="1:23" hidden="1" x14ac:dyDescent="0.35">
      <c r="A1117" s="52" t="s">
        <v>78</v>
      </c>
      <c r="B1117" s="52" t="s">
        <v>79</v>
      </c>
      <c r="C1117" s="3">
        <v>20</v>
      </c>
      <c r="D1117" s="52" t="s">
        <v>84</v>
      </c>
      <c r="E1117" s="52" t="s">
        <v>26</v>
      </c>
      <c r="F1117" s="52" t="s">
        <v>81</v>
      </c>
      <c r="G1117" s="52" t="s">
        <v>82</v>
      </c>
      <c r="H1117" s="4">
        <v>1</v>
      </c>
      <c r="I1117" s="2">
        <v>14.65</v>
      </c>
      <c r="J1117" s="52" t="s">
        <v>4144</v>
      </c>
      <c r="K1117" s="71" t="s">
        <v>4145</v>
      </c>
      <c r="L1117" s="52" t="s">
        <v>2063</v>
      </c>
      <c r="M1117" s="72">
        <v>7845</v>
      </c>
      <c r="N1117" s="52" t="s">
        <v>2066</v>
      </c>
      <c r="O1117" s="52" t="s">
        <v>2067</v>
      </c>
      <c r="P1117" s="52"/>
      <c r="Q1117" s="52"/>
      <c r="R1117" s="52"/>
      <c r="S1117" s="52"/>
      <c r="T1117" s="52"/>
      <c r="U1117" s="52"/>
      <c r="V1117" s="52"/>
      <c r="W1117" s="52"/>
    </row>
    <row r="1118" spans="1:23" hidden="1" x14ac:dyDescent="0.35">
      <c r="A1118" s="52" t="s">
        <v>78</v>
      </c>
      <c r="B1118" s="52" t="s">
        <v>79</v>
      </c>
      <c r="C1118" s="3">
        <v>10</v>
      </c>
      <c r="D1118" s="52" t="s">
        <v>2022</v>
      </c>
      <c r="E1118" s="52" t="s">
        <v>26</v>
      </c>
      <c r="F1118" s="52" t="s">
        <v>81</v>
      </c>
      <c r="G1118" s="52" t="s">
        <v>82</v>
      </c>
      <c r="H1118" s="4">
        <v>1</v>
      </c>
      <c r="I1118" s="2">
        <v>14.65</v>
      </c>
      <c r="J1118" s="52" t="s">
        <v>4146</v>
      </c>
      <c r="K1118" s="71" t="s">
        <v>4147</v>
      </c>
      <c r="L1118" s="52" t="s">
        <v>2063</v>
      </c>
      <c r="M1118" s="72">
        <v>9333</v>
      </c>
      <c r="N1118" s="52" t="s">
        <v>2066</v>
      </c>
      <c r="O1118" s="52" t="s">
        <v>2067</v>
      </c>
      <c r="P1118" s="52"/>
      <c r="Q1118" s="52"/>
      <c r="R1118" s="52"/>
      <c r="S1118" s="52"/>
      <c r="T1118" s="52"/>
      <c r="U1118" s="52"/>
      <c r="V1118" s="52"/>
      <c r="W1118" s="52"/>
    </row>
    <row r="1119" spans="1:23" hidden="1" x14ac:dyDescent="0.35">
      <c r="A1119" s="52" t="s">
        <v>78</v>
      </c>
      <c r="B1119" s="52" t="s">
        <v>79</v>
      </c>
      <c r="C1119" s="3">
        <v>20</v>
      </c>
      <c r="D1119" s="52" t="s">
        <v>2021</v>
      </c>
      <c r="E1119" s="52" t="s">
        <v>26</v>
      </c>
      <c r="F1119" s="52" t="s">
        <v>81</v>
      </c>
      <c r="G1119" s="52" t="s">
        <v>82</v>
      </c>
      <c r="H1119" s="4">
        <v>1</v>
      </c>
      <c r="I1119" s="2">
        <v>14.65</v>
      </c>
      <c r="J1119" s="52" t="s">
        <v>4148</v>
      </c>
      <c r="K1119" s="71" t="s">
        <v>4149</v>
      </c>
      <c r="L1119" s="52" t="s">
        <v>2063</v>
      </c>
      <c r="M1119" s="72">
        <v>9353</v>
      </c>
      <c r="N1119" s="52" t="s">
        <v>2158</v>
      </c>
      <c r="O1119" s="52" t="s">
        <v>2159</v>
      </c>
      <c r="P1119" s="52" t="s">
        <v>2158</v>
      </c>
      <c r="Q1119" s="52" t="s">
        <v>2159</v>
      </c>
      <c r="R1119" s="52"/>
      <c r="S1119" s="52"/>
      <c r="T1119" s="52"/>
      <c r="U1119" s="52"/>
      <c r="V1119" s="52"/>
      <c r="W1119" s="52"/>
    </row>
    <row r="1120" spans="1:23" hidden="1" x14ac:dyDescent="0.35">
      <c r="A1120" s="52" t="s">
        <v>78</v>
      </c>
      <c r="B1120" s="52" t="s">
        <v>79</v>
      </c>
      <c r="C1120" s="3">
        <v>20</v>
      </c>
      <c r="D1120" s="52" t="s">
        <v>2019</v>
      </c>
      <c r="E1120" s="52" t="s">
        <v>26</v>
      </c>
      <c r="F1120" s="52" t="s">
        <v>81</v>
      </c>
      <c r="G1120" s="52" t="s">
        <v>82</v>
      </c>
      <c r="H1120" s="4">
        <v>1</v>
      </c>
      <c r="I1120" s="2">
        <v>14.65</v>
      </c>
      <c r="J1120" s="52" t="s">
        <v>4150</v>
      </c>
      <c r="K1120" s="71" t="s">
        <v>4151</v>
      </c>
      <c r="L1120" s="52" t="s">
        <v>2095</v>
      </c>
      <c r="M1120" s="72">
        <v>5433</v>
      </c>
      <c r="N1120" s="52" t="s">
        <v>2615</v>
      </c>
      <c r="O1120" s="52" t="s">
        <v>2616</v>
      </c>
      <c r="P1120" s="52"/>
      <c r="Q1120" s="52"/>
      <c r="R1120" s="52"/>
      <c r="S1120" s="52"/>
      <c r="T1120" s="52"/>
      <c r="U1120" s="52"/>
      <c r="V1120" s="52"/>
      <c r="W1120" s="52"/>
    </row>
    <row r="1121" spans="1:23" hidden="1" x14ac:dyDescent="0.35">
      <c r="A1121" s="52" t="s">
        <v>78</v>
      </c>
      <c r="B1121" s="52" t="s">
        <v>79</v>
      </c>
      <c r="C1121" s="3">
        <v>20</v>
      </c>
      <c r="D1121" s="52" t="s">
        <v>87</v>
      </c>
      <c r="E1121" s="52" t="s">
        <v>26</v>
      </c>
      <c r="F1121" s="52" t="s">
        <v>81</v>
      </c>
      <c r="G1121" s="52" t="s">
        <v>82</v>
      </c>
      <c r="H1121" s="4">
        <v>1</v>
      </c>
      <c r="I1121" s="2">
        <v>14.65</v>
      </c>
      <c r="J1121" s="52" t="s">
        <v>4152</v>
      </c>
      <c r="K1121" s="71" t="s">
        <v>4153</v>
      </c>
      <c r="L1121" s="52" t="s">
        <v>2063</v>
      </c>
      <c r="M1121" s="72">
        <v>5769</v>
      </c>
      <c r="N1121" s="52" t="s">
        <v>2072</v>
      </c>
      <c r="O1121" s="52" t="s">
        <v>2073</v>
      </c>
      <c r="P1121" s="52"/>
      <c r="Q1121" s="52"/>
      <c r="R1121" s="52"/>
      <c r="S1121" s="52"/>
      <c r="T1121" s="52"/>
      <c r="U1121" s="52"/>
      <c r="V1121" s="52"/>
      <c r="W1121" s="52"/>
    </row>
    <row r="1122" spans="1:23" hidden="1" x14ac:dyDescent="0.35">
      <c r="A1122" s="52" t="s">
        <v>78</v>
      </c>
      <c r="B1122" s="52" t="s">
        <v>79</v>
      </c>
      <c r="C1122" s="3">
        <v>20</v>
      </c>
      <c r="D1122" s="52" t="s">
        <v>80</v>
      </c>
      <c r="E1122" s="52" t="s">
        <v>26</v>
      </c>
      <c r="F1122" s="52" t="s">
        <v>81</v>
      </c>
      <c r="G1122" s="52" t="s">
        <v>82</v>
      </c>
      <c r="H1122" s="4">
        <v>1</v>
      </c>
      <c r="I1122" s="2">
        <v>14.65</v>
      </c>
      <c r="J1122" s="52" t="s">
        <v>4154</v>
      </c>
      <c r="K1122" s="71" t="s">
        <v>4155</v>
      </c>
      <c r="L1122" s="52" t="s">
        <v>2063</v>
      </c>
      <c r="M1122" s="72">
        <v>1085</v>
      </c>
      <c r="N1122" s="52"/>
      <c r="O1122" s="52"/>
      <c r="P1122" s="52"/>
      <c r="Q1122" s="52"/>
      <c r="R1122" s="52"/>
      <c r="S1122" s="52"/>
      <c r="T1122" s="52"/>
      <c r="U1122" s="52"/>
      <c r="V1122" s="52"/>
      <c r="W1122" s="52"/>
    </row>
    <row r="1123" spans="1:23" hidden="1" x14ac:dyDescent="0.35">
      <c r="A1123" s="52" t="s">
        <v>78</v>
      </c>
      <c r="B1123" s="52" t="s">
        <v>79</v>
      </c>
      <c r="C1123" s="3">
        <v>10</v>
      </c>
      <c r="D1123" s="52" t="s">
        <v>2023</v>
      </c>
      <c r="E1123" s="52" t="s">
        <v>26</v>
      </c>
      <c r="F1123" s="52" t="s">
        <v>81</v>
      </c>
      <c r="G1123" s="52" t="s">
        <v>82</v>
      </c>
      <c r="H1123" s="4">
        <v>1</v>
      </c>
      <c r="I1123" s="2">
        <v>14.65</v>
      </c>
      <c r="J1123" s="52" t="s">
        <v>4156</v>
      </c>
      <c r="K1123" s="71" t="s">
        <v>4157</v>
      </c>
      <c r="L1123" s="52" t="s">
        <v>2063</v>
      </c>
      <c r="M1123" s="72">
        <v>8331</v>
      </c>
      <c r="N1123" s="52" t="s">
        <v>2158</v>
      </c>
      <c r="O1123" s="52" t="s">
        <v>2159</v>
      </c>
      <c r="P1123" s="52"/>
      <c r="Q1123" s="52"/>
      <c r="R1123" s="52"/>
      <c r="S1123" s="52"/>
      <c r="T1123" s="52"/>
      <c r="U1123" s="52"/>
      <c r="V1123" s="52"/>
      <c r="W1123" s="52"/>
    </row>
    <row r="1124" spans="1:23" hidden="1" x14ac:dyDescent="0.35">
      <c r="A1124" s="52" t="s">
        <v>78</v>
      </c>
      <c r="B1124" s="52" t="s">
        <v>79</v>
      </c>
      <c r="C1124" s="3">
        <v>20</v>
      </c>
      <c r="D1124" s="52" t="s">
        <v>80</v>
      </c>
      <c r="E1124" s="52" t="s">
        <v>26</v>
      </c>
      <c r="F1124" s="52" t="s">
        <v>81</v>
      </c>
      <c r="G1124" s="52" t="s">
        <v>82</v>
      </c>
      <c r="H1124" s="4">
        <v>1</v>
      </c>
      <c r="I1124" s="2">
        <v>14.65</v>
      </c>
      <c r="J1124" s="52" t="s">
        <v>4158</v>
      </c>
      <c r="K1124" s="71" t="s">
        <v>4159</v>
      </c>
      <c r="L1124" s="52" t="s">
        <v>2063</v>
      </c>
      <c r="M1124" s="72">
        <v>2886</v>
      </c>
      <c r="N1124" s="52" t="s">
        <v>2072</v>
      </c>
      <c r="O1124" s="52" t="s">
        <v>2073</v>
      </c>
      <c r="P1124" s="52"/>
      <c r="Q1124" s="52"/>
      <c r="R1124" s="52"/>
      <c r="S1124" s="52"/>
      <c r="T1124" s="52"/>
      <c r="U1124" s="52"/>
      <c r="V1124" s="52"/>
      <c r="W1124" s="52"/>
    </row>
    <row r="1125" spans="1:23" hidden="1" x14ac:dyDescent="0.35">
      <c r="A1125" s="52" t="s">
        <v>78</v>
      </c>
      <c r="B1125" s="52" t="s">
        <v>79</v>
      </c>
      <c r="C1125" s="3">
        <v>20</v>
      </c>
      <c r="D1125" s="52" t="s">
        <v>2020</v>
      </c>
      <c r="E1125" s="52" t="s">
        <v>26</v>
      </c>
      <c r="F1125" s="52" t="s">
        <v>81</v>
      </c>
      <c r="G1125" s="52" t="s">
        <v>82</v>
      </c>
      <c r="H1125" s="4">
        <v>1</v>
      </c>
      <c r="I1125" s="2">
        <v>14.65</v>
      </c>
      <c r="J1125" s="52" t="s">
        <v>4160</v>
      </c>
      <c r="K1125" s="71" t="s">
        <v>4161</v>
      </c>
      <c r="L1125" s="52" t="s">
        <v>2063</v>
      </c>
      <c r="M1125" s="72">
        <v>8024</v>
      </c>
      <c r="N1125" s="52"/>
      <c r="O1125" s="52"/>
      <c r="P1125" s="52"/>
      <c r="Q1125" s="52"/>
      <c r="R1125" s="52"/>
      <c r="S1125" s="52"/>
      <c r="T1125" s="52"/>
      <c r="U1125" s="52"/>
      <c r="V1125" s="52"/>
      <c r="W1125" s="52"/>
    </row>
    <row r="1126" spans="1:23" x14ac:dyDescent="0.35">
      <c r="A1126" s="52" t="s">
        <v>78</v>
      </c>
      <c r="B1126" s="52" t="s">
        <v>79</v>
      </c>
      <c r="C1126" s="3">
        <v>20</v>
      </c>
      <c r="D1126" s="52" t="s">
        <v>83</v>
      </c>
      <c r="E1126" s="52" t="s">
        <v>26</v>
      </c>
      <c r="F1126" s="52" t="s">
        <v>81</v>
      </c>
      <c r="G1126" s="52" t="s">
        <v>82</v>
      </c>
      <c r="H1126" s="4">
        <v>1</v>
      </c>
      <c r="I1126" s="2">
        <v>14.65</v>
      </c>
      <c r="J1126" s="52" t="s">
        <v>4162</v>
      </c>
      <c r="K1126" s="71" t="s">
        <v>4163</v>
      </c>
      <c r="L1126" s="52" t="s">
        <v>2063</v>
      </c>
      <c r="M1126" s="72">
        <v>8159</v>
      </c>
      <c r="N1126" s="52" t="s">
        <v>2259</v>
      </c>
      <c r="O1126" s="52" t="s">
        <v>2260</v>
      </c>
      <c r="P1126" s="52"/>
      <c r="Q1126" s="52"/>
      <c r="R1126" s="52"/>
      <c r="S1126" s="52"/>
      <c r="T1126" s="52"/>
      <c r="U1126" s="52"/>
      <c r="V1126" s="52"/>
      <c r="W1126" s="52"/>
    </row>
    <row r="1127" spans="1:23" hidden="1" x14ac:dyDescent="0.35">
      <c r="A1127" s="52" t="s">
        <v>78</v>
      </c>
      <c r="B1127" s="52" t="s">
        <v>79</v>
      </c>
      <c r="C1127" s="3">
        <v>20</v>
      </c>
      <c r="D1127" s="52" t="s">
        <v>83</v>
      </c>
      <c r="E1127" s="52" t="s">
        <v>26</v>
      </c>
      <c r="F1127" s="52" t="s">
        <v>81</v>
      </c>
      <c r="G1127" s="52" t="s">
        <v>82</v>
      </c>
      <c r="H1127" s="4">
        <v>1</v>
      </c>
      <c r="I1127" s="2">
        <v>14.65</v>
      </c>
      <c r="J1127" s="52" t="s">
        <v>4164</v>
      </c>
      <c r="K1127" s="71" t="s">
        <v>4165</v>
      </c>
      <c r="L1127" s="52" t="s">
        <v>2063</v>
      </c>
      <c r="M1127" s="72">
        <v>3928</v>
      </c>
      <c r="N1127" s="52"/>
      <c r="O1127" s="52"/>
      <c r="P1127" s="52"/>
      <c r="Q1127" s="52"/>
      <c r="R1127" s="52"/>
      <c r="S1127" s="52"/>
      <c r="T1127" s="52"/>
      <c r="U1127" s="52"/>
      <c r="V1127" s="52"/>
      <c r="W1127" s="52"/>
    </row>
    <row r="1128" spans="1:23" hidden="1" x14ac:dyDescent="0.35">
      <c r="A1128" s="52" t="s">
        <v>78</v>
      </c>
      <c r="B1128" s="52" t="s">
        <v>79</v>
      </c>
      <c r="C1128" s="3">
        <v>20</v>
      </c>
      <c r="D1128" s="52" t="s">
        <v>2024</v>
      </c>
      <c r="E1128" s="52" t="s">
        <v>26</v>
      </c>
      <c r="F1128" s="52" t="s">
        <v>81</v>
      </c>
      <c r="G1128" s="52" t="s">
        <v>82</v>
      </c>
      <c r="H1128" s="4">
        <v>1</v>
      </c>
      <c r="I1128" s="2">
        <v>14.65</v>
      </c>
      <c r="J1128" s="52" t="s">
        <v>4094</v>
      </c>
      <c r="K1128" s="71" t="s">
        <v>4166</v>
      </c>
      <c r="L1128" s="52" t="s">
        <v>2063</v>
      </c>
      <c r="M1128" s="72">
        <v>5879</v>
      </c>
      <c r="N1128" s="52" t="s">
        <v>2072</v>
      </c>
      <c r="O1128" s="52" t="s">
        <v>2073</v>
      </c>
      <c r="P1128" s="52"/>
      <c r="Q1128" s="52"/>
      <c r="R1128" s="52"/>
      <c r="S1128" s="52"/>
      <c r="T1128" s="52"/>
      <c r="U1128" s="52"/>
      <c r="V1128" s="52"/>
      <c r="W1128" s="52"/>
    </row>
    <row r="1129" spans="1:23" hidden="1" x14ac:dyDescent="0.35">
      <c r="A1129" s="52" t="s">
        <v>78</v>
      </c>
      <c r="B1129" s="52" t="s">
        <v>79</v>
      </c>
      <c r="C1129" s="3">
        <v>10</v>
      </c>
      <c r="D1129" s="52" t="s">
        <v>86</v>
      </c>
      <c r="E1129" s="52" t="s">
        <v>26</v>
      </c>
      <c r="F1129" s="52" t="s">
        <v>81</v>
      </c>
      <c r="G1129" s="52" t="s">
        <v>82</v>
      </c>
      <c r="H1129" s="4">
        <v>1</v>
      </c>
      <c r="I1129" s="2">
        <v>14.65</v>
      </c>
      <c r="J1129" s="52" t="s">
        <v>4167</v>
      </c>
      <c r="K1129" s="71" t="s">
        <v>4168</v>
      </c>
      <c r="L1129" s="52" t="s">
        <v>2063</v>
      </c>
      <c r="M1129" s="72">
        <v>5238</v>
      </c>
      <c r="N1129" s="52"/>
      <c r="O1129" s="52"/>
      <c r="P1129" s="52"/>
      <c r="Q1129" s="52"/>
      <c r="R1129" s="52"/>
      <c r="S1129" s="52"/>
      <c r="T1129" s="52"/>
      <c r="U1129" s="52"/>
      <c r="V1129" s="52"/>
      <c r="W1129" s="52"/>
    </row>
    <row r="1130" spans="1:23" hidden="1" x14ac:dyDescent="0.35">
      <c r="A1130" s="52" t="s">
        <v>78</v>
      </c>
      <c r="B1130" s="52" t="s">
        <v>79</v>
      </c>
      <c r="C1130" s="3">
        <v>10</v>
      </c>
      <c r="D1130" s="52" t="s">
        <v>80</v>
      </c>
      <c r="E1130" s="52" t="s">
        <v>26</v>
      </c>
      <c r="F1130" s="52" t="s">
        <v>81</v>
      </c>
      <c r="G1130" s="52" t="s">
        <v>82</v>
      </c>
      <c r="H1130" s="4">
        <v>1</v>
      </c>
      <c r="I1130" s="2">
        <v>14.65</v>
      </c>
      <c r="J1130" s="52" t="s">
        <v>4169</v>
      </c>
      <c r="K1130" s="71" t="s">
        <v>4170</v>
      </c>
      <c r="L1130" s="52" t="s">
        <v>2063</v>
      </c>
      <c r="M1130" s="72">
        <v>666</v>
      </c>
      <c r="N1130" s="52" t="s">
        <v>2072</v>
      </c>
      <c r="O1130" s="52" t="s">
        <v>2073</v>
      </c>
      <c r="P1130" s="52" t="s">
        <v>2072</v>
      </c>
      <c r="Q1130" s="52" t="s">
        <v>2073</v>
      </c>
      <c r="R1130" s="52"/>
      <c r="S1130" s="52"/>
      <c r="T1130" s="52"/>
      <c r="U1130" s="52"/>
      <c r="V1130" s="52"/>
      <c r="W1130" s="52"/>
    </row>
    <row r="1131" spans="1:23" hidden="1" x14ac:dyDescent="0.35">
      <c r="A1131" s="52" t="s">
        <v>78</v>
      </c>
      <c r="B1131" s="52" t="s">
        <v>79</v>
      </c>
      <c r="C1131" s="3">
        <v>20</v>
      </c>
      <c r="D1131" s="52" t="s">
        <v>84</v>
      </c>
      <c r="E1131" s="52" t="s">
        <v>26</v>
      </c>
      <c r="F1131" s="52" t="s">
        <v>81</v>
      </c>
      <c r="G1131" s="52" t="s">
        <v>82</v>
      </c>
      <c r="H1131" s="4">
        <v>1</v>
      </c>
      <c r="I1131" s="2">
        <v>14.65</v>
      </c>
      <c r="J1131" s="52" t="s">
        <v>4171</v>
      </c>
      <c r="K1131" s="71" t="s">
        <v>4172</v>
      </c>
      <c r="L1131" s="52" t="s">
        <v>2063</v>
      </c>
      <c r="M1131" s="72">
        <v>5356</v>
      </c>
      <c r="N1131" s="52" t="s">
        <v>2066</v>
      </c>
      <c r="O1131" s="52" t="s">
        <v>2067</v>
      </c>
      <c r="P1131" s="52"/>
      <c r="Q1131" s="52"/>
      <c r="R1131" s="52"/>
      <c r="S1131" s="52"/>
      <c r="T1131" s="52"/>
      <c r="U1131" s="52"/>
      <c r="V1131" s="52"/>
      <c r="W1131" s="52"/>
    </row>
    <row r="1132" spans="1:23" hidden="1" x14ac:dyDescent="0.35">
      <c r="A1132" s="52" t="s">
        <v>78</v>
      </c>
      <c r="B1132" s="52" t="s">
        <v>79</v>
      </c>
      <c r="C1132" s="3">
        <v>211</v>
      </c>
      <c r="D1132" s="52" t="s">
        <v>2023</v>
      </c>
      <c r="E1132" s="52" t="s">
        <v>26</v>
      </c>
      <c r="F1132" s="52" t="s">
        <v>81</v>
      </c>
      <c r="G1132" s="52" t="s">
        <v>82</v>
      </c>
      <c r="H1132" s="4">
        <v>1</v>
      </c>
      <c r="I1132" s="2">
        <v>14.65</v>
      </c>
      <c r="J1132" s="52" t="s">
        <v>4173</v>
      </c>
      <c r="K1132" s="71" t="s">
        <v>4174</v>
      </c>
      <c r="L1132" s="52" t="s">
        <v>2063</v>
      </c>
      <c r="M1132" s="72">
        <v>8404</v>
      </c>
      <c r="N1132" s="52" t="s">
        <v>2158</v>
      </c>
      <c r="O1132" s="52" t="s">
        <v>2159</v>
      </c>
      <c r="P1132" s="52"/>
      <c r="Q1132" s="52"/>
      <c r="R1132" s="52"/>
      <c r="S1132" s="52"/>
      <c r="T1132" s="52"/>
      <c r="U1132" s="52"/>
      <c r="V1132" s="52"/>
      <c r="W1132" s="52"/>
    </row>
    <row r="1133" spans="1:23" hidden="1" x14ac:dyDescent="0.35">
      <c r="A1133" s="52" t="s">
        <v>78</v>
      </c>
      <c r="B1133" s="52" t="s">
        <v>79</v>
      </c>
      <c r="C1133" s="3">
        <v>20</v>
      </c>
      <c r="D1133" s="52" t="s">
        <v>84</v>
      </c>
      <c r="E1133" s="52" t="s">
        <v>26</v>
      </c>
      <c r="F1133" s="52" t="s">
        <v>81</v>
      </c>
      <c r="G1133" s="52" t="s">
        <v>82</v>
      </c>
      <c r="H1133" s="4">
        <v>1</v>
      </c>
      <c r="I1133" s="2">
        <v>14.65</v>
      </c>
      <c r="J1133" s="52" t="s">
        <v>4175</v>
      </c>
      <c r="K1133" s="71" t="s">
        <v>4176</v>
      </c>
      <c r="L1133" s="52" t="s">
        <v>2063</v>
      </c>
      <c r="M1133" s="72">
        <v>1027</v>
      </c>
      <c r="N1133" s="52" t="s">
        <v>2072</v>
      </c>
      <c r="O1133" s="52" t="s">
        <v>2073</v>
      </c>
      <c r="P1133" s="52"/>
      <c r="Q1133" s="52"/>
      <c r="R1133" s="52"/>
      <c r="S1133" s="52"/>
      <c r="T1133" s="52"/>
      <c r="U1133" s="52"/>
      <c r="V1133" s="52"/>
      <c r="W1133" s="52"/>
    </row>
    <row r="1134" spans="1:23" hidden="1" x14ac:dyDescent="0.35">
      <c r="A1134" s="52" t="s">
        <v>78</v>
      </c>
      <c r="B1134" s="52" t="s">
        <v>79</v>
      </c>
      <c r="C1134" s="3">
        <v>10</v>
      </c>
      <c r="D1134" s="52" t="s">
        <v>83</v>
      </c>
      <c r="E1134" s="52" t="s">
        <v>26</v>
      </c>
      <c r="F1134" s="52" t="s">
        <v>81</v>
      </c>
      <c r="G1134" s="52" t="s">
        <v>82</v>
      </c>
      <c r="H1134" s="4">
        <v>1</v>
      </c>
      <c r="I1134" s="2">
        <v>14.65</v>
      </c>
      <c r="J1134" s="52" t="s">
        <v>4177</v>
      </c>
      <c r="K1134" s="71" t="s">
        <v>4178</v>
      </c>
      <c r="L1134" s="52" t="s">
        <v>2063</v>
      </c>
      <c r="M1134" s="72">
        <v>5758</v>
      </c>
      <c r="N1134" s="52"/>
      <c r="O1134" s="52"/>
      <c r="P1134" s="52"/>
      <c r="Q1134" s="52"/>
      <c r="R1134" s="52"/>
      <c r="S1134" s="52"/>
      <c r="T1134" s="52"/>
      <c r="U1134" s="52"/>
      <c r="V1134" s="52"/>
      <c r="W1134" s="52"/>
    </row>
    <row r="1135" spans="1:23" hidden="1" x14ac:dyDescent="0.35">
      <c r="A1135" s="52" t="s">
        <v>78</v>
      </c>
      <c r="B1135" s="52" t="s">
        <v>79</v>
      </c>
      <c r="C1135" s="3">
        <v>20</v>
      </c>
      <c r="D1135" s="52" t="s">
        <v>86</v>
      </c>
      <c r="E1135" s="52" t="s">
        <v>26</v>
      </c>
      <c r="F1135" s="52" t="s">
        <v>81</v>
      </c>
      <c r="G1135" s="52" t="s">
        <v>82</v>
      </c>
      <c r="H1135" s="4">
        <v>1</v>
      </c>
      <c r="I1135" s="2">
        <v>14.65</v>
      </c>
      <c r="J1135" s="52" t="s">
        <v>4179</v>
      </c>
      <c r="K1135" s="71" t="s">
        <v>4180</v>
      </c>
      <c r="L1135" s="52" t="s">
        <v>2063</v>
      </c>
      <c r="M1135" s="72">
        <v>7869</v>
      </c>
      <c r="N1135" s="52" t="s">
        <v>2066</v>
      </c>
      <c r="O1135" s="52" t="s">
        <v>2067</v>
      </c>
      <c r="P1135" s="52"/>
      <c r="Q1135" s="52"/>
      <c r="R1135" s="52"/>
      <c r="S1135" s="52"/>
      <c r="T1135" s="52"/>
      <c r="U1135" s="52"/>
      <c r="V1135" s="52"/>
      <c r="W1135" s="52"/>
    </row>
    <row r="1136" spans="1:23" hidden="1" x14ac:dyDescent="0.35">
      <c r="A1136" s="52" t="s">
        <v>78</v>
      </c>
      <c r="B1136" s="52" t="s">
        <v>79</v>
      </c>
      <c r="C1136" s="3">
        <v>10</v>
      </c>
      <c r="D1136" s="52" t="s">
        <v>2020</v>
      </c>
      <c r="E1136" s="52" t="s">
        <v>26</v>
      </c>
      <c r="F1136" s="52" t="s">
        <v>81</v>
      </c>
      <c r="G1136" s="52" t="s">
        <v>82</v>
      </c>
      <c r="H1136" s="4">
        <v>1</v>
      </c>
      <c r="I1136" s="2">
        <v>14.65</v>
      </c>
      <c r="J1136" s="52" t="s">
        <v>4181</v>
      </c>
      <c r="K1136" s="71" t="s">
        <v>4182</v>
      </c>
      <c r="L1136" s="52" t="s">
        <v>2063</v>
      </c>
      <c r="M1136" s="72">
        <v>6768</v>
      </c>
      <c r="N1136" s="52"/>
      <c r="O1136" s="52"/>
      <c r="P1136" s="52"/>
      <c r="Q1136" s="52"/>
      <c r="R1136" s="52"/>
      <c r="S1136" s="52"/>
      <c r="T1136" s="52"/>
      <c r="U1136" s="52"/>
      <c r="V1136" s="52"/>
      <c r="W1136" s="52"/>
    </row>
    <row r="1137" spans="1:23" hidden="1" x14ac:dyDescent="0.35">
      <c r="A1137" s="52" t="s">
        <v>78</v>
      </c>
      <c r="B1137" s="52" t="s">
        <v>79</v>
      </c>
      <c r="C1137" s="3">
        <v>20</v>
      </c>
      <c r="D1137" s="52" t="s">
        <v>83</v>
      </c>
      <c r="E1137" s="52" t="s">
        <v>26</v>
      </c>
      <c r="F1137" s="52" t="s">
        <v>81</v>
      </c>
      <c r="G1137" s="52" t="s">
        <v>82</v>
      </c>
      <c r="H1137" s="4">
        <v>1</v>
      </c>
      <c r="I1137" s="2">
        <v>14.65</v>
      </c>
      <c r="J1137" s="52" t="s">
        <v>3418</v>
      </c>
      <c r="K1137" s="71" t="s">
        <v>4183</v>
      </c>
      <c r="L1137" s="52" t="s">
        <v>2063</v>
      </c>
      <c r="M1137" s="72">
        <v>2504</v>
      </c>
      <c r="N1137" s="52" t="s">
        <v>2066</v>
      </c>
      <c r="O1137" s="52" t="s">
        <v>2067</v>
      </c>
      <c r="P1137" s="52"/>
      <c r="Q1137" s="52"/>
      <c r="R1137" s="52"/>
      <c r="S1137" s="52"/>
      <c r="T1137" s="52"/>
      <c r="U1137" s="52"/>
      <c r="V1137" s="52"/>
      <c r="W1137" s="52"/>
    </row>
    <row r="1138" spans="1:23" hidden="1" x14ac:dyDescent="0.35">
      <c r="A1138" s="52" t="s">
        <v>78</v>
      </c>
      <c r="B1138" s="52" t="s">
        <v>79</v>
      </c>
      <c r="C1138" s="3">
        <v>10</v>
      </c>
      <c r="D1138" s="52" t="s">
        <v>2023</v>
      </c>
      <c r="E1138" s="52" t="s">
        <v>26</v>
      </c>
      <c r="F1138" s="52" t="s">
        <v>81</v>
      </c>
      <c r="G1138" s="52" t="s">
        <v>82</v>
      </c>
      <c r="H1138" s="4">
        <v>1</v>
      </c>
      <c r="I1138" s="2">
        <v>14.65</v>
      </c>
      <c r="J1138" s="52" t="s">
        <v>4184</v>
      </c>
      <c r="K1138" s="71" t="s">
        <v>4185</v>
      </c>
      <c r="L1138" s="52" t="s">
        <v>2063</v>
      </c>
      <c r="M1138" s="72">
        <v>6242</v>
      </c>
      <c r="N1138" s="52" t="s">
        <v>2072</v>
      </c>
      <c r="O1138" s="52" t="s">
        <v>2073</v>
      </c>
      <c r="P1138" s="52"/>
      <c r="Q1138" s="52"/>
      <c r="R1138" s="52"/>
      <c r="S1138" s="52"/>
      <c r="T1138" s="52"/>
      <c r="U1138" s="52"/>
      <c r="V1138" s="52"/>
      <c r="W1138" s="52"/>
    </row>
    <row r="1139" spans="1:23" hidden="1" x14ac:dyDescent="0.35">
      <c r="A1139" s="52" t="s">
        <v>78</v>
      </c>
      <c r="B1139" s="52" t="s">
        <v>79</v>
      </c>
      <c r="C1139" s="3">
        <v>10</v>
      </c>
      <c r="D1139" s="52" t="s">
        <v>2021</v>
      </c>
      <c r="E1139" s="52" t="s">
        <v>26</v>
      </c>
      <c r="F1139" s="52" t="s">
        <v>81</v>
      </c>
      <c r="G1139" s="52" t="s">
        <v>82</v>
      </c>
      <c r="H1139" s="4">
        <v>1</v>
      </c>
      <c r="I1139" s="2">
        <v>14.65</v>
      </c>
      <c r="J1139" s="52" t="s">
        <v>4186</v>
      </c>
      <c r="K1139" s="71" t="s">
        <v>4187</v>
      </c>
      <c r="L1139" s="52" t="s">
        <v>2063</v>
      </c>
      <c r="M1139" s="72">
        <v>7327</v>
      </c>
      <c r="N1139" s="52" t="s">
        <v>2072</v>
      </c>
      <c r="O1139" s="52" t="s">
        <v>2073</v>
      </c>
      <c r="P1139" s="52"/>
      <c r="Q1139" s="52"/>
      <c r="R1139" s="52"/>
      <c r="S1139" s="52"/>
      <c r="T1139" s="52"/>
      <c r="U1139" s="52"/>
      <c r="V1139" s="52"/>
      <c r="W1139" s="52"/>
    </row>
    <row r="1140" spans="1:23" hidden="1" x14ac:dyDescent="0.35">
      <c r="A1140" s="52" t="s">
        <v>78</v>
      </c>
      <c r="B1140" s="52" t="s">
        <v>79</v>
      </c>
      <c r="C1140" s="3">
        <v>10</v>
      </c>
      <c r="D1140" s="52" t="s">
        <v>87</v>
      </c>
      <c r="E1140" s="52" t="s">
        <v>26</v>
      </c>
      <c r="F1140" s="52" t="s">
        <v>81</v>
      </c>
      <c r="G1140" s="52" t="s">
        <v>82</v>
      </c>
      <c r="H1140" s="4">
        <v>1</v>
      </c>
      <c r="I1140" s="2">
        <v>14.65</v>
      </c>
      <c r="J1140" s="52" t="s">
        <v>4188</v>
      </c>
      <c r="K1140" s="71" t="s">
        <v>4189</v>
      </c>
      <c r="L1140" s="52" t="s">
        <v>2063</v>
      </c>
      <c r="M1140" s="72">
        <v>4791</v>
      </c>
      <c r="N1140" s="52" t="s">
        <v>2066</v>
      </c>
      <c r="O1140" s="52" t="s">
        <v>2067</v>
      </c>
      <c r="P1140" s="52"/>
      <c r="Q1140" s="52"/>
      <c r="R1140" s="52"/>
      <c r="S1140" s="52"/>
      <c r="T1140" s="52"/>
      <c r="U1140" s="52"/>
      <c r="V1140" s="52"/>
      <c r="W1140" s="52"/>
    </row>
    <row r="1141" spans="1:23" hidden="1" x14ac:dyDescent="0.35">
      <c r="A1141" s="52" t="s">
        <v>78</v>
      </c>
      <c r="B1141" s="52" t="s">
        <v>79</v>
      </c>
      <c r="C1141" s="3">
        <v>10</v>
      </c>
      <c r="D1141" s="52" t="s">
        <v>2021</v>
      </c>
      <c r="E1141" s="52" t="s">
        <v>26</v>
      </c>
      <c r="F1141" s="52" t="s">
        <v>81</v>
      </c>
      <c r="G1141" s="52" t="s">
        <v>82</v>
      </c>
      <c r="H1141" s="4">
        <v>1</v>
      </c>
      <c r="I1141" s="2">
        <v>14.65</v>
      </c>
      <c r="J1141" s="52" t="s">
        <v>4190</v>
      </c>
      <c r="K1141" s="71" t="s">
        <v>4191</v>
      </c>
      <c r="L1141" s="52" t="s">
        <v>2063</v>
      </c>
      <c r="M1141" s="72">
        <v>6384</v>
      </c>
      <c r="N1141" s="52" t="s">
        <v>2066</v>
      </c>
      <c r="O1141" s="52" t="s">
        <v>2067</v>
      </c>
      <c r="P1141" s="52"/>
      <c r="Q1141" s="52"/>
      <c r="R1141" s="52"/>
      <c r="S1141" s="52"/>
      <c r="T1141" s="52"/>
      <c r="U1141" s="52"/>
      <c r="V1141" s="52"/>
      <c r="W1141" s="52"/>
    </row>
    <row r="1142" spans="1:23" hidden="1" x14ac:dyDescent="0.35">
      <c r="A1142" s="52" t="s">
        <v>78</v>
      </c>
      <c r="B1142" s="52" t="s">
        <v>79</v>
      </c>
      <c r="C1142" s="3">
        <v>20</v>
      </c>
      <c r="D1142" s="52" t="s">
        <v>80</v>
      </c>
      <c r="E1142" s="52" t="s">
        <v>26</v>
      </c>
      <c r="F1142" s="52" t="s">
        <v>81</v>
      </c>
      <c r="G1142" s="52" t="s">
        <v>82</v>
      </c>
      <c r="H1142" s="4">
        <v>1</v>
      </c>
      <c r="I1142" s="2">
        <v>14.65</v>
      </c>
      <c r="J1142" s="52" t="s">
        <v>4192</v>
      </c>
      <c r="K1142" s="71" t="s">
        <v>4193</v>
      </c>
      <c r="L1142" s="52" t="s">
        <v>2063</v>
      </c>
      <c r="M1142" s="72">
        <v>1601</v>
      </c>
      <c r="N1142" s="52" t="s">
        <v>2072</v>
      </c>
      <c r="O1142" s="52" t="s">
        <v>2073</v>
      </c>
      <c r="P1142" s="52"/>
      <c r="Q1142" s="52"/>
      <c r="R1142" s="52"/>
      <c r="S1142" s="52"/>
      <c r="T1142" s="52"/>
      <c r="U1142" s="52"/>
      <c r="V1142" s="52"/>
      <c r="W1142" s="52"/>
    </row>
    <row r="1143" spans="1:23" x14ac:dyDescent="0.35">
      <c r="A1143" s="52" t="s">
        <v>78</v>
      </c>
      <c r="B1143" s="52" t="s">
        <v>79</v>
      </c>
      <c r="C1143" s="3">
        <v>20</v>
      </c>
      <c r="D1143" s="52" t="s">
        <v>2020</v>
      </c>
      <c r="E1143" s="52" t="s">
        <v>26</v>
      </c>
      <c r="F1143" s="52" t="s">
        <v>81</v>
      </c>
      <c r="G1143" s="52" t="s">
        <v>82</v>
      </c>
      <c r="H1143" s="4">
        <v>1</v>
      </c>
      <c r="I1143" s="2">
        <v>14.65</v>
      </c>
      <c r="J1143" s="52" t="s">
        <v>4194</v>
      </c>
      <c r="K1143" s="71" t="s">
        <v>4195</v>
      </c>
      <c r="L1143" s="52" t="s">
        <v>2063</v>
      </c>
      <c r="M1143" s="72">
        <v>3695</v>
      </c>
      <c r="N1143" s="52" t="s">
        <v>2076</v>
      </c>
      <c r="O1143" s="52" t="s">
        <v>2077</v>
      </c>
      <c r="P1143" s="52"/>
      <c r="Q1143" s="52"/>
      <c r="R1143" s="52"/>
      <c r="S1143" s="52"/>
      <c r="T1143" s="52"/>
      <c r="U1143" s="52"/>
      <c r="V1143" s="52"/>
      <c r="W1143" s="52"/>
    </row>
    <row r="1144" spans="1:23" hidden="1" x14ac:dyDescent="0.35">
      <c r="A1144" s="52" t="s">
        <v>78</v>
      </c>
      <c r="B1144" s="52" t="s">
        <v>79</v>
      </c>
      <c r="C1144" s="3">
        <v>20</v>
      </c>
      <c r="D1144" s="52" t="s">
        <v>84</v>
      </c>
      <c r="E1144" s="52" t="s">
        <v>26</v>
      </c>
      <c r="F1144" s="52" t="s">
        <v>81</v>
      </c>
      <c r="G1144" s="52" t="s">
        <v>82</v>
      </c>
      <c r="H1144" s="4">
        <v>1</v>
      </c>
      <c r="I1144" s="2">
        <v>14.65</v>
      </c>
      <c r="J1144" s="52" t="s">
        <v>3418</v>
      </c>
      <c r="K1144" s="71" t="s">
        <v>4196</v>
      </c>
      <c r="L1144" s="52" t="s">
        <v>2063</v>
      </c>
      <c r="M1144" s="72">
        <v>4861</v>
      </c>
      <c r="N1144" s="52" t="s">
        <v>2066</v>
      </c>
      <c r="O1144" s="52" t="s">
        <v>2067</v>
      </c>
      <c r="P1144" s="52"/>
      <c r="Q1144" s="52"/>
      <c r="R1144" s="52"/>
      <c r="S1144" s="52"/>
      <c r="T1144" s="52"/>
      <c r="U1144" s="52"/>
      <c r="V1144" s="52"/>
      <c r="W1144" s="52"/>
    </row>
    <row r="1145" spans="1:23" hidden="1" x14ac:dyDescent="0.35">
      <c r="A1145" s="52" t="s">
        <v>78</v>
      </c>
      <c r="B1145" s="52" t="s">
        <v>79</v>
      </c>
      <c r="C1145" s="3">
        <v>20</v>
      </c>
      <c r="D1145" s="52" t="s">
        <v>84</v>
      </c>
      <c r="E1145" s="52" t="s">
        <v>26</v>
      </c>
      <c r="F1145" s="52" t="s">
        <v>81</v>
      </c>
      <c r="G1145" s="52" t="s">
        <v>82</v>
      </c>
      <c r="H1145" s="4">
        <v>1</v>
      </c>
      <c r="I1145" s="2">
        <v>14.65</v>
      </c>
      <c r="J1145" s="52" t="s">
        <v>3955</v>
      </c>
      <c r="K1145" s="71" t="s">
        <v>4197</v>
      </c>
      <c r="L1145" s="52" t="s">
        <v>2063</v>
      </c>
      <c r="M1145" s="72">
        <v>8408</v>
      </c>
      <c r="N1145" s="52"/>
      <c r="O1145" s="52"/>
      <c r="P1145" s="52"/>
      <c r="Q1145" s="52"/>
      <c r="R1145" s="52"/>
      <c r="S1145" s="52"/>
      <c r="T1145" s="52"/>
      <c r="U1145" s="52"/>
      <c r="V1145" s="52"/>
      <c r="W1145" s="52"/>
    </row>
    <row r="1146" spans="1:23" hidden="1" x14ac:dyDescent="0.35">
      <c r="A1146" s="52" t="s">
        <v>78</v>
      </c>
      <c r="B1146" s="52" t="s">
        <v>79</v>
      </c>
      <c r="C1146" s="3">
        <v>10</v>
      </c>
      <c r="D1146" s="52" t="s">
        <v>80</v>
      </c>
      <c r="E1146" s="52" t="s">
        <v>26</v>
      </c>
      <c r="F1146" s="52" t="s">
        <v>81</v>
      </c>
      <c r="G1146" s="52" t="s">
        <v>82</v>
      </c>
      <c r="H1146" s="4">
        <v>1</v>
      </c>
      <c r="I1146" s="2">
        <v>14.65</v>
      </c>
      <c r="J1146" s="52" t="s">
        <v>4198</v>
      </c>
      <c r="K1146" s="71" t="s">
        <v>4199</v>
      </c>
      <c r="L1146" s="52" t="s">
        <v>2063</v>
      </c>
      <c r="M1146" s="72">
        <v>5262</v>
      </c>
      <c r="N1146" s="52" t="s">
        <v>2066</v>
      </c>
      <c r="O1146" s="52" t="s">
        <v>2067</v>
      </c>
      <c r="P1146" s="52"/>
      <c r="Q1146" s="52"/>
      <c r="R1146" s="52"/>
      <c r="S1146" s="52"/>
      <c r="T1146" s="52"/>
      <c r="U1146" s="52"/>
      <c r="V1146" s="52"/>
      <c r="W1146" s="52"/>
    </row>
    <row r="1147" spans="1:23" hidden="1" x14ac:dyDescent="0.35">
      <c r="A1147" s="52" t="s">
        <v>78</v>
      </c>
      <c r="B1147" s="52" t="s">
        <v>79</v>
      </c>
      <c r="C1147" s="3">
        <v>20</v>
      </c>
      <c r="D1147" s="52" t="s">
        <v>87</v>
      </c>
      <c r="E1147" s="52" t="s">
        <v>26</v>
      </c>
      <c r="F1147" s="52" t="s">
        <v>81</v>
      </c>
      <c r="G1147" s="52" t="s">
        <v>82</v>
      </c>
      <c r="H1147" s="4">
        <v>1</v>
      </c>
      <c r="I1147" s="2">
        <v>14.65</v>
      </c>
      <c r="J1147" s="52" t="s">
        <v>4200</v>
      </c>
      <c r="K1147" s="71" t="s">
        <v>4201</v>
      </c>
      <c r="L1147" s="52" t="s">
        <v>2063</v>
      </c>
      <c r="M1147" s="72">
        <v>1540</v>
      </c>
      <c r="N1147" s="52" t="s">
        <v>2066</v>
      </c>
      <c r="O1147" s="52" t="s">
        <v>2067</v>
      </c>
      <c r="P1147" s="52"/>
      <c r="Q1147" s="52"/>
      <c r="R1147" s="52"/>
      <c r="S1147" s="52"/>
      <c r="T1147" s="52"/>
      <c r="U1147" s="52"/>
      <c r="V1147" s="52"/>
      <c r="W1147" s="52"/>
    </row>
    <row r="1148" spans="1:23" hidden="1" x14ac:dyDescent="0.35">
      <c r="A1148" s="52" t="s">
        <v>78</v>
      </c>
      <c r="B1148" s="52" t="s">
        <v>79</v>
      </c>
      <c r="C1148" s="3">
        <v>10</v>
      </c>
      <c r="D1148" s="52" t="s">
        <v>2022</v>
      </c>
      <c r="E1148" s="52" t="s">
        <v>26</v>
      </c>
      <c r="F1148" s="52" t="s">
        <v>81</v>
      </c>
      <c r="G1148" s="52" t="s">
        <v>82</v>
      </c>
      <c r="H1148" s="4">
        <v>1</v>
      </c>
      <c r="I1148" s="2">
        <v>14.65</v>
      </c>
      <c r="J1148" s="52" t="s">
        <v>4202</v>
      </c>
      <c r="K1148" s="71" t="s">
        <v>4203</v>
      </c>
      <c r="L1148" s="52" t="s">
        <v>2063</v>
      </c>
      <c r="M1148" s="72">
        <v>5626</v>
      </c>
      <c r="N1148" s="52"/>
      <c r="O1148" s="52"/>
      <c r="P1148" s="52"/>
      <c r="Q1148" s="52"/>
      <c r="R1148" s="52"/>
      <c r="S1148" s="52"/>
      <c r="T1148" s="52"/>
      <c r="U1148" s="52"/>
      <c r="V1148" s="52"/>
      <c r="W1148" s="52"/>
    </row>
    <row r="1149" spans="1:23" hidden="1" x14ac:dyDescent="0.35">
      <c r="A1149" s="52" t="s">
        <v>78</v>
      </c>
      <c r="B1149" s="52" t="s">
        <v>79</v>
      </c>
      <c r="C1149" s="3">
        <v>20</v>
      </c>
      <c r="D1149" s="52" t="s">
        <v>2022</v>
      </c>
      <c r="E1149" s="52" t="s">
        <v>26</v>
      </c>
      <c r="F1149" s="52" t="s">
        <v>81</v>
      </c>
      <c r="G1149" s="52" t="s">
        <v>82</v>
      </c>
      <c r="H1149" s="4">
        <v>1</v>
      </c>
      <c r="I1149" s="2">
        <v>14.65</v>
      </c>
      <c r="J1149" s="52" t="s">
        <v>4204</v>
      </c>
      <c r="K1149" s="71" t="s">
        <v>4205</v>
      </c>
      <c r="L1149" s="52" t="s">
        <v>2063</v>
      </c>
      <c r="M1149" s="72">
        <v>3936</v>
      </c>
      <c r="N1149" s="52" t="s">
        <v>2066</v>
      </c>
      <c r="O1149" s="52" t="s">
        <v>2067</v>
      </c>
      <c r="P1149" s="52"/>
      <c r="Q1149" s="52"/>
      <c r="R1149" s="52"/>
      <c r="S1149" s="52"/>
      <c r="T1149" s="52"/>
      <c r="U1149" s="52"/>
      <c r="V1149" s="52"/>
      <c r="W1149" s="52"/>
    </row>
    <row r="1150" spans="1:23" hidden="1" x14ac:dyDescent="0.35">
      <c r="A1150" s="52" t="s">
        <v>78</v>
      </c>
      <c r="B1150" s="52" t="s">
        <v>79</v>
      </c>
      <c r="C1150" s="3">
        <v>211</v>
      </c>
      <c r="D1150" s="52" t="s">
        <v>2024</v>
      </c>
      <c r="E1150" s="52" t="s">
        <v>26</v>
      </c>
      <c r="F1150" s="52" t="s">
        <v>81</v>
      </c>
      <c r="G1150" s="52" t="s">
        <v>82</v>
      </c>
      <c r="H1150" s="4">
        <v>1</v>
      </c>
      <c r="I1150" s="2">
        <v>14.65</v>
      </c>
      <c r="J1150" s="52" t="s">
        <v>4206</v>
      </c>
      <c r="K1150" s="71" t="s">
        <v>4207</v>
      </c>
      <c r="L1150" s="52" t="s">
        <v>2063</v>
      </c>
      <c r="M1150" s="72">
        <v>8884</v>
      </c>
      <c r="N1150" s="52" t="s">
        <v>2154</v>
      </c>
      <c r="O1150" s="52" t="s">
        <v>2155</v>
      </c>
      <c r="P1150" s="52"/>
      <c r="Q1150" s="52"/>
      <c r="R1150" s="52"/>
      <c r="S1150" s="52"/>
      <c r="T1150" s="52"/>
      <c r="U1150" s="52"/>
      <c r="V1150" s="52"/>
      <c r="W1150" s="52"/>
    </row>
    <row r="1151" spans="1:23" hidden="1" x14ac:dyDescent="0.35">
      <c r="A1151" s="52" t="s">
        <v>78</v>
      </c>
      <c r="B1151" s="52" t="s">
        <v>79</v>
      </c>
      <c r="C1151" s="3">
        <v>10</v>
      </c>
      <c r="D1151" s="52" t="s">
        <v>2024</v>
      </c>
      <c r="E1151" s="52" t="s">
        <v>26</v>
      </c>
      <c r="F1151" s="52" t="s">
        <v>81</v>
      </c>
      <c r="G1151" s="52" t="s">
        <v>82</v>
      </c>
      <c r="H1151" s="4">
        <v>1</v>
      </c>
      <c r="I1151" s="2">
        <v>14.65</v>
      </c>
      <c r="J1151" s="52" t="s">
        <v>4208</v>
      </c>
      <c r="K1151" s="71" t="s">
        <v>4209</v>
      </c>
      <c r="L1151" s="52" t="s">
        <v>2063</v>
      </c>
      <c r="M1151" s="72">
        <v>1888</v>
      </c>
      <c r="N1151" s="52"/>
      <c r="O1151" s="52"/>
      <c r="P1151" s="52"/>
      <c r="Q1151" s="52"/>
      <c r="R1151" s="52"/>
      <c r="S1151" s="52"/>
      <c r="T1151" s="52"/>
      <c r="U1151" s="52"/>
      <c r="V1151" s="52"/>
      <c r="W1151" s="52"/>
    </row>
    <row r="1152" spans="1:23" hidden="1" x14ac:dyDescent="0.35">
      <c r="A1152" s="52" t="s">
        <v>78</v>
      </c>
      <c r="B1152" s="52" t="s">
        <v>79</v>
      </c>
      <c r="C1152" s="3">
        <v>20</v>
      </c>
      <c r="D1152" s="52" t="s">
        <v>80</v>
      </c>
      <c r="E1152" s="52" t="s">
        <v>26</v>
      </c>
      <c r="F1152" s="52" t="s">
        <v>81</v>
      </c>
      <c r="G1152" s="52" t="s">
        <v>82</v>
      </c>
      <c r="H1152" s="4">
        <v>1</v>
      </c>
      <c r="I1152" s="2">
        <v>14.65</v>
      </c>
      <c r="J1152" s="52" t="s">
        <v>4210</v>
      </c>
      <c r="K1152" s="71" t="s">
        <v>4211</v>
      </c>
      <c r="L1152" s="52" t="s">
        <v>2095</v>
      </c>
      <c r="M1152" s="72">
        <v>8662</v>
      </c>
      <c r="N1152" s="52"/>
      <c r="O1152" s="52"/>
      <c r="P1152" s="52"/>
      <c r="Q1152" s="52"/>
      <c r="R1152" s="52"/>
      <c r="S1152" s="52"/>
      <c r="T1152" s="52"/>
      <c r="U1152" s="52"/>
      <c r="V1152" s="52"/>
      <c r="W1152" s="52"/>
    </row>
    <row r="1153" spans="1:23" hidden="1" x14ac:dyDescent="0.35">
      <c r="A1153" s="52" t="s">
        <v>78</v>
      </c>
      <c r="B1153" s="52" t="s">
        <v>79</v>
      </c>
      <c r="C1153" s="3">
        <v>10</v>
      </c>
      <c r="D1153" s="52" t="s">
        <v>2019</v>
      </c>
      <c r="E1153" s="52" t="s">
        <v>26</v>
      </c>
      <c r="F1153" s="52" t="s">
        <v>81</v>
      </c>
      <c r="G1153" s="52" t="s">
        <v>82</v>
      </c>
      <c r="H1153" s="4">
        <v>1</v>
      </c>
      <c r="I1153" s="2">
        <v>14.65</v>
      </c>
      <c r="J1153" s="52" t="s">
        <v>4212</v>
      </c>
      <c r="K1153" s="71" t="s">
        <v>4213</v>
      </c>
      <c r="L1153" s="52" t="s">
        <v>2063</v>
      </c>
      <c r="M1153" s="72">
        <v>4226</v>
      </c>
      <c r="N1153" s="52" t="s">
        <v>2072</v>
      </c>
      <c r="O1153" s="52" t="s">
        <v>2073</v>
      </c>
      <c r="P1153" s="52"/>
      <c r="Q1153" s="52"/>
      <c r="R1153" s="52"/>
      <c r="S1153" s="52"/>
      <c r="T1153" s="52"/>
      <c r="U1153" s="52"/>
      <c r="V1153" s="52"/>
      <c r="W1153" s="52"/>
    </row>
    <row r="1154" spans="1:23" hidden="1" x14ac:dyDescent="0.35">
      <c r="A1154" s="52" t="s">
        <v>78</v>
      </c>
      <c r="B1154" s="52" t="s">
        <v>79</v>
      </c>
      <c r="C1154" s="3">
        <v>20</v>
      </c>
      <c r="D1154" s="52" t="s">
        <v>87</v>
      </c>
      <c r="E1154" s="52" t="s">
        <v>26</v>
      </c>
      <c r="F1154" s="52" t="s">
        <v>81</v>
      </c>
      <c r="G1154" s="52" t="s">
        <v>82</v>
      </c>
      <c r="H1154" s="4">
        <v>1</v>
      </c>
      <c r="I1154" s="2">
        <v>14.65</v>
      </c>
      <c r="J1154" s="52" t="s">
        <v>4214</v>
      </c>
      <c r="K1154" s="71" t="s">
        <v>4215</v>
      </c>
      <c r="L1154" s="52" t="s">
        <v>2063</v>
      </c>
      <c r="M1154" s="72">
        <v>1876</v>
      </c>
      <c r="N1154" s="52"/>
      <c r="O1154" s="52"/>
      <c r="P1154" s="52"/>
      <c r="Q1154" s="52"/>
      <c r="R1154" s="52"/>
      <c r="S1154" s="52"/>
      <c r="T1154" s="52"/>
      <c r="U1154" s="52"/>
      <c r="V1154" s="52"/>
      <c r="W1154" s="52"/>
    </row>
    <row r="1155" spans="1:23" hidden="1" x14ac:dyDescent="0.35">
      <c r="A1155" s="52" t="s">
        <v>78</v>
      </c>
      <c r="B1155" s="52" t="s">
        <v>79</v>
      </c>
      <c r="C1155" s="3">
        <v>20</v>
      </c>
      <c r="D1155" s="52" t="s">
        <v>86</v>
      </c>
      <c r="E1155" s="52" t="s">
        <v>26</v>
      </c>
      <c r="F1155" s="52" t="s">
        <v>81</v>
      </c>
      <c r="G1155" s="52" t="s">
        <v>82</v>
      </c>
      <c r="H1155" s="4">
        <v>1</v>
      </c>
      <c r="I1155" s="2">
        <v>14.65</v>
      </c>
      <c r="J1155" s="52" t="s">
        <v>4216</v>
      </c>
      <c r="K1155" s="71" t="s">
        <v>4217</v>
      </c>
      <c r="L1155" s="52" t="s">
        <v>2063</v>
      </c>
      <c r="M1155" s="72">
        <v>447</v>
      </c>
      <c r="N1155" s="52" t="s">
        <v>2072</v>
      </c>
      <c r="O1155" s="52" t="s">
        <v>2073</v>
      </c>
      <c r="P1155" s="52"/>
      <c r="Q1155" s="52"/>
      <c r="R1155" s="52"/>
      <c r="S1155" s="52"/>
      <c r="T1155" s="52"/>
      <c r="U1155" s="52"/>
      <c r="V1155" s="52"/>
      <c r="W1155" s="52"/>
    </row>
    <row r="1156" spans="1:23" hidden="1" x14ac:dyDescent="0.35">
      <c r="A1156" s="52" t="s">
        <v>78</v>
      </c>
      <c r="B1156" s="52" t="s">
        <v>79</v>
      </c>
      <c r="C1156" s="3">
        <v>10</v>
      </c>
      <c r="D1156" s="52" t="s">
        <v>84</v>
      </c>
      <c r="E1156" s="52" t="s">
        <v>26</v>
      </c>
      <c r="F1156" s="52" t="s">
        <v>81</v>
      </c>
      <c r="G1156" s="52" t="s">
        <v>82</v>
      </c>
      <c r="H1156" s="4">
        <v>1</v>
      </c>
      <c r="I1156" s="2">
        <v>14.65</v>
      </c>
      <c r="J1156" s="52" t="s">
        <v>4218</v>
      </c>
      <c r="K1156" s="71" t="s">
        <v>4219</v>
      </c>
      <c r="L1156" s="52" t="s">
        <v>2063</v>
      </c>
      <c r="M1156" s="72">
        <v>5364</v>
      </c>
      <c r="N1156" s="52"/>
      <c r="O1156" s="52"/>
      <c r="P1156" s="52"/>
      <c r="Q1156" s="52"/>
      <c r="R1156" s="52"/>
      <c r="S1156" s="52"/>
      <c r="T1156" s="52"/>
      <c r="U1156" s="52"/>
      <c r="V1156" s="52"/>
      <c r="W1156" s="52"/>
    </row>
    <row r="1157" spans="1:23" x14ac:dyDescent="0.35">
      <c r="A1157" s="52" t="s">
        <v>78</v>
      </c>
      <c r="B1157" s="52" t="s">
        <v>79</v>
      </c>
      <c r="C1157" s="3">
        <v>211</v>
      </c>
      <c r="D1157" s="52" t="s">
        <v>2022</v>
      </c>
      <c r="E1157" s="52" t="s">
        <v>26</v>
      </c>
      <c r="F1157" s="52" t="s">
        <v>81</v>
      </c>
      <c r="G1157" s="52" t="s">
        <v>82</v>
      </c>
      <c r="H1157" s="4">
        <v>1</v>
      </c>
      <c r="I1157" s="2">
        <v>14.65</v>
      </c>
      <c r="J1157" s="52" t="s">
        <v>4220</v>
      </c>
      <c r="K1157" s="71" t="s">
        <v>4221</v>
      </c>
      <c r="L1157" s="52" t="s">
        <v>2063</v>
      </c>
      <c r="M1157" s="72">
        <v>1172</v>
      </c>
      <c r="N1157" s="52" t="s">
        <v>2259</v>
      </c>
      <c r="O1157" s="52" t="s">
        <v>2260</v>
      </c>
      <c r="P1157" s="52"/>
      <c r="Q1157" s="52"/>
      <c r="R1157" s="52"/>
      <c r="S1157" s="52"/>
      <c r="T1157" s="52"/>
      <c r="U1157" s="52"/>
      <c r="V1157" s="52"/>
      <c r="W1157" s="52"/>
    </row>
    <row r="1158" spans="1:23" x14ac:dyDescent="0.35">
      <c r="A1158" s="52" t="s">
        <v>78</v>
      </c>
      <c r="B1158" s="52" t="s">
        <v>79</v>
      </c>
      <c r="C1158" s="3">
        <v>10</v>
      </c>
      <c r="D1158" s="52" t="s">
        <v>2024</v>
      </c>
      <c r="E1158" s="52" t="s">
        <v>26</v>
      </c>
      <c r="F1158" s="52" t="s">
        <v>81</v>
      </c>
      <c r="G1158" s="52" t="s">
        <v>82</v>
      </c>
      <c r="H1158" s="4">
        <v>1</v>
      </c>
      <c r="I1158" s="2">
        <v>14.65</v>
      </c>
      <c r="J1158" s="52" t="s">
        <v>4222</v>
      </c>
      <c r="K1158" s="71" t="s">
        <v>4223</v>
      </c>
      <c r="L1158" s="52" t="s">
        <v>2095</v>
      </c>
      <c r="M1158" s="72">
        <v>8584</v>
      </c>
      <c r="N1158" s="52" t="s">
        <v>2259</v>
      </c>
      <c r="O1158" s="52" t="s">
        <v>2260</v>
      </c>
      <c r="P1158" s="52"/>
      <c r="Q1158" s="52"/>
      <c r="R1158" s="52"/>
      <c r="S1158" s="52"/>
      <c r="T1158" s="52"/>
      <c r="U1158" s="52"/>
      <c r="V1158" s="52"/>
      <c r="W1158" s="52"/>
    </row>
    <row r="1159" spans="1:23" hidden="1" x14ac:dyDescent="0.35">
      <c r="A1159" s="52" t="s">
        <v>78</v>
      </c>
      <c r="B1159" s="52" t="s">
        <v>79</v>
      </c>
      <c r="C1159" s="3">
        <v>10</v>
      </c>
      <c r="D1159" s="52" t="s">
        <v>2021</v>
      </c>
      <c r="E1159" s="52" t="s">
        <v>26</v>
      </c>
      <c r="F1159" s="52" t="s">
        <v>81</v>
      </c>
      <c r="G1159" s="52" t="s">
        <v>82</v>
      </c>
      <c r="H1159" s="4">
        <v>1</v>
      </c>
      <c r="I1159" s="2">
        <v>14.65</v>
      </c>
      <c r="J1159" s="52" t="s">
        <v>4224</v>
      </c>
      <c r="K1159" s="71" t="s">
        <v>4225</v>
      </c>
      <c r="L1159" s="52" t="s">
        <v>2063</v>
      </c>
      <c r="M1159" s="72">
        <v>9263</v>
      </c>
      <c r="N1159" s="52"/>
      <c r="O1159" s="52"/>
      <c r="P1159" s="52"/>
      <c r="Q1159" s="52"/>
      <c r="R1159" s="52"/>
      <c r="S1159" s="52"/>
      <c r="T1159" s="52"/>
      <c r="U1159" s="52"/>
      <c r="V1159" s="52"/>
      <c r="W1159" s="52"/>
    </row>
    <row r="1160" spans="1:23" hidden="1" x14ac:dyDescent="0.35">
      <c r="A1160" s="52" t="s">
        <v>78</v>
      </c>
      <c r="B1160" s="52" t="s">
        <v>79</v>
      </c>
      <c r="C1160" s="3">
        <v>10</v>
      </c>
      <c r="D1160" s="52" t="s">
        <v>2021</v>
      </c>
      <c r="E1160" s="52" t="s">
        <v>26</v>
      </c>
      <c r="F1160" s="52" t="s">
        <v>81</v>
      </c>
      <c r="G1160" s="52" t="s">
        <v>82</v>
      </c>
      <c r="H1160" s="4">
        <v>1</v>
      </c>
      <c r="I1160" s="2">
        <v>14.65</v>
      </c>
      <c r="J1160" s="52" t="s">
        <v>4226</v>
      </c>
      <c r="K1160" s="71" t="s">
        <v>4227</v>
      </c>
      <c r="L1160" s="52" t="s">
        <v>2095</v>
      </c>
      <c r="M1160" s="72">
        <v>1755</v>
      </c>
      <c r="N1160" s="52" t="s">
        <v>2072</v>
      </c>
      <c r="O1160" s="52" t="s">
        <v>2073</v>
      </c>
      <c r="P1160" s="52"/>
      <c r="Q1160" s="52"/>
      <c r="R1160" s="52"/>
      <c r="S1160" s="52"/>
      <c r="T1160" s="52"/>
      <c r="U1160" s="52"/>
      <c r="V1160" s="52"/>
      <c r="W1160" s="52"/>
    </row>
    <row r="1161" spans="1:23" hidden="1" x14ac:dyDescent="0.35">
      <c r="A1161" s="52" t="s">
        <v>78</v>
      </c>
      <c r="B1161" s="52" t="s">
        <v>79</v>
      </c>
      <c r="C1161" s="3">
        <v>212</v>
      </c>
      <c r="D1161" s="52" t="s">
        <v>86</v>
      </c>
      <c r="E1161" s="52" t="s">
        <v>26</v>
      </c>
      <c r="F1161" s="52" t="s">
        <v>81</v>
      </c>
      <c r="G1161" s="52" t="s">
        <v>82</v>
      </c>
      <c r="H1161" s="4">
        <v>1</v>
      </c>
      <c r="I1161" s="2">
        <v>14.65</v>
      </c>
      <c r="J1161" s="52" t="s">
        <v>4228</v>
      </c>
      <c r="K1161" s="71" t="s">
        <v>4229</v>
      </c>
      <c r="L1161" s="52" t="s">
        <v>2063</v>
      </c>
      <c r="M1161" s="72">
        <v>423</v>
      </c>
      <c r="N1161" s="52" t="s">
        <v>2072</v>
      </c>
      <c r="O1161" s="52" t="s">
        <v>2073</v>
      </c>
      <c r="P1161" s="52"/>
      <c r="Q1161" s="52"/>
      <c r="R1161" s="52"/>
      <c r="S1161" s="52"/>
      <c r="T1161" s="52"/>
      <c r="U1161" s="52"/>
      <c r="V1161" s="52"/>
      <c r="W1161" s="52"/>
    </row>
    <row r="1162" spans="1:23" hidden="1" x14ac:dyDescent="0.35">
      <c r="A1162" s="52" t="s">
        <v>78</v>
      </c>
      <c r="B1162" s="52" t="s">
        <v>79</v>
      </c>
      <c r="C1162" s="3">
        <v>10</v>
      </c>
      <c r="D1162" s="52" t="s">
        <v>80</v>
      </c>
      <c r="E1162" s="52" t="s">
        <v>26</v>
      </c>
      <c r="F1162" s="52" t="s">
        <v>81</v>
      </c>
      <c r="G1162" s="52" t="s">
        <v>82</v>
      </c>
      <c r="H1162" s="4">
        <v>1</v>
      </c>
      <c r="I1162" s="2">
        <v>14.65</v>
      </c>
      <c r="J1162" s="52" t="s">
        <v>4230</v>
      </c>
      <c r="K1162" s="71" t="s">
        <v>4231</v>
      </c>
      <c r="L1162" s="52" t="s">
        <v>2063</v>
      </c>
      <c r="M1162" s="72">
        <v>2184</v>
      </c>
      <c r="N1162" s="52" t="s">
        <v>2072</v>
      </c>
      <c r="O1162" s="52" t="s">
        <v>2073</v>
      </c>
      <c r="P1162" s="52"/>
      <c r="Q1162" s="52"/>
      <c r="R1162" s="52"/>
      <c r="S1162" s="52"/>
      <c r="T1162" s="52"/>
      <c r="U1162" s="52"/>
      <c r="V1162" s="52"/>
      <c r="W1162" s="52"/>
    </row>
    <row r="1163" spans="1:23" x14ac:dyDescent="0.35">
      <c r="A1163" s="52" t="s">
        <v>78</v>
      </c>
      <c r="B1163" s="52" t="s">
        <v>79</v>
      </c>
      <c r="C1163" s="3">
        <v>20</v>
      </c>
      <c r="D1163" s="52" t="s">
        <v>86</v>
      </c>
      <c r="E1163" s="52" t="s">
        <v>26</v>
      </c>
      <c r="F1163" s="52" t="s">
        <v>81</v>
      </c>
      <c r="G1163" s="52" t="s">
        <v>82</v>
      </c>
      <c r="H1163" s="4">
        <v>1</v>
      </c>
      <c r="I1163" s="2">
        <v>14.65</v>
      </c>
      <c r="J1163" s="52" t="s">
        <v>4232</v>
      </c>
      <c r="K1163" s="71" t="s">
        <v>4233</v>
      </c>
      <c r="L1163" s="52" t="s">
        <v>2063</v>
      </c>
      <c r="M1163" s="72">
        <v>4852</v>
      </c>
      <c r="N1163" s="52" t="s">
        <v>2259</v>
      </c>
      <c r="O1163" s="52" t="s">
        <v>2260</v>
      </c>
      <c r="P1163" s="52"/>
      <c r="Q1163" s="52"/>
      <c r="R1163" s="52"/>
      <c r="S1163" s="52"/>
      <c r="T1163" s="52"/>
      <c r="U1163" s="52"/>
      <c r="V1163" s="52"/>
      <c r="W1163" s="52"/>
    </row>
    <row r="1164" spans="1:23" hidden="1" x14ac:dyDescent="0.35">
      <c r="A1164" s="52" t="s">
        <v>78</v>
      </c>
      <c r="B1164" s="52" t="s">
        <v>79</v>
      </c>
      <c r="C1164" s="3">
        <v>10</v>
      </c>
      <c r="D1164" s="52" t="s">
        <v>2022</v>
      </c>
      <c r="E1164" s="52" t="s">
        <v>26</v>
      </c>
      <c r="F1164" s="52" t="s">
        <v>81</v>
      </c>
      <c r="G1164" s="52" t="s">
        <v>82</v>
      </c>
      <c r="H1164" s="4">
        <v>1</v>
      </c>
      <c r="I1164" s="2">
        <v>14.65</v>
      </c>
      <c r="J1164" s="52" t="s">
        <v>3655</v>
      </c>
      <c r="K1164" s="71" t="s">
        <v>4234</v>
      </c>
      <c r="L1164" s="52" t="s">
        <v>2063</v>
      </c>
      <c r="M1164" s="72">
        <v>5197</v>
      </c>
      <c r="N1164" s="52"/>
      <c r="O1164" s="52"/>
      <c r="P1164" s="52"/>
      <c r="Q1164" s="52"/>
      <c r="R1164" s="52"/>
      <c r="S1164" s="52"/>
      <c r="T1164" s="52"/>
      <c r="U1164" s="52"/>
      <c r="V1164" s="52"/>
      <c r="W1164" s="52"/>
    </row>
    <row r="1165" spans="1:23" x14ac:dyDescent="0.35">
      <c r="A1165" s="52" t="s">
        <v>78</v>
      </c>
      <c r="B1165" s="52" t="s">
        <v>79</v>
      </c>
      <c r="C1165" s="3">
        <v>20</v>
      </c>
      <c r="D1165" s="52" t="s">
        <v>2022</v>
      </c>
      <c r="E1165" s="52" t="s">
        <v>26</v>
      </c>
      <c r="F1165" s="52" t="s">
        <v>81</v>
      </c>
      <c r="G1165" s="52" t="s">
        <v>82</v>
      </c>
      <c r="H1165" s="4">
        <v>1</v>
      </c>
      <c r="I1165" s="2">
        <v>14.65</v>
      </c>
      <c r="J1165" s="52" t="s">
        <v>4235</v>
      </c>
      <c r="K1165" s="71" t="s">
        <v>4236</v>
      </c>
      <c r="L1165" s="52" t="s">
        <v>2063</v>
      </c>
      <c r="M1165" s="72">
        <v>5605</v>
      </c>
      <c r="N1165" s="52" t="s">
        <v>2259</v>
      </c>
      <c r="O1165" s="52" t="s">
        <v>2260</v>
      </c>
      <c r="P1165" s="52"/>
      <c r="Q1165" s="52"/>
      <c r="R1165" s="52"/>
      <c r="S1165" s="52"/>
      <c r="T1165" s="52"/>
      <c r="U1165" s="52"/>
      <c r="V1165" s="52"/>
      <c r="W1165" s="52"/>
    </row>
    <row r="1166" spans="1:23" hidden="1" x14ac:dyDescent="0.35">
      <c r="A1166" s="52" t="s">
        <v>78</v>
      </c>
      <c r="B1166" s="52" t="s">
        <v>79</v>
      </c>
      <c r="C1166" s="3">
        <v>10</v>
      </c>
      <c r="D1166" s="52" t="s">
        <v>85</v>
      </c>
      <c r="E1166" s="52" t="s">
        <v>26</v>
      </c>
      <c r="F1166" s="52" t="s">
        <v>81</v>
      </c>
      <c r="G1166" s="52" t="s">
        <v>82</v>
      </c>
      <c r="H1166" s="4">
        <v>1</v>
      </c>
      <c r="I1166" s="2">
        <v>14.65</v>
      </c>
      <c r="J1166" s="52" t="s">
        <v>4237</v>
      </c>
      <c r="K1166" s="71" t="s">
        <v>4238</v>
      </c>
      <c r="L1166" s="52" t="s">
        <v>2063</v>
      </c>
      <c r="M1166" s="72">
        <v>2030</v>
      </c>
      <c r="N1166" s="52" t="s">
        <v>2072</v>
      </c>
      <c r="O1166" s="52" t="s">
        <v>2073</v>
      </c>
      <c r="P1166" s="52"/>
      <c r="Q1166" s="52"/>
      <c r="R1166" s="52"/>
      <c r="S1166" s="52"/>
      <c r="T1166" s="52"/>
      <c r="U1166" s="52"/>
      <c r="V1166" s="52"/>
      <c r="W1166" s="52"/>
    </row>
    <row r="1167" spans="1:23" hidden="1" x14ac:dyDescent="0.35">
      <c r="A1167" s="52" t="s">
        <v>78</v>
      </c>
      <c r="B1167" s="52" t="s">
        <v>79</v>
      </c>
      <c r="C1167" s="3">
        <v>20</v>
      </c>
      <c r="D1167" s="52" t="s">
        <v>2023</v>
      </c>
      <c r="E1167" s="52" t="s">
        <v>26</v>
      </c>
      <c r="F1167" s="52" t="s">
        <v>81</v>
      </c>
      <c r="G1167" s="52" t="s">
        <v>82</v>
      </c>
      <c r="H1167" s="4">
        <v>1</v>
      </c>
      <c r="I1167" s="2">
        <v>14.65</v>
      </c>
      <c r="J1167" s="52" t="s">
        <v>4239</v>
      </c>
      <c r="K1167" s="71" t="s">
        <v>4240</v>
      </c>
      <c r="L1167" s="52" t="s">
        <v>2063</v>
      </c>
      <c r="M1167" s="72">
        <v>3901</v>
      </c>
      <c r="N1167" s="52"/>
      <c r="O1167" s="52"/>
      <c r="P1167" s="52"/>
      <c r="Q1167" s="52"/>
      <c r="R1167" s="52"/>
      <c r="S1167" s="52"/>
      <c r="T1167" s="52"/>
      <c r="U1167" s="52"/>
      <c r="V1167" s="52"/>
      <c r="W1167" s="52"/>
    </row>
    <row r="1168" spans="1:23" hidden="1" x14ac:dyDescent="0.35">
      <c r="A1168" s="52" t="s">
        <v>78</v>
      </c>
      <c r="B1168" s="52" t="s">
        <v>79</v>
      </c>
      <c r="C1168" s="3">
        <v>10</v>
      </c>
      <c r="D1168" s="52" t="s">
        <v>2022</v>
      </c>
      <c r="E1168" s="52" t="s">
        <v>26</v>
      </c>
      <c r="F1168" s="52" t="s">
        <v>81</v>
      </c>
      <c r="G1168" s="52" t="s">
        <v>82</v>
      </c>
      <c r="H1168" s="4">
        <v>1</v>
      </c>
      <c r="I1168" s="2">
        <v>14.65</v>
      </c>
      <c r="J1168" s="52" t="s">
        <v>4241</v>
      </c>
      <c r="K1168" s="71" t="s">
        <v>4242</v>
      </c>
      <c r="L1168" s="52" t="s">
        <v>2063</v>
      </c>
      <c r="M1168" s="72">
        <v>9403</v>
      </c>
      <c r="N1168" s="52" t="s">
        <v>2072</v>
      </c>
      <c r="O1168" s="52" t="s">
        <v>2073</v>
      </c>
      <c r="P1168" s="52"/>
      <c r="Q1168" s="52"/>
      <c r="R1168" s="52"/>
      <c r="S1168" s="52"/>
      <c r="T1168" s="52"/>
      <c r="U1168" s="52"/>
      <c r="V1168" s="52"/>
      <c r="W1168" s="52"/>
    </row>
    <row r="1169" spans="1:23" hidden="1" x14ac:dyDescent="0.35">
      <c r="A1169" s="52" t="s">
        <v>78</v>
      </c>
      <c r="B1169" s="52" t="s">
        <v>79</v>
      </c>
      <c r="C1169" s="3">
        <v>20</v>
      </c>
      <c r="D1169" s="52" t="s">
        <v>80</v>
      </c>
      <c r="E1169" s="52" t="s">
        <v>26</v>
      </c>
      <c r="F1169" s="52" t="s">
        <v>81</v>
      </c>
      <c r="G1169" s="52" t="s">
        <v>82</v>
      </c>
      <c r="H1169" s="4">
        <v>1</v>
      </c>
      <c r="I1169" s="2">
        <v>14.65</v>
      </c>
      <c r="J1169" s="52" t="s">
        <v>4243</v>
      </c>
      <c r="K1169" s="71" t="s">
        <v>4244</v>
      </c>
      <c r="L1169" s="52" t="s">
        <v>2063</v>
      </c>
      <c r="M1169" s="72">
        <v>5860</v>
      </c>
      <c r="N1169" s="52" t="s">
        <v>2072</v>
      </c>
      <c r="O1169" s="52" t="s">
        <v>2073</v>
      </c>
      <c r="P1169" s="52"/>
      <c r="Q1169" s="52"/>
      <c r="R1169" s="52"/>
      <c r="S1169" s="52"/>
      <c r="T1169" s="52"/>
      <c r="U1169" s="52"/>
      <c r="V1169" s="52"/>
      <c r="W1169" s="52"/>
    </row>
    <row r="1170" spans="1:23" hidden="1" x14ac:dyDescent="0.35">
      <c r="A1170" s="52" t="s">
        <v>78</v>
      </c>
      <c r="B1170" s="52" t="s">
        <v>79</v>
      </c>
      <c r="C1170" s="3">
        <v>20</v>
      </c>
      <c r="D1170" s="52" t="s">
        <v>80</v>
      </c>
      <c r="E1170" s="52" t="s">
        <v>26</v>
      </c>
      <c r="F1170" s="52" t="s">
        <v>81</v>
      </c>
      <c r="G1170" s="52" t="s">
        <v>82</v>
      </c>
      <c r="H1170" s="4">
        <v>1</v>
      </c>
      <c r="I1170" s="2">
        <v>14.65</v>
      </c>
      <c r="J1170" s="52" t="s">
        <v>3390</v>
      </c>
      <c r="K1170" s="71" t="s">
        <v>4245</v>
      </c>
      <c r="L1170" s="52" t="s">
        <v>2063</v>
      </c>
      <c r="M1170" s="72">
        <v>1046</v>
      </c>
      <c r="N1170" s="52"/>
      <c r="O1170" s="52"/>
      <c r="P1170" s="52"/>
      <c r="Q1170" s="52"/>
      <c r="R1170" s="52"/>
      <c r="S1170" s="52"/>
      <c r="T1170" s="52"/>
      <c r="U1170" s="52"/>
      <c r="V1170" s="52"/>
      <c r="W1170" s="52"/>
    </row>
    <row r="1171" spans="1:23" x14ac:dyDescent="0.35">
      <c r="A1171" s="52" t="s">
        <v>78</v>
      </c>
      <c r="B1171" s="52" t="s">
        <v>79</v>
      </c>
      <c r="C1171" s="3">
        <v>20</v>
      </c>
      <c r="D1171" s="52" t="s">
        <v>87</v>
      </c>
      <c r="E1171" s="52" t="s">
        <v>26</v>
      </c>
      <c r="F1171" s="52" t="s">
        <v>81</v>
      </c>
      <c r="G1171" s="52" t="s">
        <v>82</v>
      </c>
      <c r="H1171" s="4">
        <v>1</v>
      </c>
      <c r="I1171" s="2">
        <v>14.65</v>
      </c>
      <c r="J1171" s="52" t="s">
        <v>4246</v>
      </c>
      <c r="K1171" s="71" t="s">
        <v>4247</v>
      </c>
      <c r="L1171" s="52" t="s">
        <v>2063</v>
      </c>
      <c r="M1171" s="72">
        <v>347</v>
      </c>
      <c r="N1171" s="52" t="s">
        <v>2238</v>
      </c>
      <c r="O1171" s="52" t="s">
        <v>2239</v>
      </c>
      <c r="P1171" s="52"/>
      <c r="Q1171" s="52"/>
      <c r="R1171" s="52"/>
      <c r="S1171" s="52"/>
      <c r="T1171" s="52"/>
      <c r="U1171" s="52"/>
      <c r="V1171" s="52"/>
      <c r="W1171" s="52"/>
    </row>
    <row r="1172" spans="1:23" hidden="1" x14ac:dyDescent="0.35">
      <c r="A1172" s="52" t="s">
        <v>78</v>
      </c>
      <c r="B1172" s="52" t="s">
        <v>79</v>
      </c>
      <c r="C1172" s="3">
        <v>20</v>
      </c>
      <c r="D1172" s="52" t="s">
        <v>85</v>
      </c>
      <c r="E1172" s="52" t="s">
        <v>26</v>
      </c>
      <c r="F1172" s="52" t="s">
        <v>81</v>
      </c>
      <c r="G1172" s="52" t="s">
        <v>82</v>
      </c>
      <c r="H1172" s="4">
        <v>1</v>
      </c>
      <c r="I1172" s="2">
        <v>14.65</v>
      </c>
      <c r="J1172" s="52" t="s">
        <v>4248</v>
      </c>
      <c r="K1172" s="71" t="s">
        <v>4249</v>
      </c>
      <c r="L1172" s="52" t="s">
        <v>2063</v>
      </c>
      <c r="M1172" s="72">
        <v>4659</v>
      </c>
      <c r="N1172" s="52" t="s">
        <v>2072</v>
      </c>
      <c r="O1172" s="52" t="s">
        <v>2073</v>
      </c>
      <c r="P1172" s="52"/>
      <c r="Q1172" s="52"/>
      <c r="R1172" s="52"/>
      <c r="S1172" s="52"/>
      <c r="T1172" s="52"/>
      <c r="U1172" s="52"/>
      <c r="V1172" s="52"/>
      <c r="W1172" s="52"/>
    </row>
    <row r="1173" spans="1:23" hidden="1" x14ac:dyDescent="0.35">
      <c r="A1173" s="52" t="s">
        <v>78</v>
      </c>
      <c r="B1173" s="52" t="s">
        <v>79</v>
      </c>
      <c r="C1173" s="3">
        <v>10</v>
      </c>
      <c r="D1173" s="52" t="s">
        <v>80</v>
      </c>
      <c r="E1173" s="52" t="s">
        <v>26</v>
      </c>
      <c r="F1173" s="52" t="s">
        <v>81</v>
      </c>
      <c r="G1173" s="52" t="s">
        <v>82</v>
      </c>
      <c r="H1173" s="4">
        <v>1</v>
      </c>
      <c r="I1173" s="2">
        <v>14.65</v>
      </c>
      <c r="J1173" s="52" t="s">
        <v>4250</v>
      </c>
      <c r="K1173" s="71" t="s">
        <v>4251</v>
      </c>
      <c r="L1173" s="52" t="s">
        <v>2063</v>
      </c>
      <c r="M1173" s="72">
        <v>3153</v>
      </c>
      <c r="N1173" s="52" t="s">
        <v>2072</v>
      </c>
      <c r="O1173" s="52" t="s">
        <v>2073</v>
      </c>
      <c r="P1173" s="52"/>
      <c r="Q1173" s="52"/>
      <c r="R1173" s="52"/>
      <c r="S1173" s="52"/>
      <c r="T1173" s="52"/>
      <c r="U1173" s="52"/>
      <c r="V1173" s="52"/>
      <c r="W1173" s="52"/>
    </row>
    <row r="1174" spans="1:23" hidden="1" x14ac:dyDescent="0.35">
      <c r="A1174" s="52" t="s">
        <v>78</v>
      </c>
      <c r="B1174" s="52" t="s">
        <v>79</v>
      </c>
      <c r="C1174" s="3">
        <v>20</v>
      </c>
      <c r="D1174" s="52" t="s">
        <v>2020</v>
      </c>
      <c r="E1174" s="52" t="s">
        <v>26</v>
      </c>
      <c r="F1174" s="52" t="s">
        <v>81</v>
      </c>
      <c r="G1174" s="52" t="s">
        <v>82</v>
      </c>
      <c r="H1174" s="4">
        <v>1</v>
      </c>
      <c r="I1174" s="2">
        <v>14.65</v>
      </c>
      <c r="J1174" s="52" t="s">
        <v>4252</v>
      </c>
      <c r="K1174" s="71" t="s">
        <v>4253</v>
      </c>
      <c r="L1174" s="52" t="s">
        <v>2063</v>
      </c>
      <c r="M1174" s="72">
        <v>1687</v>
      </c>
      <c r="N1174" s="52" t="s">
        <v>2072</v>
      </c>
      <c r="O1174" s="52" t="s">
        <v>2073</v>
      </c>
      <c r="P1174" s="52"/>
      <c r="Q1174" s="52"/>
      <c r="R1174" s="52"/>
      <c r="S1174" s="52"/>
      <c r="T1174" s="52"/>
      <c r="U1174" s="52"/>
      <c r="V1174" s="52"/>
      <c r="W1174" s="52"/>
    </row>
    <row r="1175" spans="1:23" hidden="1" x14ac:dyDescent="0.35">
      <c r="A1175" s="52" t="s">
        <v>78</v>
      </c>
      <c r="B1175" s="52" t="s">
        <v>79</v>
      </c>
      <c r="C1175" s="3">
        <v>211</v>
      </c>
      <c r="D1175" s="52" t="s">
        <v>86</v>
      </c>
      <c r="E1175" s="52" t="s">
        <v>26</v>
      </c>
      <c r="F1175" s="52" t="s">
        <v>81</v>
      </c>
      <c r="G1175" s="52" t="s">
        <v>82</v>
      </c>
      <c r="H1175" s="4">
        <v>1</v>
      </c>
      <c r="I1175" s="2">
        <v>14.65</v>
      </c>
      <c r="J1175" s="52" t="s">
        <v>4254</v>
      </c>
      <c r="K1175" s="71" t="s">
        <v>4255</v>
      </c>
      <c r="L1175" s="52" t="s">
        <v>2063</v>
      </c>
      <c r="M1175" s="72">
        <v>7088</v>
      </c>
      <c r="N1175" s="52" t="s">
        <v>2072</v>
      </c>
      <c r="O1175" s="52" t="s">
        <v>2073</v>
      </c>
      <c r="P1175" s="52"/>
      <c r="Q1175" s="52"/>
      <c r="R1175" s="52"/>
      <c r="S1175" s="52"/>
      <c r="T1175" s="52"/>
      <c r="U1175" s="52"/>
      <c r="V1175" s="52"/>
      <c r="W1175" s="52"/>
    </row>
    <row r="1176" spans="1:23" hidden="1" x14ac:dyDescent="0.35">
      <c r="A1176" s="52" t="s">
        <v>78</v>
      </c>
      <c r="B1176" s="52" t="s">
        <v>79</v>
      </c>
      <c r="C1176" s="3">
        <v>20</v>
      </c>
      <c r="D1176" s="52" t="s">
        <v>2019</v>
      </c>
      <c r="E1176" s="52" t="s">
        <v>26</v>
      </c>
      <c r="F1176" s="52" t="s">
        <v>81</v>
      </c>
      <c r="G1176" s="52" t="s">
        <v>82</v>
      </c>
      <c r="H1176" s="4">
        <v>1</v>
      </c>
      <c r="I1176" s="2">
        <v>14.65</v>
      </c>
      <c r="J1176" s="52" t="s">
        <v>4256</v>
      </c>
      <c r="K1176" s="71" t="s">
        <v>4257</v>
      </c>
      <c r="L1176" s="52" t="s">
        <v>2095</v>
      </c>
      <c r="M1176" s="72">
        <v>5731</v>
      </c>
      <c r="N1176" s="52"/>
      <c r="O1176" s="52"/>
      <c r="P1176" s="52"/>
      <c r="Q1176" s="52"/>
      <c r="R1176" s="52"/>
      <c r="S1176" s="52"/>
      <c r="T1176" s="52"/>
      <c r="U1176" s="52"/>
      <c r="V1176" s="52"/>
      <c r="W1176" s="52"/>
    </row>
    <row r="1177" spans="1:23" hidden="1" x14ac:dyDescent="0.35">
      <c r="A1177" s="52" t="s">
        <v>78</v>
      </c>
      <c r="B1177" s="52" t="s">
        <v>79</v>
      </c>
      <c r="C1177" s="3">
        <v>20</v>
      </c>
      <c r="D1177" s="52" t="s">
        <v>85</v>
      </c>
      <c r="E1177" s="52" t="s">
        <v>26</v>
      </c>
      <c r="F1177" s="52" t="s">
        <v>81</v>
      </c>
      <c r="G1177" s="52" t="s">
        <v>82</v>
      </c>
      <c r="H1177" s="4">
        <v>1</v>
      </c>
      <c r="I1177" s="2">
        <v>14.65</v>
      </c>
      <c r="J1177" s="52" t="s">
        <v>4258</v>
      </c>
      <c r="K1177" s="71" t="s">
        <v>4259</v>
      </c>
      <c r="L1177" s="52" t="s">
        <v>2063</v>
      </c>
      <c r="M1177" s="72">
        <v>8034</v>
      </c>
      <c r="N1177" s="52" t="s">
        <v>2072</v>
      </c>
      <c r="O1177" s="52" t="s">
        <v>2073</v>
      </c>
      <c r="P1177" s="52"/>
      <c r="Q1177" s="52"/>
      <c r="R1177" s="52"/>
      <c r="S1177" s="52"/>
      <c r="T1177" s="52"/>
      <c r="U1177" s="52"/>
      <c r="V1177" s="52"/>
      <c r="W1177" s="52"/>
    </row>
    <row r="1178" spans="1:23" hidden="1" x14ac:dyDescent="0.35">
      <c r="A1178" s="52" t="s">
        <v>78</v>
      </c>
      <c r="B1178" s="52" t="s">
        <v>79</v>
      </c>
      <c r="C1178" s="3">
        <v>20</v>
      </c>
      <c r="D1178" s="52" t="s">
        <v>86</v>
      </c>
      <c r="E1178" s="52" t="s">
        <v>26</v>
      </c>
      <c r="F1178" s="52" t="s">
        <v>81</v>
      </c>
      <c r="G1178" s="52" t="s">
        <v>82</v>
      </c>
      <c r="H1178" s="4">
        <v>1</v>
      </c>
      <c r="I1178" s="2">
        <v>14.65</v>
      </c>
      <c r="J1178" s="52" t="s">
        <v>4260</v>
      </c>
      <c r="K1178" s="71" t="s">
        <v>4261</v>
      </c>
      <c r="L1178" s="52" t="s">
        <v>2063</v>
      </c>
      <c r="M1178" s="72">
        <v>9863</v>
      </c>
      <c r="N1178" s="52" t="s">
        <v>2072</v>
      </c>
      <c r="O1178" s="52" t="s">
        <v>2073</v>
      </c>
      <c r="P1178" s="52"/>
      <c r="Q1178" s="52"/>
      <c r="R1178" s="52"/>
      <c r="S1178" s="52"/>
      <c r="T1178" s="52"/>
      <c r="U1178" s="52"/>
      <c r="V1178" s="52"/>
      <c r="W1178" s="52"/>
    </row>
    <row r="1179" spans="1:23" x14ac:dyDescent="0.35">
      <c r="A1179" s="52" t="s">
        <v>78</v>
      </c>
      <c r="B1179" s="52" t="s">
        <v>79</v>
      </c>
      <c r="C1179" s="3">
        <v>20</v>
      </c>
      <c r="D1179" s="52" t="s">
        <v>84</v>
      </c>
      <c r="E1179" s="52" t="s">
        <v>26</v>
      </c>
      <c r="F1179" s="52" t="s">
        <v>81</v>
      </c>
      <c r="G1179" s="52" t="s">
        <v>82</v>
      </c>
      <c r="H1179" s="4">
        <v>1</v>
      </c>
      <c r="I1179" s="2">
        <v>14.65</v>
      </c>
      <c r="J1179" s="52" t="s">
        <v>4262</v>
      </c>
      <c r="K1179" s="71" t="s">
        <v>4263</v>
      </c>
      <c r="L1179" s="52" t="s">
        <v>2063</v>
      </c>
      <c r="M1179" s="72">
        <v>2882</v>
      </c>
      <c r="N1179" s="52" t="s">
        <v>2076</v>
      </c>
      <c r="O1179" s="52" t="s">
        <v>2077</v>
      </c>
      <c r="P1179" s="52"/>
      <c r="Q1179" s="52"/>
      <c r="R1179" s="52"/>
      <c r="S1179" s="52"/>
      <c r="T1179" s="52"/>
      <c r="U1179" s="52"/>
      <c r="V1179" s="52"/>
      <c r="W1179" s="52"/>
    </row>
    <row r="1180" spans="1:23" hidden="1" x14ac:dyDescent="0.35">
      <c r="A1180" s="52" t="s">
        <v>78</v>
      </c>
      <c r="B1180" s="52" t="s">
        <v>79</v>
      </c>
      <c r="C1180" s="3">
        <v>20</v>
      </c>
      <c r="D1180" s="52" t="s">
        <v>83</v>
      </c>
      <c r="E1180" s="52" t="s">
        <v>26</v>
      </c>
      <c r="F1180" s="52" t="s">
        <v>81</v>
      </c>
      <c r="G1180" s="52" t="s">
        <v>82</v>
      </c>
      <c r="H1180" s="4">
        <v>1</v>
      </c>
      <c r="I1180" s="2">
        <v>14.65</v>
      </c>
      <c r="J1180" s="52" t="s">
        <v>4264</v>
      </c>
      <c r="K1180" s="71" t="s">
        <v>4265</v>
      </c>
      <c r="L1180" s="52" t="s">
        <v>2063</v>
      </c>
      <c r="M1180" s="72">
        <v>6562</v>
      </c>
      <c r="N1180" s="52" t="s">
        <v>2072</v>
      </c>
      <c r="O1180" s="52" t="s">
        <v>2073</v>
      </c>
      <c r="P1180" s="52"/>
      <c r="Q1180" s="52"/>
      <c r="R1180" s="52"/>
      <c r="S1180" s="52"/>
      <c r="T1180" s="52"/>
      <c r="U1180" s="52"/>
      <c r="V1180" s="52"/>
      <c r="W1180" s="52"/>
    </row>
    <row r="1181" spans="1:23" hidden="1" x14ac:dyDescent="0.35">
      <c r="A1181" s="52" t="s">
        <v>78</v>
      </c>
      <c r="B1181" s="52" t="s">
        <v>79</v>
      </c>
      <c r="C1181" s="3">
        <v>10</v>
      </c>
      <c r="D1181" s="52" t="s">
        <v>85</v>
      </c>
      <c r="E1181" s="52" t="s">
        <v>26</v>
      </c>
      <c r="F1181" s="52" t="s">
        <v>81</v>
      </c>
      <c r="G1181" s="52" t="s">
        <v>82</v>
      </c>
      <c r="H1181" s="4">
        <v>1</v>
      </c>
      <c r="I1181" s="2">
        <v>14.65</v>
      </c>
      <c r="J1181" s="52" t="s">
        <v>4266</v>
      </c>
      <c r="K1181" s="71" t="s">
        <v>4267</v>
      </c>
      <c r="L1181" s="52" t="s">
        <v>2063</v>
      </c>
      <c r="M1181" s="72">
        <v>320</v>
      </c>
      <c r="N1181" s="52" t="s">
        <v>2072</v>
      </c>
      <c r="O1181" s="52" t="s">
        <v>2073</v>
      </c>
      <c r="P1181" s="52"/>
      <c r="Q1181" s="52"/>
      <c r="R1181" s="52"/>
      <c r="S1181" s="52"/>
      <c r="T1181" s="52"/>
      <c r="U1181" s="52"/>
      <c r="V1181" s="52"/>
      <c r="W1181" s="52"/>
    </row>
    <row r="1182" spans="1:23" hidden="1" x14ac:dyDescent="0.35">
      <c r="A1182" s="52" t="s">
        <v>78</v>
      </c>
      <c r="B1182" s="52" t="s">
        <v>79</v>
      </c>
      <c r="C1182" s="3">
        <v>20</v>
      </c>
      <c r="D1182" s="52" t="s">
        <v>2021</v>
      </c>
      <c r="E1182" s="52" t="s">
        <v>26</v>
      </c>
      <c r="F1182" s="52" t="s">
        <v>81</v>
      </c>
      <c r="G1182" s="52" t="s">
        <v>82</v>
      </c>
      <c r="H1182" s="4">
        <v>1</v>
      </c>
      <c r="I1182" s="2">
        <v>14.65</v>
      </c>
      <c r="J1182" s="52" t="s">
        <v>4268</v>
      </c>
      <c r="K1182" s="71" t="s">
        <v>4269</v>
      </c>
      <c r="L1182" s="52" t="s">
        <v>2063</v>
      </c>
      <c r="M1182" s="72">
        <v>386</v>
      </c>
      <c r="N1182" s="52" t="s">
        <v>2072</v>
      </c>
      <c r="O1182" s="52" t="s">
        <v>2073</v>
      </c>
      <c r="P1182" s="52"/>
      <c r="Q1182" s="52"/>
      <c r="R1182" s="52"/>
      <c r="S1182" s="52"/>
      <c r="T1182" s="52"/>
      <c r="U1182" s="52"/>
      <c r="V1182" s="52"/>
      <c r="W1182" s="52"/>
    </row>
    <row r="1183" spans="1:23" hidden="1" x14ac:dyDescent="0.35">
      <c r="A1183" s="52" t="s">
        <v>78</v>
      </c>
      <c r="B1183" s="52" t="s">
        <v>79</v>
      </c>
      <c r="C1183" s="3">
        <v>211</v>
      </c>
      <c r="D1183" s="52" t="s">
        <v>80</v>
      </c>
      <c r="E1183" s="52" t="s">
        <v>26</v>
      </c>
      <c r="F1183" s="52" t="s">
        <v>81</v>
      </c>
      <c r="G1183" s="52" t="s">
        <v>82</v>
      </c>
      <c r="H1183" s="4">
        <v>1</v>
      </c>
      <c r="I1183" s="2">
        <v>14.65</v>
      </c>
      <c r="J1183" s="52" t="s">
        <v>4270</v>
      </c>
      <c r="K1183" s="71" t="s">
        <v>4271</v>
      </c>
      <c r="L1183" s="52" t="s">
        <v>2063</v>
      </c>
      <c r="M1183" s="72">
        <v>9783</v>
      </c>
      <c r="N1183" s="52" t="s">
        <v>2066</v>
      </c>
      <c r="O1183" s="52" t="s">
        <v>2067</v>
      </c>
      <c r="P1183" s="52"/>
      <c r="Q1183" s="52"/>
      <c r="R1183" s="52"/>
      <c r="S1183" s="52"/>
      <c r="T1183" s="52"/>
      <c r="U1183" s="52"/>
      <c r="V1183" s="52"/>
      <c r="W1183" s="52"/>
    </row>
    <row r="1184" spans="1:23" hidden="1" x14ac:dyDescent="0.35">
      <c r="A1184" s="52" t="s">
        <v>78</v>
      </c>
      <c r="B1184" s="52" t="s">
        <v>79</v>
      </c>
      <c r="C1184" s="3">
        <v>20</v>
      </c>
      <c r="D1184" s="52" t="s">
        <v>80</v>
      </c>
      <c r="E1184" s="52" t="s">
        <v>26</v>
      </c>
      <c r="F1184" s="52" t="s">
        <v>81</v>
      </c>
      <c r="G1184" s="52" t="s">
        <v>82</v>
      </c>
      <c r="H1184" s="4">
        <v>1</v>
      </c>
      <c r="I1184" s="2">
        <v>14.65</v>
      </c>
      <c r="J1184" s="52" t="s">
        <v>4272</v>
      </c>
      <c r="K1184" s="71" t="s">
        <v>4273</v>
      </c>
      <c r="L1184" s="52" t="s">
        <v>2063</v>
      </c>
      <c r="M1184" s="72">
        <v>4963</v>
      </c>
      <c r="N1184" s="52" t="s">
        <v>2072</v>
      </c>
      <c r="O1184" s="52" t="s">
        <v>2073</v>
      </c>
      <c r="P1184" s="52"/>
      <c r="Q1184" s="52"/>
      <c r="R1184" s="52"/>
      <c r="S1184" s="52"/>
      <c r="T1184" s="52"/>
      <c r="U1184" s="52"/>
      <c r="V1184" s="52"/>
      <c r="W1184" s="52"/>
    </row>
    <row r="1185" spans="1:23" hidden="1" x14ac:dyDescent="0.35">
      <c r="A1185" s="52" t="s">
        <v>78</v>
      </c>
      <c r="B1185" s="52" t="s">
        <v>79</v>
      </c>
      <c r="C1185" s="3">
        <v>20</v>
      </c>
      <c r="D1185" s="52" t="s">
        <v>2024</v>
      </c>
      <c r="E1185" s="52" t="s">
        <v>26</v>
      </c>
      <c r="F1185" s="52" t="s">
        <v>81</v>
      </c>
      <c r="G1185" s="52" t="s">
        <v>82</v>
      </c>
      <c r="H1185" s="4">
        <v>1</v>
      </c>
      <c r="I1185" s="2">
        <v>14.65</v>
      </c>
      <c r="J1185" s="52" t="s">
        <v>3412</v>
      </c>
      <c r="K1185" s="71" t="s">
        <v>4274</v>
      </c>
      <c r="L1185" s="52" t="s">
        <v>2063</v>
      </c>
      <c r="M1185" s="72">
        <v>8203</v>
      </c>
      <c r="N1185" s="52" t="s">
        <v>2072</v>
      </c>
      <c r="O1185" s="52" t="s">
        <v>2073</v>
      </c>
      <c r="P1185" s="52"/>
      <c r="Q1185" s="52"/>
      <c r="R1185" s="52"/>
      <c r="S1185" s="52"/>
      <c r="T1185" s="52"/>
      <c r="U1185" s="52"/>
      <c r="V1185" s="52"/>
      <c r="W1185" s="52"/>
    </row>
    <row r="1186" spans="1:23" hidden="1" x14ac:dyDescent="0.35">
      <c r="A1186" s="52" t="s">
        <v>78</v>
      </c>
      <c r="B1186" s="52" t="s">
        <v>79</v>
      </c>
      <c r="C1186" s="3">
        <v>10</v>
      </c>
      <c r="D1186" s="52" t="s">
        <v>2022</v>
      </c>
      <c r="E1186" s="52" t="s">
        <v>26</v>
      </c>
      <c r="F1186" s="52" t="s">
        <v>81</v>
      </c>
      <c r="G1186" s="52" t="s">
        <v>82</v>
      </c>
      <c r="H1186" s="4">
        <v>1</v>
      </c>
      <c r="I1186" s="2">
        <v>14.65</v>
      </c>
      <c r="J1186" s="52" t="s">
        <v>4275</v>
      </c>
      <c r="K1186" s="71" t="s">
        <v>4276</v>
      </c>
      <c r="L1186" s="52" t="s">
        <v>2063</v>
      </c>
      <c r="M1186" s="72">
        <v>3128</v>
      </c>
      <c r="N1186" s="52" t="s">
        <v>2072</v>
      </c>
      <c r="O1186" s="52" t="s">
        <v>2073</v>
      </c>
      <c r="P1186" s="52"/>
      <c r="Q1186" s="52"/>
      <c r="R1186" s="52"/>
      <c r="S1186" s="52"/>
      <c r="T1186" s="52"/>
      <c r="U1186" s="52"/>
      <c r="V1186" s="52"/>
      <c r="W1186" s="52"/>
    </row>
    <row r="1187" spans="1:23" hidden="1" x14ac:dyDescent="0.35">
      <c r="A1187" s="52" t="s">
        <v>78</v>
      </c>
      <c r="B1187" s="52" t="s">
        <v>79</v>
      </c>
      <c r="C1187" s="3">
        <v>10</v>
      </c>
      <c r="D1187" s="52" t="s">
        <v>80</v>
      </c>
      <c r="E1187" s="52" t="s">
        <v>26</v>
      </c>
      <c r="F1187" s="52" t="s">
        <v>81</v>
      </c>
      <c r="G1187" s="52" t="s">
        <v>82</v>
      </c>
      <c r="H1187" s="4">
        <v>1</v>
      </c>
      <c r="I1187" s="2">
        <v>14.65</v>
      </c>
      <c r="J1187" s="52" t="s">
        <v>4277</v>
      </c>
      <c r="K1187" s="71" t="s">
        <v>4278</v>
      </c>
      <c r="L1187" s="52" t="s">
        <v>2063</v>
      </c>
      <c r="M1187" s="72">
        <v>9020</v>
      </c>
      <c r="N1187" s="52" t="s">
        <v>2066</v>
      </c>
      <c r="O1187" s="52" t="s">
        <v>2067</v>
      </c>
      <c r="P1187" s="52"/>
      <c r="Q1187" s="52"/>
      <c r="R1187" s="52"/>
      <c r="S1187" s="52"/>
      <c r="T1187" s="52"/>
      <c r="U1187" s="52"/>
      <c r="V1187" s="52"/>
      <c r="W1187" s="52"/>
    </row>
    <row r="1188" spans="1:23" hidden="1" x14ac:dyDescent="0.35">
      <c r="A1188" s="52" t="s">
        <v>78</v>
      </c>
      <c r="B1188" s="52" t="s">
        <v>79</v>
      </c>
      <c r="C1188" s="3">
        <v>20</v>
      </c>
      <c r="D1188" s="52" t="s">
        <v>84</v>
      </c>
      <c r="E1188" s="52" t="s">
        <v>26</v>
      </c>
      <c r="F1188" s="52" t="s">
        <v>81</v>
      </c>
      <c r="G1188" s="52" t="s">
        <v>82</v>
      </c>
      <c r="H1188" s="4">
        <v>1</v>
      </c>
      <c r="I1188" s="2">
        <v>14.65</v>
      </c>
      <c r="J1188" s="52" t="s">
        <v>4279</v>
      </c>
      <c r="K1188" s="71" t="s">
        <v>4280</v>
      </c>
      <c r="L1188" s="52" t="s">
        <v>2063</v>
      </c>
      <c r="M1188" s="72">
        <v>1372</v>
      </c>
      <c r="N1188" s="52" t="s">
        <v>2072</v>
      </c>
      <c r="O1188" s="52" t="s">
        <v>2073</v>
      </c>
      <c r="P1188" s="52"/>
      <c r="Q1188" s="52"/>
      <c r="R1188" s="52"/>
      <c r="S1188" s="52"/>
      <c r="T1188" s="52"/>
      <c r="U1188" s="52"/>
      <c r="V1188" s="52"/>
      <c r="W1188" s="52"/>
    </row>
    <row r="1189" spans="1:23" hidden="1" x14ac:dyDescent="0.35">
      <c r="A1189" s="52" t="s">
        <v>78</v>
      </c>
      <c r="B1189" s="52" t="s">
        <v>79</v>
      </c>
      <c r="C1189" s="3">
        <v>10</v>
      </c>
      <c r="D1189" s="52" t="s">
        <v>2019</v>
      </c>
      <c r="E1189" s="52" t="s">
        <v>26</v>
      </c>
      <c r="F1189" s="52" t="s">
        <v>81</v>
      </c>
      <c r="G1189" s="52" t="s">
        <v>82</v>
      </c>
      <c r="H1189" s="4">
        <v>1</v>
      </c>
      <c r="I1189" s="2">
        <v>14.65</v>
      </c>
      <c r="J1189" s="52" t="s">
        <v>4281</v>
      </c>
      <c r="K1189" s="71" t="s">
        <v>4282</v>
      </c>
      <c r="L1189" s="52" t="s">
        <v>2063</v>
      </c>
      <c r="M1189" s="72">
        <v>5342</v>
      </c>
      <c r="N1189" s="52"/>
      <c r="O1189" s="52"/>
      <c r="P1189" s="52"/>
      <c r="Q1189" s="52"/>
      <c r="R1189" s="52"/>
      <c r="S1189" s="52"/>
      <c r="T1189" s="52"/>
      <c r="U1189" s="52"/>
      <c r="V1189" s="52"/>
      <c r="W1189" s="52"/>
    </row>
    <row r="1190" spans="1:23" x14ac:dyDescent="0.35">
      <c r="A1190" s="52" t="s">
        <v>78</v>
      </c>
      <c r="B1190" s="52" t="s">
        <v>79</v>
      </c>
      <c r="C1190" s="3">
        <v>20</v>
      </c>
      <c r="D1190" s="52" t="s">
        <v>2019</v>
      </c>
      <c r="E1190" s="52" t="s">
        <v>26</v>
      </c>
      <c r="F1190" s="52" t="s">
        <v>81</v>
      </c>
      <c r="G1190" s="52" t="s">
        <v>82</v>
      </c>
      <c r="H1190" s="4">
        <v>1</v>
      </c>
      <c r="I1190" s="2">
        <v>14.65</v>
      </c>
      <c r="J1190" s="52" t="s">
        <v>4283</v>
      </c>
      <c r="K1190" s="71" t="s">
        <v>4284</v>
      </c>
      <c r="L1190" s="52" t="s">
        <v>2063</v>
      </c>
      <c r="M1190" s="72">
        <v>2314</v>
      </c>
      <c r="N1190" s="52" t="s">
        <v>2259</v>
      </c>
      <c r="O1190" s="52" t="s">
        <v>2260</v>
      </c>
      <c r="P1190" s="52"/>
      <c r="Q1190" s="52"/>
      <c r="R1190" s="52"/>
      <c r="S1190" s="52"/>
      <c r="T1190" s="52"/>
      <c r="U1190" s="52"/>
      <c r="V1190" s="52"/>
      <c r="W1190" s="52"/>
    </row>
    <row r="1191" spans="1:23" hidden="1" x14ac:dyDescent="0.35">
      <c r="A1191" s="52" t="s">
        <v>78</v>
      </c>
      <c r="B1191" s="52" t="s">
        <v>79</v>
      </c>
      <c r="C1191" s="3">
        <v>10</v>
      </c>
      <c r="D1191" s="52" t="s">
        <v>2023</v>
      </c>
      <c r="E1191" s="52" t="s">
        <v>26</v>
      </c>
      <c r="F1191" s="52" t="s">
        <v>81</v>
      </c>
      <c r="G1191" s="52" t="s">
        <v>82</v>
      </c>
      <c r="H1191" s="4">
        <v>1</v>
      </c>
      <c r="I1191" s="2">
        <v>14.65</v>
      </c>
      <c r="J1191" s="52" t="s">
        <v>4285</v>
      </c>
      <c r="K1191" s="71" t="s">
        <v>4286</v>
      </c>
      <c r="L1191" s="52" t="s">
        <v>2063</v>
      </c>
      <c r="M1191" s="72">
        <v>8371</v>
      </c>
      <c r="N1191" s="52" t="s">
        <v>2072</v>
      </c>
      <c r="O1191" s="52" t="s">
        <v>2073</v>
      </c>
      <c r="P1191" s="52"/>
      <c r="Q1191" s="52"/>
      <c r="R1191" s="52"/>
      <c r="S1191" s="52"/>
      <c r="T1191" s="52"/>
      <c r="U1191" s="52"/>
      <c r="V1191" s="52"/>
      <c r="W1191" s="52"/>
    </row>
    <row r="1192" spans="1:23" hidden="1" x14ac:dyDescent="0.35">
      <c r="A1192" s="52" t="s">
        <v>78</v>
      </c>
      <c r="B1192" s="52" t="s">
        <v>79</v>
      </c>
      <c r="C1192" s="3">
        <v>10</v>
      </c>
      <c r="D1192" s="52" t="s">
        <v>2019</v>
      </c>
      <c r="E1192" s="52" t="s">
        <v>26</v>
      </c>
      <c r="F1192" s="52" t="s">
        <v>81</v>
      </c>
      <c r="G1192" s="52" t="s">
        <v>82</v>
      </c>
      <c r="H1192" s="4">
        <v>1</v>
      </c>
      <c r="I1192" s="2">
        <v>14.65</v>
      </c>
      <c r="J1192" s="52" t="s">
        <v>4266</v>
      </c>
      <c r="K1192" s="71" t="s">
        <v>4287</v>
      </c>
      <c r="L1192" s="52" t="s">
        <v>2063</v>
      </c>
      <c r="M1192" s="72">
        <v>306</v>
      </c>
      <c r="N1192" s="52" t="s">
        <v>2072</v>
      </c>
      <c r="O1192" s="52" t="s">
        <v>2073</v>
      </c>
      <c r="P1192" s="52"/>
      <c r="Q1192" s="52"/>
      <c r="R1192" s="52"/>
      <c r="S1192" s="52"/>
      <c r="T1192" s="52"/>
      <c r="U1192" s="52"/>
      <c r="V1192" s="52"/>
      <c r="W1192" s="52"/>
    </row>
    <row r="1193" spans="1:23" hidden="1" x14ac:dyDescent="0.35">
      <c r="A1193" s="52" t="s">
        <v>78</v>
      </c>
      <c r="B1193" s="52" t="s">
        <v>79</v>
      </c>
      <c r="C1193" s="3">
        <v>20</v>
      </c>
      <c r="D1193" s="52" t="s">
        <v>2022</v>
      </c>
      <c r="E1193" s="52" t="s">
        <v>26</v>
      </c>
      <c r="F1193" s="52" t="s">
        <v>81</v>
      </c>
      <c r="G1193" s="52" t="s">
        <v>82</v>
      </c>
      <c r="H1193" s="4">
        <v>1</v>
      </c>
      <c r="I1193" s="2">
        <v>14.65</v>
      </c>
      <c r="J1193" s="52" t="s">
        <v>4288</v>
      </c>
      <c r="K1193" s="71" t="s">
        <v>4289</v>
      </c>
      <c r="L1193" s="52" t="s">
        <v>2095</v>
      </c>
      <c r="M1193" s="72">
        <v>3327</v>
      </c>
      <c r="N1193" s="52"/>
      <c r="O1193" s="52"/>
      <c r="P1193" s="52"/>
      <c r="Q1193" s="52"/>
      <c r="R1193" s="52"/>
      <c r="S1193" s="52"/>
      <c r="T1193" s="52"/>
      <c r="U1193" s="52"/>
      <c r="V1193" s="52"/>
      <c r="W1193" s="52"/>
    </row>
    <row r="1194" spans="1:23" hidden="1" x14ac:dyDescent="0.35">
      <c r="A1194" s="52" t="s">
        <v>78</v>
      </c>
      <c r="B1194" s="52" t="s">
        <v>79</v>
      </c>
      <c r="C1194" s="3">
        <v>10</v>
      </c>
      <c r="D1194" s="52" t="s">
        <v>85</v>
      </c>
      <c r="E1194" s="52" t="s">
        <v>26</v>
      </c>
      <c r="F1194" s="52" t="s">
        <v>81</v>
      </c>
      <c r="G1194" s="52" t="s">
        <v>82</v>
      </c>
      <c r="H1194" s="4">
        <v>1</v>
      </c>
      <c r="I1194" s="2">
        <v>14.65</v>
      </c>
      <c r="J1194" s="52" t="s">
        <v>4290</v>
      </c>
      <c r="K1194" s="71" t="s">
        <v>4291</v>
      </c>
      <c r="L1194" s="52" t="s">
        <v>2063</v>
      </c>
      <c r="M1194" s="72">
        <v>7594</v>
      </c>
      <c r="N1194" s="52" t="s">
        <v>2072</v>
      </c>
      <c r="O1194" s="52" t="s">
        <v>2073</v>
      </c>
      <c r="P1194" s="52"/>
      <c r="Q1194" s="52"/>
      <c r="R1194" s="52"/>
      <c r="S1194" s="52"/>
      <c r="T1194" s="52"/>
      <c r="U1194" s="52"/>
      <c r="V1194" s="52"/>
      <c r="W1194" s="52"/>
    </row>
    <row r="1195" spans="1:23" hidden="1" x14ac:dyDescent="0.35">
      <c r="A1195" s="52" t="s">
        <v>78</v>
      </c>
      <c r="B1195" s="52" t="s">
        <v>79</v>
      </c>
      <c r="C1195" s="3">
        <v>10</v>
      </c>
      <c r="D1195" s="52" t="s">
        <v>2020</v>
      </c>
      <c r="E1195" s="52" t="s">
        <v>26</v>
      </c>
      <c r="F1195" s="52" t="s">
        <v>81</v>
      </c>
      <c r="G1195" s="52" t="s">
        <v>82</v>
      </c>
      <c r="H1195" s="4">
        <v>1</v>
      </c>
      <c r="I1195" s="2">
        <v>14.65</v>
      </c>
      <c r="J1195" s="52" t="s">
        <v>4292</v>
      </c>
      <c r="K1195" s="71" t="s">
        <v>4293</v>
      </c>
      <c r="L1195" s="52" t="s">
        <v>2063</v>
      </c>
      <c r="M1195" s="72">
        <v>6409</v>
      </c>
      <c r="N1195" s="52" t="s">
        <v>2066</v>
      </c>
      <c r="O1195" s="52" t="s">
        <v>2067</v>
      </c>
      <c r="P1195" s="52"/>
      <c r="Q1195" s="52"/>
      <c r="R1195" s="52"/>
      <c r="S1195" s="52"/>
      <c r="T1195" s="52"/>
      <c r="U1195" s="52"/>
      <c r="V1195" s="52"/>
      <c r="W1195" s="52"/>
    </row>
    <row r="1196" spans="1:23" hidden="1" x14ac:dyDescent="0.35">
      <c r="A1196" s="52" t="s">
        <v>78</v>
      </c>
      <c r="B1196" s="52" t="s">
        <v>79</v>
      </c>
      <c r="C1196" s="3">
        <v>20</v>
      </c>
      <c r="D1196" s="52" t="s">
        <v>80</v>
      </c>
      <c r="E1196" s="52" t="s">
        <v>26</v>
      </c>
      <c r="F1196" s="52" t="s">
        <v>81</v>
      </c>
      <c r="G1196" s="52" t="s">
        <v>82</v>
      </c>
      <c r="H1196" s="4">
        <v>1</v>
      </c>
      <c r="I1196" s="2">
        <v>14.65</v>
      </c>
      <c r="J1196" s="52" t="s">
        <v>4294</v>
      </c>
      <c r="K1196" s="71" t="s">
        <v>4295</v>
      </c>
      <c r="L1196" s="52" t="s">
        <v>2063</v>
      </c>
      <c r="M1196" s="72">
        <v>2919</v>
      </c>
      <c r="N1196" s="52" t="s">
        <v>2072</v>
      </c>
      <c r="O1196" s="52" t="s">
        <v>2073</v>
      </c>
      <c r="P1196" s="52"/>
      <c r="Q1196" s="52"/>
      <c r="R1196" s="52"/>
      <c r="S1196" s="52"/>
      <c r="T1196" s="52"/>
      <c r="U1196" s="52"/>
      <c r="V1196" s="52"/>
      <c r="W1196" s="52"/>
    </row>
    <row r="1197" spans="1:23" hidden="1" x14ac:dyDescent="0.35">
      <c r="A1197" s="52" t="s">
        <v>78</v>
      </c>
      <c r="B1197" s="52" t="s">
        <v>79</v>
      </c>
      <c r="C1197" s="3">
        <v>20</v>
      </c>
      <c r="D1197" s="52" t="s">
        <v>2023</v>
      </c>
      <c r="E1197" s="52" t="s">
        <v>26</v>
      </c>
      <c r="F1197" s="52" t="s">
        <v>81</v>
      </c>
      <c r="G1197" s="52" t="s">
        <v>82</v>
      </c>
      <c r="H1197" s="4">
        <v>1</v>
      </c>
      <c r="I1197" s="2">
        <v>14.65</v>
      </c>
      <c r="J1197" s="52" t="s">
        <v>4296</v>
      </c>
      <c r="K1197" s="71" t="s">
        <v>4297</v>
      </c>
      <c r="L1197" s="52" t="s">
        <v>2063</v>
      </c>
      <c r="M1197" s="72">
        <v>8850</v>
      </c>
      <c r="N1197" s="52" t="s">
        <v>2158</v>
      </c>
      <c r="O1197" s="52" t="s">
        <v>2159</v>
      </c>
      <c r="P1197" s="52"/>
      <c r="Q1197" s="52"/>
      <c r="R1197" s="52"/>
      <c r="S1197" s="52"/>
      <c r="T1197" s="52"/>
      <c r="U1197" s="52"/>
      <c r="V1197" s="52"/>
      <c r="W1197" s="52"/>
    </row>
    <row r="1198" spans="1:23" hidden="1" x14ac:dyDescent="0.35">
      <c r="A1198" s="52" t="s">
        <v>78</v>
      </c>
      <c r="B1198" s="52" t="s">
        <v>79</v>
      </c>
      <c r="C1198" s="3">
        <v>20</v>
      </c>
      <c r="D1198" s="52" t="s">
        <v>2021</v>
      </c>
      <c r="E1198" s="52" t="s">
        <v>26</v>
      </c>
      <c r="F1198" s="52" t="s">
        <v>81</v>
      </c>
      <c r="G1198" s="52" t="s">
        <v>82</v>
      </c>
      <c r="H1198" s="4">
        <v>1</v>
      </c>
      <c r="I1198" s="2">
        <v>14.65</v>
      </c>
      <c r="J1198" s="52" t="s">
        <v>4298</v>
      </c>
      <c r="K1198" s="71" t="s">
        <v>4299</v>
      </c>
      <c r="L1198" s="52" t="s">
        <v>2063</v>
      </c>
      <c r="M1198" s="72">
        <v>8099</v>
      </c>
      <c r="N1198" s="52" t="s">
        <v>2154</v>
      </c>
      <c r="O1198" s="52" t="s">
        <v>2155</v>
      </c>
      <c r="P1198" s="52"/>
      <c r="Q1198" s="52"/>
      <c r="R1198" s="52"/>
      <c r="S1198" s="52"/>
      <c r="T1198" s="52"/>
      <c r="U1198" s="52"/>
      <c r="V1198" s="52"/>
      <c r="W1198" s="52"/>
    </row>
    <row r="1199" spans="1:23" hidden="1" x14ac:dyDescent="0.35">
      <c r="A1199" s="52" t="s">
        <v>78</v>
      </c>
      <c r="B1199" s="52" t="s">
        <v>79</v>
      </c>
      <c r="C1199" s="3">
        <v>10</v>
      </c>
      <c r="D1199" s="52" t="s">
        <v>2019</v>
      </c>
      <c r="E1199" s="52" t="s">
        <v>26</v>
      </c>
      <c r="F1199" s="52" t="s">
        <v>81</v>
      </c>
      <c r="G1199" s="52" t="s">
        <v>82</v>
      </c>
      <c r="H1199" s="4">
        <v>1</v>
      </c>
      <c r="I1199" s="2">
        <v>14.65</v>
      </c>
      <c r="J1199" s="52" t="s">
        <v>4300</v>
      </c>
      <c r="K1199" s="71" t="s">
        <v>4301</v>
      </c>
      <c r="L1199" s="52" t="s">
        <v>2095</v>
      </c>
      <c r="M1199" s="72">
        <v>2392</v>
      </c>
      <c r="N1199" s="52"/>
      <c r="O1199" s="52"/>
      <c r="P1199" s="52"/>
      <c r="Q1199" s="52"/>
      <c r="R1199" s="52"/>
      <c r="S1199" s="52"/>
      <c r="T1199" s="52"/>
      <c r="U1199" s="52"/>
      <c r="V1199" s="52"/>
      <c r="W1199" s="52"/>
    </row>
    <row r="1200" spans="1:23" hidden="1" x14ac:dyDescent="0.35">
      <c r="A1200" s="52" t="s">
        <v>78</v>
      </c>
      <c r="B1200" s="52" t="s">
        <v>79</v>
      </c>
      <c r="C1200" s="3">
        <v>20</v>
      </c>
      <c r="D1200" s="52" t="s">
        <v>2023</v>
      </c>
      <c r="E1200" s="52" t="s">
        <v>26</v>
      </c>
      <c r="F1200" s="52" t="s">
        <v>81</v>
      </c>
      <c r="G1200" s="52" t="s">
        <v>82</v>
      </c>
      <c r="H1200" s="4">
        <v>1</v>
      </c>
      <c r="I1200" s="2">
        <v>14.65</v>
      </c>
      <c r="J1200" s="52" t="s">
        <v>4302</v>
      </c>
      <c r="K1200" s="71" t="s">
        <v>4303</v>
      </c>
      <c r="L1200" s="52" t="s">
        <v>2063</v>
      </c>
      <c r="M1200" s="72">
        <v>7499</v>
      </c>
      <c r="N1200" s="52"/>
      <c r="O1200" s="52"/>
      <c r="P1200" s="52"/>
      <c r="Q1200" s="52"/>
      <c r="R1200" s="52"/>
      <c r="S1200" s="52"/>
      <c r="T1200" s="52"/>
      <c r="U1200" s="52"/>
      <c r="V1200" s="52"/>
      <c r="W1200" s="52"/>
    </row>
    <row r="1201" spans="1:23" hidden="1" x14ac:dyDescent="0.35">
      <c r="A1201" s="52" t="s">
        <v>78</v>
      </c>
      <c r="B1201" s="52" t="s">
        <v>79</v>
      </c>
      <c r="C1201" s="3">
        <v>20</v>
      </c>
      <c r="D1201" s="52" t="s">
        <v>84</v>
      </c>
      <c r="E1201" s="52" t="s">
        <v>26</v>
      </c>
      <c r="F1201" s="52" t="s">
        <v>81</v>
      </c>
      <c r="G1201" s="52" t="s">
        <v>82</v>
      </c>
      <c r="H1201" s="4">
        <v>1</v>
      </c>
      <c r="I1201" s="2">
        <v>14.65</v>
      </c>
      <c r="J1201" s="52" t="s">
        <v>4304</v>
      </c>
      <c r="K1201" s="71" t="s">
        <v>4305</v>
      </c>
      <c r="L1201" s="52" t="s">
        <v>2063</v>
      </c>
      <c r="M1201" s="72">
        <v>6083</v>
      </c>
      <c r="N1201" s="52" t="s">
        <v>2072</v>
      </c>
      <c r="O1201" s="52" t="s">
        <v>2073</v>
      </c>
      <c r="P1201" s="52"/>
      <c r="Q1201" s="52"/>
      <c r="R1201" s="52"/>
      <c r="S1201" s="52"/>
      <c r="T1201" s="52"/>
      <c r="U1201" s="52"/>
      <c r="V1201" s="52"/>
      <c r="W1201" s="52"/>
    </row>
    <row r="1202" spans="1:23" hidden="1" x14ac:dyDescent="0.35">
      <c r="A1202" s="52" t="s">
        <v>78</v>
      </c>
      <c r="B1202" s="52" t="s">
        <v>79</v>
      </c>
      <c r="C1202" s="3">
        <v>10</v>
      </c>
      <c r="D1202" s="52" t="s">
        <v>2024</v>
      </c>
      <c r="E1202" s="52" t="s">
        <v>26</v>
      </c>
      <c r="F1202" s="52" t="s">
        <v>81</v>
      </c>
      <c r="G1202" s="52" t="s">
        <v>82</v>
      </c>
      <c r="H1202" s="4">
        <v>1</v>
      </c>
      <c r="I1202" s="2">
        <v>14.65</v>
      </c>
      <c r="J1202" s="52" t="s">
        <v>4306</v>
      </c>
      <c r="K1202" s="71" t="s">
        <v>4307</v>
      </c>
      <c r="L1202" s="52" t="s">
        <v>2063</v>
      </c>
      <c r="M1202" s="72">
        <v>3160</v>
      </c>
      <c r="N1202" s="52"/>
      <c r="O1202" s="52"/>
      <c r="P1202" s="52"/>
      <c r="Q1202" s="52"/>
      <c r="R1202" s="52"/>
      <c r="S1202" s="52"/>
      <c r="T1202" s="52"/>
      <c r="U1202" s="52"/>
      <c r="V1202" s="52"/>
      <c r="W1202" s="52"/>
    </row>
    <row r="1203" spans="1:23" hidden="1" x14ac:dyDescent="0.35">
      <c r="A1203" s="52" t="s">
        <v>78</v>
      </c>
      <c r="B1203" s="52" t="s">
        <v>79</v>
      </c>
      <c r="C1203" s="3">
        <v>20</v>
      </c>
      <c r="D1203" s="52" t="s">
        <v>80</v>
      </c>
      <c r="E1203" s="52" t="s">
        <v>26</v>
      </c>
      <c r="F1203" s="52" t="s">
        <v>81</v>
      </c>
      <c r="G1203" s="52" t="s">
        <v>82</v>
      </c>
      <c r="H1203" s="4">
        <v>1</v>
      </c>
      <c r="I1203" s="2">
        <v>14.65</v>
      </c>
      <c r="J1203" s="52" t="s">
        <v>3418</v>
      </c>
      <c r="K1203" s="71" t="s">
        <v>4308</v>
      </c>
      <c r="L1203" s="52" t="s">
        <v>2063</v>
      </c>
      <c r="M1203" s="72">
        <v>608</v>
      </c>
      <c r="N1203" s="52" t="s">
        <v>2066</v>
      </c>
      <c r="O1203" s="52" t="s">
        <v>2067</v>
      </c>
      <c r="P1203" s="52"/>
      <c r="Q1203" s="52"/>
      <c r="R1203" s="52"/>
      <c r="S1203" s="52"/>
      <c r="T1203" s="52"/>
      <c r="U1203" s="52"/>
      <c r="V1203" s="52"/>
      <c r="W1203" s="52"/>
    </row>
    <row r="1204" spans="1:23" x14ac:dyDescent="0.35">
      <c r="A1204" s="52" t="s">
        <v>78</v>
      </c>
      <c r="B1204" s="52" t="s">
        <v>79</v>
      </c>
      <c r="C1204" s="3">
        <v>10</v>
      </c>
      <c r="D1204" s="52" t="s">
        <v>83</v>
      </c>
      <c r="E1204" s="52" t="s">
        <v>26</v>
      </c>
      <c r="F1204" s="52" t="s">
        <v>81</v>
      </c>
      <c r="G1204" s="52" t="s">
        <v>82</v>
      </c>
      <c r="H1204" s="4">
        <v>1</v>
      </c>
      <c r="I1204" s="2">
        <v>14.65</v>
      </c>
      <c r="J1204" s="52" t="s">
        <v>4309</v>
      </c>
      <c r="K1204" s="71" t="s">
        <v>4310</v>
      </c>
      <c r="L1204" s="52" t="s">
        <v>2063</v>
      </c>
      <c r="M1204" s="72">
        <v>569</v>
      </c>
      <c r="N1204" s="52" t="s">
        <v>2076</v>
      </c>
      <c r="O1204" s="52" t="s">
        <v>2077</v>
      </c>
      <c r="P1204" s="52"/>
      <c r="Q1204" s="52"/>
      <c r="R1204" s="52"/>
      <c r="S1204" s="52"/>
      <c r="T1204" s="52"/>
      <c r="U1204" s="52"/>
      <c r="V1204" s="52"/>
      <c r="W1204" s="52"/>
    </row>
    <row r="1205" spans="1:23" hidden="1" x14ac:dyDescent="0.35">
      <c r="A1205" s="52" t="s">
        <v>78</v>
      </c>
      <c r="B1205" s="52" t="s">
        <v>79</v>
      </c>
      <c r="C1205" s="3">
        <v>211</v>
      </c>
      <c r="D1205" s="52" t="s">
        <v>83</v>
      </c>
      <c r="E1205" s="52" t="s">
        <v>26</v>
      </c>
      <c r="F1205" s="52" t="s">
        <v>81</v>
      </c>
      <c r="G1205" s="52" t="s">
        <v>82</v>
      </c>
      <c r="H1205" s="4">
        <v>1</v>
      </c>
      <c r="I1205" s="2">
        <v>14.65</v>
      </c>
      <c r="J1205" s="52" t="s">
        <v>4311</v>
      </c>
      <c r="K1205" s="71" t="s">
        <v>4312</v>
      </c>
      <c r="L1205" s="52" t="s">
        <v>2063</v>
      </c>
      <c r="M1205" s="72">
        <v>6157</v>
      </c>
      <c r="N1205" s="52" t="s">
        <v>2158</v>
      </c>
      <c r="O1205" s="52" t="s">
        <v>2159</v>
      </c>
      <c r="P1205" s="52"/>
      <c r="Q1205" s="52"/>
      <c r="R1205" s="52"/>
      <c r="S1205" s="52"/>
      <c r="T1205" s="52"/>
      <c r="U1205" s="52"/>
      <c r="V1205" s="52"/>
      <c r="W1205" s="52"/>
    </row>
    <row r="1206" spans="1:23" hidden="1" x14ac:dyDescent="0.35">
      <c r="A1206" s="52" t="s">
        <v>78</v>
      </c>
      <c r="B1206" s="52" t="s">
        <v>79</v>
      </c>
      <c r="C1206" s="3">
        <v>10</v>
      </c>
      <c r="D1206" s="52" t="s">
        <v>84</v>
      </c>
      <c r="E1206" s="52" t="s">
        <v>26</v>
      </c>
      <c r="F1206" s="52" t="s">
        <v>81</v>
      </c>
      <c r="G1206" s="52" t="s">
        <v>82</v>
      </c>
      <c r="H1206" s="4">
        <v>1</v>
      </c>
      <c r="I1206" s="2">
        <v>14.65</v>
      </c>
      <c r="J1206" s="52" t="s">
        <v>4313</v>
      </c>
      <c r="K1206" s="71" t="s">
        <v>4314</v>
      </c>
      <c r="L1206" s="52" t="s">
        <v>2063</v>
      </c>
      <c r="M1206" s="72">
        <v>4720</v>
      </c>
      <c r="N1206" s="52" t="s">
        <v>2072</v>
      </c>
      <c r="O1206" s="52" t="s">
        <v>2073</v>
      </c>
      <c r="P1206" s="52"/>
      <c r="Q1206" s="52"/>
      <c r="R1206" s="52"/>
      <c r="S1206" s="52"/>
      <c r="T1206" s="52"/>
      <c r="U1206" s="52"/>
      <c r="V1206" s="52"/>
      <c r="W1206" s="52"/>
    </row>
    <row r="1207" spans="1:23" hidden="1" x14ac:dyDescent="0.35">
      <c r="A1207" s="52" t="s">
        <v>78</v>
      </c>
      <c r="B1207" s="52" t="s">
        <v>79</v>
      </c>
      <c r="C1207" s="3">
        <v>20</v>
      </c>
      <c r="D1207" s="52" t="s">
        <v>2023</v>
      </c>
      <c r="E1207" s="52" t="s">
        <v>26</v>
      </c>
      <c r="F1207" s="52" t="s">
        <v>81</v>
      </c>
      <c r="G1207" s="52" t="s">
        <v>82</v>
      </c>
      <c r="H1207" s="4">
        <v>1</v>
      </c>
      <c r="I1207" s="2">
        <v>14.65</v>
      </c>
      <c r="J1207" s="52" t="s">
        <v>3987</v>
      </c>
      <c r="K1207" s="71" t="s">
        <v>4315</v>
      </c>
      <c r="L1207" s="52" t="s">
        <v>2063</v>
      </c>
      <c r="M1207" s="72">
        <v>5772</v>
      </c>
      <c r="N1207" s="52"/>
      <c r="O1207" s="52"/>
      <c r="P1207" s="52"/>
      <c r="Q1207" s="52"/>
      <c r="R1207" s="52"/>
      <c r="S1207" s="52"/>
      <c r="T1207" s="52"/>
      <c r="U1207" s="52"/>
      <c r="V1207" s="52"/>
      <c r="W1207" s="52"/>
    </row>
    <row r="1208" spans="1:23" x14ac:dyDescent="0.35">
      <c r="A1208" s="52" t="s">
        <v>78</v>
      </c>
      <c r="B1208" s="52" t="s">
        <v>79</v>
      </c>
      <c r="C1208" s="3">
        <v>10</v>
      </c>
      <c r="D1208" s="52" t="s">
        <v>80</v>
      </c>
      <c r="E1208" s="52" t="s">
        <v>26</v>
      </c>
      <c r="F1208" s="52" t="s">
        <v>81</v>
      </c>
      <c r="G1208" s="52" t="s">
        <v>82</v>
      </c>
      <c r="H1208" s="4">
        <v>1</v>
      </c>
      <c r="I1208" s="2">
        <v>14.65</v>
      </c>
      <c r="J1208" s="52" t="s">
        <v>4316</v>
      </c>
      <c r="K1208" s="71" t="s">
        <v>4317</v>
      </c>
      <c r="L1208" s="52" t="s">
        <v>2063</v>
      </c>
      <c r="M1208" s="72">
        <v>1315</v>
      </c>
      <c r="N1208" s="52" t="s">
        <v>2259</v>
      </c>
      <c r="O1208" s="52" t="s">
        <v>2260</v>
      </c>
      <c r="P1208" s="52"/>
      <c r="Q1208" s="52"/>
      <c r="R1208" s="52"/>
      <c r="S1208" s="52"/>
      <c r="T1208" s="52"/>
      <c r="U1208" s="52"/>
      <c r="V1208" s="52"/>
      <c r="W1208" s="52"/>
    </row>
    <row r="1209" spans="1:23" hidden="1" x14ac:dyDescent="0.35">
      <c r="A1209" s="52" t="s">
        <v>78</v>
      </c>
      <c r="B1209" s="52" t="s">
        <v>79</v>
      </c>
      <c r="C1209" s="3">
        <v>10</v>
      </c>
      <c r="D1209" s="52" t="s">
        <v>2022</v>
      </c>
      <c r="E1209" s="52" t="s">
        <v>26</v>
      </c>
      <c r="F1209" s="52" t="s">
        <v>81</v>
      </c>
      <c r="G1209" s="52" t="s">
        <v>82</v>
      </c>
      <c r="H1209" s="4">
        <v>1</v>
      </c>
      <c r="I1209" s="2">
        <v>14.65</v>
      </c>
      <c r="J1209" s="52" t="s">
        <v>4318</v>
      </c>
      <c r="K1209" s="71" t="s">
        <v>4319</v>
      </c>
      <c r="L1209" s="52" t="s">
        <v>2063</v>
      </c>
      <c r="M1209" s="72">
        <v>7899</v>
      </c>
      <c r="N1209" s="52" t="s">
        <v>2072</v>
      </c>
      <c r="O1209" s="52" t="s">
        <v>2073</v>
      </c>
      <c r="P1209" s="52"/>
      <c r="Q1209" s="52"/>
      <c r="R1209" s="52"/>
      <c r="S1209" s="52"/>
      <c r="T1209" s="52"/>
      <c r="U1209" s="52"/>
      <c r="V1209" s="52"/>
      <c r="W1209" s="52"/>
    </row>
    <row r="1210" spans="1:23" x14ac:dyDescent="0.35">
      <c r="A1210" s="52" t="s">
        <v>78</v>
      </c>
      <c r="B1210" s="52" t="s">
        <v>79</v>
      </c>
      <c r="C1210" s="3">
        <v>10</v>
      </c>
      <c r="D1210" s="52" t="s">
        <v>2022</v>
      </c>
      <c r="E1210" s="52" t="s">
        <v>26</v>
      </c>
      <c r="F1210" s="52" t="s">
        <v>81</v>
      </c>
      <c r="G1210" s="52" t="s">
        <v>82</v>
      </c>
      <c r="H1210" s="4">
        <v>1</v>
      </c>
      <c r="I1210" s="2">
        <v>14.65</v>
      </c>
      <c r="J1210" s="52" t="s">
        <v>4320</v>
      </c>
      <c r="K1210" s="71" t="s">
        <v>4321</v>
      </c>
      <c r="L1210" s="52" t="s">
        <v>2063</v>
      </c>
      <c r="M1210" s="72">
        <v>9509</v>
      </c>
      <c r="N1210" s="52" t="s">
        <v>2076</v>
      </c>
      <c r="O1210" s="52" t="s">
        <v>2077</v>
      </c>
      <c r="P1210" s="52"/>
      <c r="Q1210" s="52"/>
      <c r="R1210" s="52"/>
      <c r="S1210" s="52"/>
      <c r="T1210" s="52"/>
      <c r="U1210" s="52"/>
      <c r="V1210" s="52"/>
      <c r="W1210" s="52"/>
    </row>
    <row r="1211" spans="1:23" hidden="1" x14ac:dyDescent="0.35">
      <c r="A1211" s="52" t="s">
        <v>78</v>
      </c>
      <c r="B1211" s="52" t="s">
        <v>79</v>
      </c>
      <c r="C1211" s="3">
        <v>20</v>
      </c>
      <c r="D1211" s="52" t="s">
        <v>2021</v>
      </c>
      <c r="E1211" s="52" t="s">
        <v>26</v>
      </c>
      <c r="F1211" s="52" t="s">
        <v>81</v>
      </c>
      <c r="G1211" s="52" t="s">
        <v>82</v>
      </c>
      <c r="H1211" s="4">
        <v>1</v>
      </c>
      <c r="I1211" s="2">
        <v>14.65</v>
      </c>
      <c r="J1211" s="52" t="s">
        <v>4322</v>
      </c>
      <c r="K1211" s="71" t="s">
        <v>4323</v>
      </c>
      <c r="L1211" s="52" t="s">
        <v>2063</v>
      </c>
      <c r="M1211" s="72">
        <v>656</v>
      </c>
      <c r="N1211" s="52" t="s">
        <v>2072</v>
      </c>
      <c r="O1211" s="52" t="s">
        <v>2073</v>
      </c>
      <c r="P1211" s="52" t="s">
        <v>2072</v>
      </c>
      <c r="Q1211" s="52" t="s">
        <v>2073</v>
      </c>
      <c r="R1211" s="52"/>
      <c r="S1211" s="52"/>
      <c r="T1211" s="52"/>
      <c r="U1211" s="52"/>
      <c r="V1211" s="52"/>
      <c r="W1211" s="52"/>
    </row>
    <row r="1212" spans="1:23" hidden="1" x14ac:dyDescent="0.35">
      <c r="A1212" s="52" t="s">
        <v>78</v>
      </c>
      <c r="B1212" s="52" t="s">
        <v>79</v>
      </c>
      <c r="C1212" s="3">
        <v>10</v>
      </c>
      <c r="D1212" s="52" t="s">
        <v>86</v>
      </c>
      <c r="E1212" s="52" t="s">
        <v>26</v>
      </c>
      <c r="F1212" s="52" t="s">
        <v>81</v>
      </c>
      <c r="G1212" s="52" t="s">
        <v>82</v>
      </c>
      <c r="H1212" s="4">
        <v>1</v>
      </c>
      <c r="I1212" s="2">
        <v>14.65</v>
      </c>
      <c r="J1212" s="52" t="s">
        <v>4324</v>
      </c>
      <c r="K1212" s="71" t="s">
        <v>4325</v>
      </c>
      <c r="L1212" s="52" t="s">
        <v>2063</v>
      </c>
      <c r="M1212" s="72">
        <v>7087</v>
      </c>
      <c r="N1212" s="52" t="s">
        <v>2072</v>
      </c>
      <c r="O1212" s="52" t="s">
        <v>2073</v>
      </c>
      <c r="P1212" s="52"/>
      <c r="Q1212" s="52"/>
      <c r="R1212" s="52"/>
      <c r="S1212" s="52"/>
      <c r="T1212" s="52"/>
      <c r="U1212" s="52"/>
      <c r="V1212" s="52"/>
      <c r="W1212" s="52"/>
    </row>
    <row r="1213" spans="1:23" hidden="1" x14ac:dyDescent="0.35">
      <c r="A1213" s="52" t="s">
        <v>78</v>
      </c>
      <c r="B1213" s="52" t="s">
        <v>79</v>
      </c>
      <c r="C1213" s="3">
        <v>10</v>
      </c>
      <c r="D1213" s="52" t="s">
        <v>87</v>
      </c>
      <c r="E1213" s="52" t="s">
        <v>26</v>
      </c>
      <c r="F1213" s="52" t="s">
        <v>81</v>
      </c>
      <c r="G1213" s="52" t="s">
        <v>82</v>
      </c>
      <c r="H1213" s="4">
        <v>1</v>
      </c>
      <c r="I1213" s="2">
        <v>14.65</v>
      </c>
      <c r="J1213" s="52" t="s">
        <v>4326</v>
      </c>
      <c r="K1213" s="71" t="s">
        <v>4327</v>
      </c>
      <c r="L1213" s="52" t="s">
        <v>2063</v>
      </c>
      <c r="M1213" s="72">
        <v>8102</v>
      </c>
      <c r="N1213" s="52" t="s">
        <v>2066</v>
      </c>
      <c r="O1213" s="52" t="s">
        <v>2067</v>
      </c>
      <c r="P1213" s="52"/>
      <c r="Q1213" s="52"/>
      <c r="R1213" s="52"/>
      <c r="S1213" s="52"/>
      <c r="T1213" s="52"/>
      <c r="U1213" s="52"/>
      <c r="V1213" s="52"/>
      <c r="W1213" s="52"/>
    </row>
    <row r="1214" spans="1:23" hidden="1" x14ac:dyDescent="0.35">
      <c r="A1214" s="52" t="s">
        <v>78</v>
      </c>
      <c r="B1214" s="52" t="s">
        <v>79</v>
      </c>
      <c r="C1214" s="3">
        <v>20</v>
      </c>
      <c r="D1214" s="52" t="s">
        <v>83</v>
      </c>
      <c r="E1214" s="52" t="s">
        <v>26</v>
      </c>
      <c r="F1214" s="52" t="s">
        <v>81</v>
      </c>
      <c r="G1214" s="52" t="s">
        <v>82</v>
      </c>
      <c r="H1214" s="4">
        <v>1</v>
      </c>
      <c r="I1214" s="2">
        <v>14.65</v>
      </c>
      <c r="J1214" s="52" t="s">
        <v>4328</v>
      </c>
      <c r="K1214" s="71" t="s">
        <v>4329</v>
      </c>
      <c r="L1214" s="52" t="s">
        <v>2063</v>
      </c>
      <c r="M1214" s="72">
        <v>9363</v>
      </c>
      <c r="N1214" s="52"/>
      <c r="O1214" s="52"/>
      <c r="P1214" s="52"/>
      <c r="Q1214" s="52"/>
      <c r="R1214" s="52"/>
      <c r="S1214" s="52"/>
      <c r="T1214" s="52"/>
      <c r="U1214" s="52"/>
      <c r="V1214" s="52"/>
      <c r="W1214" s="52"/>
    </row>
    <row r="1215" spans="1:23" hidden="1" x14ac:dyDescent="0.35">
      <c r="A1215" s="52" t="s">
        <v>78</v>
      </c>
      <c r="B1215" s="52" t="s">
        <v>79</v>
      </c>
      <c r="C1215" s="3">
        <v>20</v>
      </c>
      <c r="D1215" s="52" t="s">
        <v>2019</v>
      </c>
      <c r="E1215" s="52" t="s">
        <v>26</v>
      </c>
      <c r="F1215" s="52" t="s">
        <v>81</v>
      </c>
      <c r="G1215" s="52" t="s">
        <v>82</v>
      </c>
      <c r="H1215" s="4">
        <v>1</v>
      </c>
      <c r="I1215" s="2">
        <v>14.65</v>
      </c>
      <c r="J1215" s="52" t="s">
        <v>4330</v>
      </c>
      <c r="K1215" s="71" t="s">
        <v>4331</v>
      </c>
      <c r="L1215" s="52" t="s">
        <v>2095</v>
      </c>
      <c r="M1215" s="72">
        <v>7055</v>
      </c>
      <c r="N1215" s="52"/>
      <c r="O1215" s="52"/>
      <c r="P1215" s="52"/>
      <c r="Q1215" s="52"/>
      <c r="R1215" s="52"/>
      <c r="S1215" s="52"/>
      <c r="T1215" s="52"/>
      <c r="U1215" s="52"/>
      <c r="V1215" s="52"/>
      <c r="W1215" s="52"/>
    </row>
    <row r="1216" spans="1:23" hidden="1" x14ac:dyDescent="0.35">
      <c r="A1216" s="52" t="s">
        <v>78</v>
      </c>
      <c r="B1216" s="52" t="s">
        <v>79</v>
      </c>
      <c r="C1216" s="3">
        <v>20</v>
      </c>
      <c r="D1216" s="52" t="s">
        <v>87</v>
      </c>
      <c r="E1216" s="52" t="s">
        <v>26</v>
      </c>
      <c r="F1216" s="52" t="s">
        <v>81</v>
      </c>
      <c r="G1216" s="52" t="s">
        <v>82</v>
      </c>
      <c r="H1216" s="4">
        <v>1</v>
      </c>
      <c r="I1216" s="2">
        <v>14.65</v>
      </c>
      <c r="J1216" s="52" t="s">
        <v>4332</v>
      </c>
      <c r="K1216" s="71" t="s">
        <v>4333</v>
      </c>
      <c r="L1216" s="52" t="s">
        <v>2063</v>
      </c>
      <c r="M1216" s="72">
        <v>8365</v>
      </c>
      <c r="N1216" s="52" t="s">
        <v>2072</v>
      </c>
      <c r="O1216" s="52" t="s">
        <v>2073</v>
      </c>
      <c r="P1216" s="52"/>
      <c r="Q1216" s="52"/>
      <c r="R1216" s="52"/>
      <c r="S1216" s="52"/>
      <c r="T1216" s="52"/>
      <c r="U1216" s="52"/>
      <c r="V1216" s="52"/>
      <c r="W1216" s="52"/>
    </row>
    <row r="1217" spans="1:23" hidden="1" x14ac:dyDescent="0.35">
      <c r="A1217" s="52" t="s">
        <v>78</v>
      </c>
      <c r="B1217" s="52" t="s">
        <v>79</v>
      </c>
      <c r="C1217" s="3">
        <v>20</v>
      </c>
      <c r="D1217" s="52" t="s">
        <v>2023</v>
      </c>
      <c r="E1217" s="52" t="s">
        <v>26</v>
      </c>
      <c r="F1217" s="52" t="s">
        <v>81</v>
      </c>
      <c r="G1217" s="52" t="s">
        <v>82</v>
      </c>
      <c r="H1217" s="4">
        <v>1</v>
      </c>
      <c r="I1217" s="2">
        <v>14.65</v>
      </c>
      <c r="J1217" s="52" t="s">
        <v>4334</v>
      </c>
      <c r="K1217" s="71" t="s">
        <v>4335</v>
      </c>
      <c r="L1217" s="52" t="s">
        <v>2063</v>
      </c>
      <c r="M1217" s="72">
        <v>7634</v>
      </c>
      <c r="N1217" s="52" t="s">
        <v>2066</v>
      </c>
      <c r="O1217" s="52" t="s">
        <v>2067</v>
      </c>
      <c r="P1217" s="52"/>
      <c r="Q1217" s="52"/>
      <c r="R1217" s="52"/>
      <c r="S1217" s="52"/>
      <c r="T1217" s="52"/>
      <c r="U1217" s="52"/>
      <c r="V1217" s="52"/>
      <c r="W1217" s="52"/>
    </row>
    <row r="1218" spans="1:23" hidden="1" x14ac:dyDescent="0.35">
      <c r="A1218" s="52" t="s">
        <v>78</v>
      </c>
      <c r="B1218" s="52" t="s">
        <v>79</v>
      </c>
      <c r="C1218" s="3">
        <v>20</v>
      </c>
      <c r="D1218" s="52" t="s">
        <v>2020</v>
      </c>
      <c r="E1218" s="52" t="s">
        <v>26</v>
      </c>
      <c r="F1218" s="52" t="s">
        <v>81</v>
      </c>
      <c r="G1218" s="52" t="s">
        <v>82</v>
      </c>
      <c r="H1218" s="4">
        <v>1</v>
      </c>
      <c r="I1218" s="2">
        <v>14.65</v>
      </c>
      <c r="J1218" s="52" t="s">
        <v>4336</v>
      </c>
      <c r="K1218" s="71" t="s">
        <v>4337</v>
      </c>
      <c r="L1218" s="52" t="s">
        <v>2063</v>
      </c>
      <c r="M1218" s="72">
        <v>9334</v>
      </c>
      <c r="N1218" s="52"/>
      <c r="O1218" s="52"/>
      <c r="P1218" s="52"/>
      <c r="Q1218" s="52"/>
      <c r="R1218" s="52"/>
      <c r="S1218" s="52"/>
      <c r="T1218" s="52"/>
      <c r="U1218" s="52"/>
      <c r="V1218" s="52"/>
      <c r="W1218" s="52"/>
    </row>
    <row r="1219" spans="1:23" hidden="1" x14ac:dyDescent="0.35">
      <c r="A1219" s="52" t="s">
        <v>78</v>
      </c>
      <c r="B1219" s="52" t="s">
        <v>79</v>
      </c>
      <c r="C1219" s="3">
        <v>10</v>
      </c>
      <c r="D1219" s="52" t="s">
        <v>87</v>
      </c>
      <c r="E1219" s="52" t="s">
        <v>26</v>
      </c>
      <c r="F1219" s="52" t="s">
        <v>81</v>
      </c>
      <c r="G1219" s="52" t="s">
        <v>82</v>
      </c>
      <c r="H1219" s="4">
        <v>1</v>
      </c>
      <c r="I1219" s="2">
        <v>14.65</v>
      </c>
      <c r="J1219" s="52" t="s">
        <v>4338</v>
      </c>
      <c r="K1219" s="71" t="s">
        <v>4339</v>
      </c>
      <c r="L1219" s="52" t="s">
        <v>2063</v>
      </c>
      <c r="M1219" s="72">
        <v>5780</v>
      </c>
      <c r="N1219" s="52" t="s">
        <v>2154</v>
      </c>
      <c r="O1219" s="52" t="s">
        <v>2155</v>
      </c>
      <c r="P1219" s="52"/>
      <c r="Q1219" s="52"/>
      <c r="R1219" s="52"/>
      <c r="S1219" s="52"/>
      <c r="T1219" s="52"/>
      <c r="U1219" s="52"/>
      <c r="V1219" s="52"/>
      <c r="W1219" s="52"/>
    </row>
    <row r="1220" spans="1:23" hidden="1" x14ac:dyDescent="0.35">
      <c r="A1220" s="52" t="s">
        <v>78</v>
      </c>
      <c r="B1220" s="52" t="s">
        <v>79</v>
      </c>
      <c r="C1220" s="3">
        <v>20</v>
      </c>
      <c r="D1220" s="52" t="s">
        <v>2021</v>
      </c>
      <c r="E1220" s="52" t="s">
        <v>26</v>
      </c>
      <c r="F1220" s="52" t="s">
        <v>81</v>
      </c>
      <c r="G1220" s="52" t="s">
        <v>82</v>
      </c>
      <c r="H1220" s="4">
        <v>1</v>
      </c>
      <c r="I1220" s="2">
        <v>14.65</v>
      </c>
      <c r="J1220" s="52" t="s">
        <v>4340</v>
      </c>
      <c r="K1220" s="71" t="s">
        <v>4341</v>
      </c>
      <c r="L1220" s="52" t="s">
        <v>2063</v>
      </c>
      <c r="M1220" s="72">
        <v>5161</v>
      </c>
      <c r="N1220" s="52" t="s">
        <v>2066</v>
      </c>
      <c r="O1220" s="52" t="s">
        <v>2067</v>
      </c>
      <c r="P1220" s="52"/>
      <c r="Q1220" s="52"/>
      <c r="R1220" s="52"/>
      <c r="S1220" s="52"/>
      <c r="T1220" s="52"/>
      <c r="U1220" s="52"/>
      <c r="V1220" s="52"/>
      <c r="W1220" s="52"/>
    </row>
    <row r="1221" spans="1:23" hidden="1" x14ac:dyDescent="0.35">
      <c r="A1221" s="52" t="s">
        <v>78</v>
      </c>
      <c r="B1221" s="52" t="s">
        <v>79</v>
      </c>
      <c r="C1221" s="3">
        <v>20</v>
      </c>
      <c r="D1221" s="52" t="s">
        <v>2021</v>
      </c>
      <c r="E1221" s="52" t="s">
        <v>26</v>
      </c>
      <c r="F1221" s="52" t="s">
        <v>81</v>
      </c>
      <c r="G1221" s="52" t="s">
        <v>82</v>
      </c>
      <c r="H1221" s="4">
        <v>1</v>
      </c>
      <c r="I1221" s="2">
        <v>14.65</v>
      </c>
      <c r="J1221" s="52" t="s">
        <v>4342</v>
      </c>
      <c r="K1221" s="71" t="s">
        <v>4343</v>
      </c>
      <c r="L1221" s="52" t="s">
        <v>2063</v>
      </c>
      <c r="M1221" s="72">
        <v>8829</v>
      </c>
      <c r="N1221" s="52"/>
      <c r="O1221" s="52"/>
      <c r="P1221" s="52"/>
      <c r="Q1221" s="52"/>
      <c r="R1221" s="52"/>
      <c r="S1221" s="52"/>
      <c r="T1221" s="52"/>
      <c r="U1221" s="52"/>
      <c r="V1221" s="52"/>
      <c r="W1221" s="52"/>
    </row>
    <row r="1222" spans="1:23" hidden="1" x14ac:dyDescent="0.35">
      <c r="A1222" s="52" t="s">
        <v>78</v>
      </c>
      <c r="B1222" s="52" t="s">
        <v>79</v>
      </c>
      <c r="C1222" s="3">
        <v>20</v>
      </c>
      <c r="D1222" s="52" t="s">
        <v>83</v>
      </c>
      <c r="E1222" s="52" t="s">
        <v>26</v>
      </c>
      <c r="F1222" s="52" t="s">
        <v>81</v>
      </c>
      <c r="G1222" s="52" t="s">
        <v>82</v>
      </c>
      <c r="H1222" s="4">
        <v>1</v>
      </c>
      <c r="I1222" s="2">
        <v>14.65</v>
      </c>
      <c r="J1222" s="52" t="s">
        <v>4344</v>
      </c>
      <c r="K1222" s="71" t="s">
        <v>4345</v>
      </c>
      <c r="L1222" s="52" t="s">
        <v>2063</v>
      </c>
      <c r="M1222" s="72">
        <v>4672</v>
      </c>
      <c r="N1222" s="52"/>
      <c r="O1222" s="52"/>
      <c r="P1222" s="52"/>
      <c r="Q1222" s="52"/>
      <c r="R1222" s="52"/>
      <c r="S1222" s="52"/>
      <c r="T1222" s="52"/>
      <c r="U1222" s="52"/>
      <c r="V1222" s="52"/>
      <c r="W1222" s="52"/>
    </row>
    <row r="1223" spans="1:23" hidden="1" x14ac:dyDescent="0.35">
      <c r="A1223" s="52" t="s">
        <v>78</v>
      </c>
      <c r="B1223" s="52" t="s">
        <v>79</v>
      </c>
      <c r="C1223" s="3">
        <v>20</v>
      </c>
      <c r="D1223" s="52" t="s">
        <v>2023</v>
      </c>
      <c r="E1223" s="52" t="s">
        <v>26</v>
      </c>
      <c r="F1223" s="52" t="s">
        <v>81</v>
      </c>
      <c r="G1223" s="52" t="s">
        <v>82</v>
      </c>
      <c r="H1223" s="4">
        <v>1</v>
      </c>
      <c r="I1223" s="2">
        <v>14.65</v>
      </c>
      <c r="J1223" s="52" t="s">
        <v>4346</v>
      </c>
      <c r="K1223" s="71" t="s">
        <v>4347</v>
      </c>
      <c r="L1223" s="52" t="s">
        <v>2063</v>
      </c>
      <c r="M1223" s="72">
        <v>4566</v>
      </c>
      <c r="N1223" s="52"/>
      <c r="O1223" s="52"/>
      <c r="P1223" s="52"/>
      <c r="Q1223" s="52"/>
      <c r="R1223" s="52"/>
      <c r="S1223" s="52"/>
      <c r="T1223" s="52"/>
      <c r="U1223" s="52"/>
      <c r="V1223" s="52"/>
      <c r="W1223" s="52"/>
    </row>
    <row r="1224" spans="1:23" x14ac:dyDescent="0.35">
      <c r="A1224" s="52" t="s">
        <v>78</v>
      </c>
      <c r="B1224" s="52" t="s">
        <v>79</v>
      </c>
      <c r="C1224" s="3">
        <v>10</v>
      </c>
      <c r="D1224" s="52" t="s">
        <v>86</v>
      </c>
      <c r="E1224" s="52" t="s">
        <v>26</v>
      </c>
      <c r="F1224" s="52" t="s">
        <v>81</v>
      </c>
      <c r="G1224" s="52" t="s">
        <v>82</v>
      </c>
      <c r="H1224" s="4">
        <v>1</v>
      </c>
      <c r="I1224" s="2">
        <v>14.65</v>
      </c>
      <c r="J1224" s="52" t="s">
        <v>4348</v>
      </c>
      <c r="K1224" s="71" t="s">
        <v>4349</v>
      </c>
      <c r="L1224" s="52" t="s">
        <v>2063</v>
      </c>
      <c r="M1224" s="72">
        <v>9646</v>
      </c>
      <c r="N1224" s="52" t="s">
        <v>2076</v>
      </c>
      <c r="O1224" s="52" t="s">
        <v>2077</v>
      </c>
      <c r="P1224" s="52"/>
      <c r="Q1224" s="52"/>
      <c r="R1224" s="52"/>
      <c r="S1224" s="52"/>
      <c r="T1224" s="52"/>
      <c r="U1224" s="52"/>
      <c r="V1224" s="52"/>
      <c r="W1224" s="52"/>
    </row>
    <row r="1225" spans="1:23" hidden="1" x14ac:dyDescent="0.35">
      <c r="A1225" s="52" t="s">
        <v>78</v>
      </c>
      <c r="B1225" s="52" t="s">
        <v>79</v>
      </c>
      <c r="C1225" s="3">
        <v>20</v>
      </c>
      <c r="D1225" s="52" t="s">
        <v>86</v>
      </c>
      <c r="E1225" s="52" t="s">
        <v>26</v>
      </c>
      <c r="F1225" s="52" t="s">
        <v>81</v>
      </c>
      <c r="G1225" s="52" t="s">
        <v>82</v>
      </c>
      <c r="H1225" s="4">
        <v>1</v>
      </c>
      <c r="I1225" s="2">
        <v>14.65</v>
      </c>
      <c r="J1225" s="52" t="s">
        <v>4350</v>
      </c>
      <c r="K1225" s="71" t="s">
        <v>4351</v>
      </c>
      <c r="L1225" s="52" t="s">
        <v>2063</v>
      </c>
      <c r="M1225" s="72">
        <v>4553</v>
      </c>
      <c r="N1225" s="52" t="s">
        <v>2072</v>
      </c>
      <c r="O1225" s="52" t="s">
        <v>2073</v>
      </c>
      <c r="P1225" s="52"/>
      <c r="Q1225" s="52"/>
      <c r="R1225" s="52"/>
      <c r="S1225" s="52"/>
      <c r="T1225" s="52"/>
      <c r="U1225" s="52"/>
      <c r="V1225" s="52"/>
      <c r="W1225" s="52"/>
    </row>
    <row r="1226" spans="1:23" hidden="1" x14ac:dyDescent="0.35">
      <c r="A1226" s="52" t="s">
        <v>78</v>
      </c>
      <c r="B1226" s="52" t="s">
        <v>79</v>
      </c>
      <c r="C1226" s="3">
        <v>10</v>
      </c>
      <c r="D1226" s="52" t="s">
        <v>2024</v>
      </c>
      <c r="E1226" s="52" t="s">
        <v>26</v>
      </c>
      <c r="F1226" s="52" t="s">
        <v>81</v>
      </c>
      <c r="G1226" s="52" t="s">
        <v>82</v>
      </c>
      <c r="H1226" s="4">
        <v>1</v>
      </c>
      <c r="I1226" s="2">
        <v>14.65</v>
      </c>
      <c r="J1226" s="52" t="s">
        <v>4352</v>
      </c>
      <c r="K1226" s="71" t="s">
        <v>4353</v>
      </c>
      <c r="L1226" s="52" t="s">
        <v>2063</v>
      </c>
      <c r="M1226" s="72">
        <v>4835</v>
      </c>
      <c r="N1226" s="52" t="s">
        <v>2072</v>
      </c>
      <c r="O1226" s="52" t="s">
        <v>2073</v>
      </c>
      <c r="P1226" s="52"/>
      <c r="Q1226" s="52"/>
      <c r="R1226" s="52"/>
      <c r="S1226" s="52"/>
      <c r="T1226" s="52"/>
      <c r="U1226" s="52"/>
      <c r="V1226" s="52"/>
      <c r="W1226" s="52"/>
    </row>
    <row r="1227" spans="1:23" hidden="1" x14ac:dyDescent="0.35">
      <c r="A1227" s="52" t="s">
        <v>78</v>
      </c>
      <c r="B1227" s="52" t="s">
        <v>79</v>
      </c>
      <c r="C1227" s="3">
        <v>10</v>
      </c>
      <c r="D1227" s="52" t="s">
        <v>2021</v>
      </c>
      <c r="E1227" s="52" t="s">
        <v>26</v>
      </c>
      <c r="F1227" s="52" t="s">
        <v>81</v>
      </c>
      <c r="G1227" s="52" t="s">
        <v>82</v>
      </c>
      <c r="H1227" s="4">
        <v>1</v>
      </c>
      <c r="I1227" s="2">
        <v>14.65</v>
      </c>
      <c r="J1227" s="52" t="s">
        <v>4354</v>
      </c>
      <c r="K1227" s="71" t="s">
        <v>4355</v>
      </c>
      <c r="L1227" s="52" t="s">
        <v>2063</v>
      </c>
      <c r="M1227" s="72">
        <v>9571</v>
      </c>
      <c r="N1227" s="52"/>
      <c r="O1227" s="52"/>
      <c r="P1227" s="52"/>
      <c r="Q1227" s="52"/>
      <c r="R1227" s="52"/>
      <c r="S1227" s="52"/>
      <c r="T1227" s="52"/>
      <c r="U1227" s="52"/>
      <c r="V1227" s="52"/>
      <c r="W1227" s="52"/>
    </row>
    <row r="1228" spans="1:23" hidden="1" x14ac:dyDescent="0.35">
      <c r="A1228" s="52" t="s">
        <v>78</v>
      </c>
      <c r="B1228" s="52" t="s">
        <v>79</v>
      </c>
      <c r="C1228" s="3">
        <v>20</v>
      </c>
      <c r="D1228" s="52" t="s">
        <v>2021</v>
      </c>
      <c r="E1228" s="52" t="s">
        <v>26</v>
      </c>
      <c r="F1228" s="52" t="s">
        <v>81</v>
      </c>
      <c r="G1228" s="52" t="s">
        <v>82</v>
      </c>
      <c r="H1228" s="4">
        <v>1</v>
      </c>
      <c r="I1228" s="2">
        <v>14.65</v>
      </c>
      <c r="J1228" s="52" t="s">
        <v>4356</v>
      </c>
      <c r="K1228" s="71" t="s">
        <v>4357</v>
      </c>
      <c r="L1228" s="52" t="s">
        <v>2063</v>
      </c>
      <c r="M1228" s="72">
        <v>133</v>
      </c>
      <c r="N1228" s="52" t="s">
        <v>2072</v>
      </c>
      <c r="O1228" s="52" t="s">
        <v>2073</v>
      </c>
      <c r="P1228" s="52"/>
      <c r="Q1228" s="52"/>
      <c r="R1228" s="52"/>
      <c r="S1228" s="52"/>
      <c r="T1228" s="52"/>
      <c r="U1228" s="52"/>
      <c r="V1228" s="52"/>
      <c r="W1228" s="52"/>
    </row>
    <row r="1229" spans="1:23" hidden="1" x14ac:dyDescent="0.35">
      <c r="A1229" s="52" t="s">
        <v>78</v>
      </c>
      <c r="B1229" s="52" t="s">
        <v>79</v>
      </c>
      <c r="C1229" s="3">
        <v>20</v>
      </c>
      <c r="D1229" s="52" t="s">
        <v>86</v>
      </c>
      <c r="E1229" s="52" t="s">
        <v>26</v>
      </c>
      <c r="F1229" s="52" t="s">
        <v>81</v>
      </c>
      <c r="G1229" s="52" t="s">
        <v>82</v>
      </c>
      <c r="H1229" s="4">
        <v>1</v>
      </c>
      <c r="I1229" s="2">
        <v>14.65</v>
      </c>
      <c r="J1229" s="52" t="s">
        <v>4358</v>
      </c>
      <c r="K1229" s="71" t="s">
        <v>4359</v>
      </c>
      <c r="L1229" s="52" t="s">
        <v>2063</v>
      </c>
      <c r="M1229" s="72">
        <v>7743</v>
      </c>
      <c r="N1229" s="52" t="s">
        <v>2072</v>
      </c>
      <c r="O1229" s="52" t="s">
        <v>2073</v>
      </c>
      <c r="P1229" s="52"/>
      <c r="Q1229" s="52"/>
      <c r="R1229" s="52"/>
      <c r="S1229" s="52"/>
      <c r="T1229" s="52"/>
      <c r="U1229" s="52"/>
      <c r="V1229" s="52"/>
      <c r="W1229" s="52"/>
    </row>
    <row r="1230" spans="1:23" hidden="1" x14ac:dyDescent="0.35">
      <c r="A1230" s="52" t="s">
        <v>78</v>
      </c>
      <c r="B1230" s="52" t="s">
        <v>79</v>
      </c>
      <c r="C1230" s="3">
        <v>20</v>
      </c>
      <c r="D1230" s="52" t="s">
        <v>2021</v>
      </c>
      <c r="E1230" s="52" t="s">
        <v>26</v>
      </c>
      <c r="F1230" s="52" t="s">
        <v>81</v>
      </c>
      <c r="G1230" s="52" t="s">
        <v>82</v>
      </c>
      <c r="H1230" s="4">
        <v>1</v>
      </c>
      <c r="I1230" s="2">
        <v>14.65</v>
      </c>
      <c r="J1230" s="52" t="s">
        <v>4360</v>
      </c>
      <c r="K1230" s="71" t="s">
        <v>4361</v>
      </c>
      <c r="L1230" s="52" t="s">
        <v>2063</v>
      </c>
      <c r="M1230" s="72">
        <v>8008</v>
      </c>
      <c r="N1230" s="52" t="s">
        <v>2072</v>
      </c>
      <c r="O1230" s="52" t="s">
        <v>2073</v>
      </c>
      <c r="P1230" s="52"/>
      <c r="Q1230" s="52"/>
      <c r="R1230" s="52"/>
      <c r="S1230" s="52"/>
      <c r="T1230" s="52"/>
      <c r="U1230" s="52"/>
      <c r="V1230" s="52"/>
      <c r="W1230" s="52"/>
    </row>
    <row r="1231" spans="1:23" hidden="1" x14ac:dyDescent="0.35">
      <c r="A1231" s="52" t="s">
        <v>78</v>
      </c>
      <c r="B1231" s="52" t="s">
        <v>79</v>
      </c>
      <c r="C1231" s="3">
        <v>10</v>
      </c>
      <c r="D1231" s="52" t="s">
        <v>87</v>
      </c>
      <c r="E1231" s="52" t="s">
        <v>26</v>
      </c>
      <c r="F1231" s="52" t="s">
        <v>81</v>
      </c>
      <c r="G1231" s="52" t="s">
        <v>82</v>
      </c>
      <c r="H1231" s="4">
        <v>1</v>
      </c>
      <c r="I1231" s="2">
        <v>14.65</v>
      </c>
      <c r="J1231" s="52" t="s">
        <v>4362</v>
      </c>
      <c r="K1231" s="71" t="s">
        <v>4363</v>
      </c>
      <c r="L1231" s="52" t="s">
        <v>2063</v>
      </c>
      <c r="M1231" s="72">
        <v>9793</v>
      </c>
      <c r="N1231" s="52"/>
      <c r="O1231" s="52"/>
      <c r="P1231" s="52"/>
      <c r="Q1231" s="52"/>
      <c r="R1231" s="52"/>
      <c r="S1231" s="52"/>
      <c r="T1231" s="52"/>
      <c r="U1231" s="52"/>
      <c r="V1231" s="52"/>
      <c r="W1231" s="52"/>
    </row>
    <row r="1232" spans="1:23" x14ac:dyDescent="0.35">
      <c r="A1232" s="52" t="s">
        <v>78</v>
      </c>
      <c r="B1232" s="52" t="s">
        <v>79</v>
      </c>
      <c r="C1232" s="3">
        <v>20</v>
      </c>
      <c r="D1232" s="52" t="s">
        <v>2023</v>
      </c>
      <c r="E1232" s="52" t="s">
        <v>26</v>
      </c>
      <c r="F1232" s="52" t="s">
        <v>81</v>
      </c>
      <c r="G1232" s="52" t="s">
        <v>82</v>
      </c>
      <c r="H1232" s="4">
        <v>1</v>
      </c>
      <c r="I1232" s="2">
        <v>14.65</v>
      </c>
      <c r="J1232" s="52" t="s">
        <v>4364</v>
      </c>
      <c r="K1232" s="71" t="s">
        <v>4365</v>
      </c>
      <c r="L1232" s="52" t="s">
        <v>2063</v>
      </c>
      <c r="M1232" s="72">
        <v>1818</v>
      </c>
      <c r="N1232" s="52" t="s">
        <v>2259</v>
      </c>
      <c r="O1232" s="52" t="s">
        <v>2260</v>
      </c>
      <c r="P1232" s="52"/>
      <c r="Q1232" s="52"/>
      <c r="R1232" s="52"/>
      <c r="S1232" s="52"/>
      <c r="T1232" s="52"/>
      <c r="U1232" s="52"/>
      <c r="V1232" s="52"/>
      <c r="W1232" s="52"/>
    </row>
    <row r="1233" spans="1:23" hidden="1" x14ac:dyDescent="0.35">
      <c r="A1233" s="52" t="s">
        <v>78</v>
      </c>
      <c r="B1233" s="52" t="s">
        <v>79</v>
      </c>
      <c r="C1233" s="3">
        <v>20</v>
      </c>
      <c r="D1233" s="52" t="s">
        <v>84</v>
      </c>
      <c r="E1233" s="52" t="s">
        <v>26</v>
      </c>
      <c r="F1233" s="52" t="s">
        <v>81</v>
      </c>
      <c r="G1233" s="52" t="s">
        <v>82</v>
      </c>
      <c r="H1233" s="4">
        <v>1</v>
      </c>
      <c r="I1233" s="2">
        <v>14.65</v>
      </c>
      <c r="J1233" s="52" t="s">
        <v>4000</v>
      </c>
      <c r="K1233" s="71" t="s">
        <v>4366</v>
      </c>
      <c r="L1233" s="52" t="s">
        <v>2063</v>
      </c>
      <c r="M1233" s="72">
        <v>7950</v>
      </c>
      <c r="N1233" s="52"/>
      <c r="O1233" s="52"/>
      <c r="P1233" s="52"/>
      <c r="Q1233" s="52"/>
      <c r="R1233" s="52"/>
      <c r="S1233" s="52"/>
      <c r="T1233" s="52"/>
      <c r="U1233" s="52"/>
      <c r="V1233" s="52"/>
      <c r="W1233" s="52"/>
    </row>
    <row r="1234" spans="1:23" hidden="1" x14ac:dyDescent="0.35">
      <c r="A1234" s="52" t="s">
        <v>78</v>
      </c>
      <c r="B1234" s="52" t="s">
        <v>79</v>
      </c>
      <c r="C1234" s="3">
        <v>212</v>
      </c>
      <c r="D1234" s="52" t="s">
        <v>87</v>
      </c>
      <c r="E1234" s="52" t="s">
        <v>26</v>
      </c>
      <c r="F1234" s="52" t="s">
        <v>81</v>
      </c>
      <c r="G1234" s="52" t="s">
        <v>82</v>
      </c>
      <c r="H1234" s="4">
        <v>1</v>
      </c>
      <c r="I1234" s="2">
        <v>14.65</v>
      </c>
      <c r="J1234" s="52" t="s">
        <v>4367</v>
      </c>
      <c r="K1234" s="71" t="s">
        <v>4368</v>
      </c>
      <c r="L1234" s="52" t="s">
        <v>2063</v>
      </c>
      <c r="M1234" s="72">
        <v>5188</v>
      </c>
      <c r="N1234" s="52" t="s">
        <v>2158</v>
      </c>
      <c r="O1234" s="52" t="s">
        <v>2159</v>
      </c>
      <c r="P1234" s="52"/>
      <c r="Q1234" s="52"/>
      <c r="R1234" s="52"/>
      <c r="S1234" s="52"/>
      <c r="T1234" s="52"/>
      <c r="U1234" s="52"/>
      <c r="V1234" s="52"/>
      <c r="W1234" s="52"/>
    </row>
    <row r="1235" spans="1:23" hidden="1" x14ac:dyDescent="0.35">
      <c r="A1235" s="52" t="s">
        <v>78</v>
      </c>
      <c r="B1235" s="52" t="s">
        <v>79</v>
      </c>
      <c r="C1235" s="3">
        <v>10</v>
      </c>
      <c r="D1235" s="52" t="s">
        <v>2020</v>
      </c>
      <c r="E1235" s="52" t="s">
        <v>26</v>
      </c>
      <c r="F1235" s="52" t="s">
        <v>81</v>
      </c>
      <c r="G1235" s="52" t="s">
        <v>82</v>
      </c>
      <c r="H1235" s="4">
        <v>1</v>
      </c>
      <c r="I1235" s="2">
        <v>14.65</v>
      </c>
      <c r="J1235" s="52" t="s">
        <v>4369</v>
      </c>
      <c r="K1235" s="71" t="s">
        <v>4370</v>
      </c>
      <c r="L1235" s="52" t="s">
        <v>2063</v>
      </c>
      <c r="M1235" s="72">
        <v>4293</v>
      </c>
      <c r="N1235" s="52" t="s">
        <v>2066</v>
      </c>
      <c r="O1235" s="52" t="s">
        <v>2067</v>
      </c>
      <c r="P1235" s="52"/>
      <c r="Q1235" s="52"/>
      <c r="R1235" s="52"/>
      <c r="S1235" s="52"/>
      <c r="T1235" s="52"/>
      <c r="U1235" s="52"/>
      <c r="V1235" s="52"/>
      <c r="W1235" s="52"/>
    </row>
    <row r="1236" spans="1:23" hidden="1" x14ac:dyDescent="0.35">
      <c r="A1236" s="52" t="s">
        <v>78</v>
      </c>
      <c r="B1236" s="52" t="s">
        <v>79</v>
      </c>
      <c r="C1236" s="3">
        <v>20</v>
      </c>
      <c r="D1236" s="52" t="s">
        <v>83</v>
      </c>
      <c r="E1236" s="52" t="s">
        <v>26</v>
      </c>
      <c r="F1236" s="52" t="s">
        <v>81</v>
      </c>
      <c r="G1236" s="52" t="s">
        <v>82</v>
      </c>
      <c r="H1236" s="4">
        <v>1</v>
      </c>
      <c r="I1236" s="2">
        <v>14.65</v>
      </c>
      <c r="J1236" s="52" t="s">
        <v>4371</v>
      </c>
      <c r="K1236" s="71" t="s">
        <v>4372</v>
      </c>
      <c r="L1236" s="52" t="s">
        <v>2063</v>
      </c>
      <c r="M1236" s="72">
        <v>5138</v>
      </c>
      <c r="N1236" s="52" t="s">
        <v>2072</v>
      </c>
      <c r="O1236" s="52" t="s">
        <v>2073</v>
      </c>
      <c r="P1236" s="52"/>
      <c r="Q1236" s="52"/>
      <c r="R1236" s="52"/>
      <c r="S1236" s="52"/>
      <c r="T1236" s="52"/>
      <c r="U1236" s="52"/>
      <c r="V1236" s="52"/>
      <c r="W1236" s="52"/>
    </row>
    <row r="1237" spans="1:23" hidden="1" x14ac:dyDescent="0.35">
      <c r="A1237" s="52" t="s">
        <v>78</v>
      </c>
      <c r="B1237" s="52" t="s">
        <v>79</v>
      </c>
      <c r="C1237" s="3">
        <v>20</v>
      </c>
      <c r="D1237" s="52" t="s">
        <v>84</v>
      </c>
      <c r="E1237" s="52" t="s">
        <v>26</v>
      </c>
      <c r="F1237" s="52" t="s">
        <v>81</v>
      </c>
      <c r="G1237" s="52" t="s">
        <v>82</v>
      </c>
      <c r="H1237" s="4">
        <v>1</v>
      </c>
      <c r="I1237" s="2">
        <v>14.65</v>
      </c>
      <c r="J1237" s="52" t="s">
        <v>3987</v>
      </c>
      <c r="K1237" s="71" t="s">
        <v>4373</v>
      </c>
      <c r="L1237" s="52" t="s">
        <v>2063</v>
      </c>
      <c r="M1237" s="72">
        <v>9246</v>
      </c>
      <c r="N1237" s="52" t="s">
        <v>2066</v>
      </c>
      <c r="O1237" s="52" t="s">
        <v>2067</v>
      </c>
      <c r="P1237" s="52"/>
      <c r="Q1237" s="52"/>
      <c r="R1237" s="52"/>
      <c r="S1237" s="52"/>
      <c r="T1237" s="52"/>
      <c r="U1237" s="52"/>
      <c r="V1237" s="52"/>
      <c r="W1237" s="52"/>
    </row>
    <row r="1238" spans="1:23" hidden="1" x14ac:dyDescent="0.35">
      <c r="A1238" s="52" t="s">
        <v>78</v>
      </c>
      <c r="B1238" s="52" t="s">
        <v>79</v>
      </c>
      <c r="C1238" s="3">
        <v>212</v>
      </c>
      <c r="D1238" s="52" t="s">
        <v>84</v>
      </c>
      <c r="E1238" s="52" t="s">
        <v>26</v>
      </c>
      <c r="F1238" s="52" t="s">
        <v>81</v>
      </c>
      <c r="G1238" s="52" t="s">
        <v>82</v>
      </c>
      <c r="H1238" s="4">
        <v>1</v>
      </c>
      <c r="I1238" s="2">
        <v>14.65</v>
      </c>
      <c r="J1238" s="52" t="s">
        <v>4374</v>
      </c>
      <c r="K1238" s="71" t="s">
        <v>4375</v>
      </c>
      <c r="L1238" s="52" t="s">
        <v>2063</v>
      </c>
      <c r="M1238" s="72">
        <v>8510</v>
      </c>
      <c r="N1238" s="52"/>
      <c r="O1238" s="52"/>
      <c r="P1238" s="52"/>
      <c r="Q1238" s="52"/>
      <c r="R1238" s="52"/>
      <c r="S1238" s="52"/>
      <c r="T1238" s="52"/>
      <c r="U1238" s="52"/>
      <c r="V1238" s="52"/>
      <c r="W1238" s="52"/>
    </row>
    <row r="1239" spans="1:23" x14ac:dyDescent="0.35">
      <c r="A1239" s="52" t="s">
        <v>78</v>
      </c>
      <c r="B1239" s="52" t="s">
        <v>79</v>
      </c>
      <c r="C1239" s="3">
        <v>20</v>
      </c>
      <c r="D1239" s="52" t="s">
        <v>86</v>
      </c>
      <c r="E1239" s="52" t="s">
        <v>26</v>
      </c>
      <c r="F1239" s="52" t="s">
        <v>81</v>
      </c>
      <c r="G1239" s="52" t="s">
        <v>82</v>
      </c>
      <c r="H1239" s="4">
        <v>1</v>
      </c>
      <c r="I1239" s="2">
        <v>14.65</v>
      </c>
      <c r="J1239" s="52" t="s">
        <v>4376</v>
      </c>
      <c r="K1239" s="71" t="s">
        <v>4377</v>
      </c>
      <c r="L1239" s="52" t="s">
        <v>2063</v>
      </c>
      <c r="M1239" s="72">
        <v>6770</v>
      </c>
      <c r="N1239" s="52" t="s">
        <v>2259</v>
      </c>
      <c r="O1239" s="52" t="s">
        <v>2260</v>
      </c>
      <c r="P1239" s="52"/>
      <c r="Q1239" s="52"/>
      <c r="R1239" s="52"/>
      <c r="S1239" s="52"/>
      <c r="T1239" s="52"/>
      <c r="U1239" s="52"/>
      <c r="V1239" s="52"/>
      <c r="W1239" s="52"/>
    </row>
    <row r="1240" spans="1:23" hidden="1" x14ac:dyDescent="0.35">
      <c r="A1240" s="52" t="s">
        <v>78</v>
      </c>
      <c r="B1240" s="52" t="s">
        <v>79</v>
      </c>
      <c r="C1240" s="3">
        <v>10</v>
      </c>
      <c r="D1240" s="52" t="s">
        <v>84</v>
      </c>
      <c r="E1240" s="52" t="s">
        <v>26</v>
      </c>
      <c r="F1240" s="52" t="s">
        <v>81</v>
      </c>
      <c r="G1240" s="52" t="s">
        <v>82</v>
      </c>
      <c r="H1240" s="4">
        <v>1</v>
      </c>
      <c r="I1240" s="2">
        <v>14.65</v>
      </c>
      <c r="J1240" s="52" t="s">
        <v>4378</v>
      </c>
      <c r="K1240" s="71" t="s">
        <v>4379</v>
      </c>
      <c r="L1240" s="52" t="s">
        <v>2063</v>
      </c>
      <c r="M1240" s="72">
        <v>20</v>
      </c>
      <c r="N1240" s="52" t="s">
        <v>2066</v>
      </c>
      <c r="O1240" s="52" t="s">
        <v>2067</v>
      </c>
      <c r="P1240" s="52"/>
      <c r="Q1240" s="52"/>
      <c r="R1240" s="52"/>
      <c r="S1240" s="52"/>
      <c r="T1240" s="52"/>
      <c r="U1240" s="52"/>
      <c r="V1240" s="52"/>
      <c r="W1240" s="52"/>
    </row>
    <row r="1241" spans="1:23" hidden="1" x14ac:dyDescent="0.35">
      <c r="A1241" s="52" t="s">
        <v>78</v>
      </c>
      <c r="B1241" s="52" t="s">
        <v>79</v>
      </c>
      <c r="C1241" s="3">
        <v>10</v>
      </c>
      <c r="D1241" s="52" t="s">
        <v>2020</v>
      </c>
      <c r="E1241" s="52" t="s">
        <v>26</v>
      </c>
      <c r="F1241" s="52" t="s">
        <v>81</v>
      </c>
      <c r="G1241" s="52" t="s">
        <v>82</v>
      </c>
      <c r="H1241" s="4">
        <v>1</v>
      </c>
      <c r="I1241" s="2">
        <v>14.65</v>
      </c>
      <c r="J1241" s="52" t="s">
        <v>4380</v>
      </c>
      <c r="K1241" s="71" t="s">
        <v>4381</v>
      </c>
      <c r="L1241" s="52" t="s">
        <v>2063</v>
      </c>
      <c r="M1241" s="72">
        <v>6967</v>
      </c>
      <c r="N1241" s="52" t="s">
        <v>2072</v>
      </c>
      <c r="O1241" s="52" t="s">
        <v>2073</v>
      </c>
      <c r="P1241" s="52"/>
      <c r="Q1241" s="52"/>
      <c r="R1241" s="52"/>
      <c r="S1241" s="52"/>
      <c r="T1241" s="52"/>
      <c r="U1241" s="52"/>
      <c r="V1241" s="52"/>
      <c r="W1241" s="52"/>
    </row>
    <row r="1242" spans="1:23" hidden="1" x14ac:dyDescent="0.35">
      <c r="A1242" s="52" t="s">
        <v>78</v>
      </c>
      <c r="B1242" s="52" t="s">
        <v>79</v>
      </c>
      <c r="C1242" s="3">
        <v>10</v>
      </c>
      <c r="D1242" s="52" t="s">
        <v>2022</v>
      </c>
      <c r="E1242" s="52" t="s">
        <v>26</v>
      </c>
      <c r="F1242" s="52" t="s">
        <v>81</v>
      </c>
      <c r="G1242" s="52" t="s">
        <v>82</v>
      </c>
      <c r="H1242" s="4">
        <v>1</v>
      </c>
      <c r="I1242" s="2">
        <v>14.65</v>
      </c>
      <c r="J1242" s="52" t="s">
        <v>4382</v>
      </c>
      <c r="K1242" s="71" t="s">
        <v>4383</v>
      </c>
      <c r="L1242" s="52" t="s">
        <v>2063</v>
      </c>
      <c r="M1242" s="72">
        <v>6561</v>
      </c>
      <c r="N1242" s="52" t="s">
        <v>2072</v>
      </c>
      <c r="O1242" s="52" t="s">
        <v>2073</v>
      </c>
      <c r="P1242" s="52"/>
      <c r="Q1242" s="52"/>
      <c r="R1242" s="52"/>
      <c r="S1242" s="52"/>
      <c r="T1242" s="52"/>
      <c r="U1242" s="52"/>
      <c r="V1242" s="52"/>
      <c r="W1242" s="52"/>
    </row>
    <row r="1243" spans="1:23" x14ac:dyDescent="0.35">
      <c r="A1243" s="52" t="s">
        <v>78</v>
      </c>
      <c r="B1243" s="52" t="s">
        <v>79</v>
      </c>
      <c r="C1243" s="3">
        <v>211</v>
      </c>
      <c r="D1243" s="52" t="s">
        <v>80</v>
      </c>
      <c r="E1243" s="52" t="s">
        <v>26</v>
      </c>
      <c r="F1243" s="52" t="s">
        <v>81</v>
      </c>
      <c r="G1243" s="52" t="s">
        <v>82</v>
      </c>
      <c r="H1243" s="4">
        <v>1</v>
      </c>
      <c r="I1243" s="2">
        <v>14.65</v>
      </c>
      <c r="J1243" s="52" t="s">
        <v>4384</v>
      </c>
      <c r="K1243" s="71" t="s">
        <v>4385</v>
      </c>
      <c r="L1243" s="52" t="s">
        <v>2063</v>
      </c>
      <c r="M1243" s="72">
        <v>1572</v>
      </c>
      <c r="N1243" s="52" t="s">
        <v>2259</v>
      </c>
      <c r="O1243" s="52" t="s">
        <v>2260</v>
      </c>
      <c r="P1243" s="52"/>
      <c r="Q1243" s="52"/>
      <c r="R1243" s="52"/>
      <c r="S1243" s="52"/>
      <c r="T1243" s="52"/>
      <c r="U1243" s="52"/>
      <c r="V1243" s="52"/>
      <c r="W1243" s="52"/>
    </row>
    <row r="1244" spans="1:23" hidden="1" x14ac:dyDescent="0.35">
      <c r="A1244" s="52" t="s">
        <v>78</v>
      </c>
      <c r="B1244" s="52" t="s">
        <v>79</v>
      </c>
      <c r="C1244" s="3">
        <v>20</v>
      </c>
      <c r="D1244" s="52" t="s">
        <v>2020</v>
      </c>
      <c r="E1244" s="52" t="s">
        <v>26</v>
      </c>
      <c r="F1244" s="52" t="s">
        <v>81</v>
      </c>
      <c r="G1244" s="52" t="s">
        <v>82</v>
      </c>
      <c r="H1244" s="4">
        <v>1</v>
      </c>
      <c r="I1244" s="2">
        <v>14.65</v>
      </c>
      <c r="J1244" s="52" t="s">
        <v>4386</v>
      </c>
      <c r="K1244" s="71" t="s">
        <v>4387</v>
      </c>
      <c r="L1244" s="52" t="s">
        <v>2063</v>
      </c>
      <c r="M1244" s="72">
        <v>4402</v>
      </c>
      <c r="N1244" s="52" t="s">
        <v>2072</v>
      </c>
      <c r="O1244" s="52" t="s">
        <v>2073</v>
      </c>
      <c r="P1244" s="52"/>
      <c r="Q1244" s="52"/>
      <c r="R1244" s="52"/>
      <c r="S1244" s="52"/>
      <c r="T1244" s="52"/>
      <c r="U1244" s="52"/>
      <c r="V1244" s="52"/>
      <c r="W1244" s="52"/>
    </row>
    <row r="1245" spans="1:23" hidden="1" x14ac:dyDescent="0.35">
      <c r="A1245" s="52" t="s">
        <v>78</v>
      </c>
      <c r="B1245" s="52" t="s">
        <v>79</v>
      </c>
      <c r="C1245" s="3">
        <v>20</v>
      </c>
      <c r="D1245" s="52" t="s">
        <v>83</v>
      </c>
      <c r="E1245" s="52" t="s">
        <v>26</v>
      </c>
      <c r="F1245" s="52" t="s">
        <v>81</v>
      </c>
      <c r="G1245" s="52" t="s">
        <v>82</v>
      </c>
      <c r="H1245" s="4">
        <v>1</v>
      </c>
      <c r="I1245" s="2">
        <v>14.65</v>
      </c>
      <c r="J1245" s="52" t="s">
        <v>4063</v>
      </c>
      <c r="K1245" s="71" t="s">
        <v>4388</v>
      </c>
      <c r="L1245" s="52" t="s">
        <v>2063</v>
      </c>
      <c r="M1245" s="72">
        <v>1121</v>
      </c>
      <c r="N1245" s="52" t="s">
        <v>2072</v>
      </c>
      <c r="O1245" s="52" t="s">
        <v>2073</v>
      </c>
      <c r="P1245" s="52"/>
      <c r="Q1245" s="52"/>
      <c r="R1245" s="52"/>
      <c r="S1245" s="52"/>
      <c r="T1245" s="52"/>
      <c r="U1245" s="52"/>
      <c r="V1245" s="52"/>
      <c r="W1245" s="52"/>
    </row>
    <row r="1246" spans="1:23" hidden="1" x14ac:dyDescent="0.35">
      <c r="A1246" s="52" t="s">
        <v>78</v>
      </c>
      <c r="B1246" s="52" t="s">
        <v>79</v>
      </c>
      <c r="C1246" s="3">
        <v>20</v>
      </c>
      <c r="D1246" s="52" t="s">
        <v>87</v>
      </c>
      <c r="E1246" s="52" t="s">
        <v>26</v>
      </c>
      <c r="F1246" s="52" t="s">
        <v>81</v>
      </c>
      <c r="G1246" s="52" t="s">
        <v>82</v>
      </c>
      <c r="H1246" s="4">
        <v>1</v>
      </c>
      <c r="I1246" s="2">
        <v>14.65</v>
      </c>
      <c r="J1246" s="52" t="s">
        <v>4389</v>
      </c>
      <c r="K1246" s="71" t="s">
        <v>4390</v>
      </c>
      <c r="L1246" s="52" t="s">
        <v>2063</v>
      </c>
      <c r="M1246" s="72">
        <v>8547</v>
      </c>
      <c r="N1246" s="52" t="s">
        <v>2072</v>
      </c>
      <c r="O1246" s="52" t="s">
        <v>2073</v>
      </c>
      <c r="P1246" s="52"/>
      <c r="Q1246" s="52"/>
      <c r="R1246" s="52"/>
      <c r="S1246" s="52"/>
      <c r="T1246" s="52"/>
      <c r="U1246" s="52"/>
      <c r="V1246" s="52"/>
      <c r="W1246" s="52"/>
    </row>
    <row r="1247" spans="1:23" x14ac:dyDescent="0.35">
      <c r="A1247" s="52" t="s">
        <v>78</v>
      </c>
      <c r="B1247" s="52" t="s">
        <v>79</v>
      </c>
      <c r="C1247" s="3">
        <v>10</v>
      </c>
      <c r="D1247" s="52" t="s">
        <v>2022</v>
      </c>
      <c r="E1247" s="52" t="s">
        <v>26</v>
      </c>
      <c r="F1247" s="52" t="s">
        <v>81</v>
      </c>
      <c r="G1247" s="52" t="s">
        <v>82</v>
      </c>
      <c r="H1247" s="4">
        <v>1</v>
      </c>
      <c r="I1247" s="2">
        <v>14.65</v>
      </c>
      <c r="J1247" s="52" t="s">
        <v>4391</v>
      </c>
      <c r="K1247" s="71" t="s">
        <v>4392</v>
      </c>
      <c r="L1247" s="52" t="s">
        <v>2063</v>
      </c>
      <c r="M1247" s="72">
        <v>7382</v>
      </c>
      <c r="N1247" s="52" t="s">
        <v>2259</v>
      </c>
      <c r="O1247" s="52" t="s">
        <v>2260</v>
      </c>
      <c r="P1247" s="52"/>
      <c r="Q1247" s="52"/>
      <c r="R1247" s="52"/>
      <c r="S1247" s="52"/>
      <c r="T1247" s="52"/>
      <c r="U1247" s="52"/>
      <c r="V1247" s="52"/>
      <c r="W1247" s="52"/>
    </row>
    <row r="1248" spans="1:23" x14ac:dyDescent="0.35">
      <c r="A1248" s="52" t="s">
        <v>78</v>
      </c>
      <c r="B1248" s="52" t="s">
        <v>79</v>
      </c>
      <c r="C1248" s="3">
        <v>20</v>
      </c>
      <c r="D1248" s="52" t="s">
        <v>86</v>
      </c>
      <c r="E1248" s="52" t="s">
        <v>26</v>
      </c>
      <c r="F1248" s="52" t="s">
        <v>81</v>
      </c>
      <c r="G1248" s="52" t="s">
        <v>82</v>
      </c>
      <c r="H1248" s="4">
        <v>1</v>
      </c>
      <c r="I1248" s="2">
        <v>14.65</v>
      </c>
      <c r="J1248" s="52" t="s">
        <v>4393</v>
      </c>
      <c r="K1248" s="71" t="s">
        <v>4394</v>
      </c>
      <c r="L1248" s="52" t="s">
        <v>2063</v>
      </c>
      <c r="M1248" s="72">
        <v>8080</v>
      </c>
      <c r="N1248" s="52" t="s">
        <v>2076</v>
      </c>
      <c r="O1248" s="52" t="s">
        <v>2077</v>
      </c>
      <c r="P1248" s="52"/>
      <c r="Q1248" s="52"/>
      <c r="R1248" s="52"/>
      <c r="S1248" s="52"/>
      <c r="T1248" s="52"/>
      <c r="U1248" s="52"/>
      <c r="V1248" s="52"/>
      <c r="W1248" s="52"/>
    </row>
    <row r="1249" spans="1:23" hidden="1" x14ac:dyDescent="0.35">
      <c r="A1249" s="52" t="s">
        <v>78</v>
      </c>
      <c r="B1249" s="52" t="s">
        <v>79</v>
      </c>
      <c r="C1249" s="3">
        <v>10</v>
      </c>
      <c r="D1249" s="52" t="s">
        <v>86</v>
      </c>
      <c r="E1249" s="52" t="s">
        <v>26</v>
      </c>
      <c r="F1249" s="52" t="s">
        <v>81</v>
      </c>
      <c r="G1249" s="52" t="s">
        <v>82</v>
      </c>
      <c r="H1249" s="4">
        <v>1</v>
      </c>
      <c r="I1249" s="2">
        <v>14.65</v>
      </c>
      <c r="J1249" s="52" t="s">
        <v>4395</v>
      </c>
      <c r="K1249" s="71" t="s">
        <v>4396</v>
      </c>
      <c r="L1249" s="52" t="s">
        <v>2063</v>
      </c>
      <c r="M1249" s="72">
        <v>1456</v>
      </c>
      <c r="N1249" s="52" t="s">
        <v>2158</v>
      </c>
      <c r="O1249" s="52" t="s">
        <v>2159</v>
      </c>
      <c r="P1249" s="52"/>
      <c r="Q1249" s="52"/>
      <c r="R1249" s="52"/>
      <c r="S1249" s="52"/>
      <c r="T1249" s="52"/>
      <c r="U1249" s="52"/>
      <c r="V1249" s="52"/>
      <c r="W1249" s="52"/>
    </row>
    <row r="1250" spans="1:23" hidden="1" x14ac:dyDescent="0.35">
      <c r="A1250" s="52" t="s">
        <v>78</v>
      </c>
      <c r="B1250" s="52" t="s">
        <v>79</v>
      </c>
      <c r="C1250" s="3">
        <v>20</v>
      </c>
      <c r="D1250" s="52" t="s">
        <v>2022</v>
      </c>
      <c r="E1250" s="52" t="s">
        <v>26</v>
      </c>
      <c r="F1250" s="52" t="s">
        <v>81</v>
      </c>
      <c r="G1250" s="52" t="s">
        <v>82</v>
      </c>
      <c r="H1250" s="4">
        <v>1</v>
      </c>
      <c r="I1250" s="2">
        <v>14.65</v>
      </c>
      <c r="J1250" s="52" t="s">
        <v>4397</v>
      </c>
      <c r="K1250" s="71" t="s">
        <v>4398</v>
      </c>
      <c r="L1250" s="52" t="s">
        <v>2063</v>
      </c>
      <c r="M1250" s="72">
        <v>8227</v>
      </c>
      <c r="N1250" s="52"/>
      <c r="O1250" s="52"/>
      <c r="P1250" s="52"/>
      <c r="Q1250" s="52"/>
      <c r="R1250" s="52"/>
      <c r="S1250" s="52"/>
      <c r="T1250" s="52"/>
      <c r="U1250" s="52"/>
      <c r="V1250" s="52"/>
      <c r="W1250" s="52"/>
    </row>
    <row r="1251" spans="1:23" hidden="1" x14ac:dyDescent="0.35">
      <c r="A1251" s="52" t="s">
        <v>78</v>
      </c>
      <c r="B1251" s="52" t="s">
        <v>79</v>
      </c>
      <c r="C1251" s="3">
        <v>20</v>
      </c>
      <c r="D1251" s="52" t="s">
        <v>2021</v>
      </c>
      <c r="E1251" s="52" t="s">
        <v>26</v>
      </c>
      <c r="F1251" s="52" t="s">
        <v>81</v>
      </c>
      <c r="G1251" s="52" t="s">
        <v>82</v>
      </c>
      <c r="H1251" s="4">
        <v>1</v>
      </c>
      <c r="I1251" s="2">
        <v>14.65</v>
      </c>
      <c r="J1251" s="52" t="s">
        <v>4399</v>
      </c>
      <c r="K1251" s="71" t="s">
        <v>4400</v>
      </c>
      <c r="L1251" s="52" t="s">
        <v>2095</v>
      </c>
      <c r="M1251" s="72">
        <v>2881</v>
      </c>
      <c r="N1251" s="52"/>
      <c r="O1251" s="52"/>
      <c r="P1251" s="52"/>
      <c r="Q1251" s="52"/>
      <c r="R1251" s="52"/>
      <c r="S1251" s="52"/>
      <c r="T1251" s="52"/>
      <c r="U1251" s="52"/>
      <c r="V1251" s="52"/>
      <c r="W1251" s="52"/>
    </row>
    <row r="1252" spans="1:23" hidden="1" x14ac:dyDescent="0.35">
      <c r="A1252" s="52" t="s">
        <v>78</v>
      </c>
      <c r="B1252" s="52" t="s">
        <v>79</v>
      </c>
      <c r="C1252" s="3">
        <v>10</v>
      </c>
      <c r="D1252" s="52" t="s">
        <v>85</v>
      </c>
      <c r="E1252" s="52" t="s">
        <v>26</v>
      </c>
      <c r="F1252" s="52" t="s">
        <v>81</v>
      </c>
      <c r="G1252" s="52" t="s">
        <v>82</v>
      </c>
      <c r="H1252" s="4">
        <v>1</v>
      </c>
      <c r="I1252" s="2">
        <v>14.65</v>
      </c>
      <c r="J1252" s="52" t="s">
        <v>4038</v>
      </c>
      <c r="K1252" s="71" t="s">
        <v>4401</v>
      </c>
      <c r="L1252" s="52" t="s">
        <v>2063</v>
      </c>
      <c r="M1252" s="72">
        <v>8608</v>
      </c>
      <c r="N1252" s="52" t="s">
        <v>2066</v>
      </c>
      <c r="O1252" s="52" t="s">
        <v>2067</v>
      </c>
      <c r="P1252" s="52"/>
      <c r="Q1252" s="52"/>
      <c r="R1252" s="52"/>
      <c r="S1252" s="52"/>
      <c r="T1252" s="52"/>
      <c r="U1252" s="52"/>
      <c r="V1252" s="52"/>
      <c r="W1252" s="52"/>
    </row>
    <row r="1253" spans="1:23" hidden="1" x14ac:dyDescent="0.35">
      <c r="A1253" s="52" t="s">
        <v>78</v>
      </c>
      <c r="B1253" s="52" t="s">
        <v>79</v>
      </c>
      <c r="C1253" s="3">
        <v>20</v>
      </c>
      <c r="D1253" s="52" t="s">
        <v>2019</v>
      </c>
      <c r="E1253" s="52" t="s">
        <v>26</v>
      </c>
      <c r="F1253" s="52" t="s">
        <v>81</v>
      </c>
      <c r="G1253" s="52" t="s">
        <v>82</v>
      </c>
      <c r="H1253" s="4">
        <v>1</v>
      </c>
      <c r="I1253" s="2">
        <v>14.65</v>
      </c>
      <c r="J1253" s="52" t="s">
        <v>4402</v>
      </c>
      <c r="K1253" s="71" t="s">
        <v>4403</v>
      </c>
      <c r="L1253" s="52" t="s">
        <v>2063</v>
      </c>
      <c r="M1253" s="72">
        <v>7266</v>
      </c>
      <c r="N1253" s="52" t="s">
        <v>2304</v>
      </c>
      <c r="O1253" s="52" t="s">
        <v>2305</v>
      </c>
      <c r="P1253" s="52"/>
      <c r="Q1253" s="52"/>
      <c r="R1253" s="52"/>
      <c r="S1253" s="52"/>
      <c r="T1253" s="52"/>
      <c r="U1253" s="52"/>
      <c r="V1253" s="52"/>
      <c r="W1253" s="52"/>
    </row>
    <row r="1254" spans="1:23" hidden="1" x14ac:dyDescent="0.35">
      <c r="A1254" s="52" t="s">
        <v>78</v>
      </c>
      <c r="B1254" s="52" t="s">
        <v>79</v>
      </c>
      <c r="C1254" s="3">
        <v>10</v>
      </c>
      <c r="D1254" s="52" t="s">
        <v>2023</v>
      </c>
      <c r="E1254" s="52" t="s">
        <v>26</v>
      </c>
      <c r="F1254" s="52" t="s">
        <v>81</v>
      </c>
      <c r="G1254" s="52" t="s">
        <v>82</v>
      </c>
      <c r="H1254" s="4">
        <v>1</v>
      </c>
      <c r="I1254" s="2">
        <v>14.65</v>
      </c>
      <c r="J1254" s="52" t="s">
        <v>4404</v>
      </c>
      <c r="K1254" s="71" t="s">
        <v>4405</v>
      </c>
      <c r="L1254" s="52" t="s">
        <v>2063</v>
      </c>
      <c r="M1254" s="72">
        <v>4318</v>
      </c>
      <c r="N1254" s="52" t="s">
        <v>2066</v>
      </c>
      <c r="O1254" s="52" t="s">
        <v>2067</v>
      </c>
      <c r="P1254" s="52"/>
      <c r="Q1254" s="52"/>
      <c r="R1254" s="52"/>
      <c r="S1254" s="52"/>
      <c r="T1254" s="52"/>
      <c r="U1254" s="52"/>
      <c r="V1254" s="52"/>
      <c r="W1254" s="52"/>
    </row>
    <row r="1255" spans="1:23" hidden="1" x14ac:dyDescent="0.35">
      <c r="A1255" s="52" t="s">
        <v>78</v>
      </c>
      <c r="B1255" s="52" t="s">
        <v>79</v>
      </c>
      <c r="C1255" s="3">
        <v>10</v>
      </c>
      <c r="D1255" s="52" t="s">
        <v>84</v>
      </c>
      <c r="E1255" s="52" t="s">
        <v>26</v>
      </c>
      <c r="F1255" s="52" t="s">
        <v>81</v>
      </c>
      <c r="G1255" s="52" t="s">
        <v>82</v>
      </c>
      <c r="H1255" s="4">
        <v>1</v>
      </c>
      <c r="I1255" s="2">
        <v>14.65</v>
      </c>
      <c r="J1255" s="52" t="s">
        <v>3332</v>
      </c>
      <c r="K1255" s="71" t="s">
        <v>4406</v>
      </c>
      <c r="L1255" s="52" t="s">
        <v>2063</v>
      </c>
      <c r="M1255" s="72">
        <v>8482</v>
      </c>
      <c r="N1255" s="52" t="s">
        <v>2072</v>
      </c>
      <c r="O1255" s="52" t="s">
        <v>2073</v>
      </c>
      <c r="P1255" s="52"/>
      <c r="Q1255" s="52"/>
      <c r="R1255" s="52"/>
      <c r="S1255" s="52"/>
      <c r="T1255" s="52"/>
      <c r="U1255" s="52"/>
      <c r="V1255" s="52"/>
      <c r="W1255" s="52"/>
    </row>
    <row r="1256" spans="1:23" hidden="1" x14ac:dyDescent="0.35">
      <c r="A1256" s="52" t="s">
        <v>78</v>
      </c>
      <c r="B1256" s="52" t="s">
        <v>79</v>
      </c>
      <c r="C1256" s="3">
        <v>10</v>
      </c>
      <c r="D1256" s="52" t="s">
        <v>85</v>
      </c>
      <c r="E1256" s="52" t="s">
        <v>26</v>
      </c>
      <c r="F1256" s="52" t="s">
        <v>81</v>
      </c>
      <c r="G1256" s="52" t="s">
        <v>82</v>
      </c>
      <c r="H1256" s="4">
        <v>1</v>
      </c>
      <c r="I1256" s="2">
        <v>14.65</v>
      </c>
      <c r="J1256" s="52" t="s">
        <v>4407</v>
      </c>
      <c r="K1256" s="71" t="s">
        <v>4408</v>
      </c>
      <c r="L1256" s="52" t="s">
        <v>2063</v>
      </c>
      <c r="M1256" s="72">
        <v>4935</v>
      </c>
      <c r="N1256" s="52" t="s">
        <v>2066</v>
      </c>
      <c r="O1256" s="52" t="s">
        <v>2067</v>
      </c>
      <c r="P1256" s="52"/>
      <c r="Q1256" s="52"/>
      <c r="R1256" s="52"/>
      <c r="S1256" s="52"/>
      <c r="T1256" s="52"/>
      <c r="U1256" s="52"/>
      <c r="V1256" s="52"/>
      <c r="W1256" s="52"/>
    </row>
    <row r="1257" spans="1:23" hidden="1" x14ac:dyDescent="0.35">
      <c r="A1257" s="52" t="s">
        <v>78</v>
      </c>
      <c r="B1257" s="52" t="s">
        <v>79</v>
      </c>
      <c r="C1257" s="3">
        <v>10</v>
      </c>
      <c r="D1257" s="52" t="s">
        <v>2023</v>
      </c>
      <c r="E1257" s="52" t="s">
        <v>26</v>
      </c>
      <c r="F1257" s="52" t="s">
        <v>81</v>
      </c>
      <c r="G1257" s="52" t="s">
        <v>82</v>
      </c>
      <c r="H1257" s="4">
        <v>1</v>
      </c>
      <c r="I1257" s="2">
        <v>14.65</v>
      </c>
      <c r="J1257" s="52" t="s">
        <v>4409</v>
      </c>
      <c r="K1257" s="71" t="s">
        <v>4410</v>
      </c>
      <c r="L1257" s="52" t="s">
        <v>2063</v>
      </c>
      <c r="M1257" s="72">
        <v>6847</v>
      </c>
      <c r="N1257" s="52"/>
      <c r="O1257" s="52"/>
      <c r="P1257" s="52"/>
      <c r="Q1257" s="52"/>
      <c r="R1257" s="52"/>
      <c r="S1257" s="52"/>
      <c r="T1257" s="52"/>
      <c r="U1257" s="52"/>
      <c r="V1257" s="52"/>
      <c r="W1257" s="52"/>
    </row>
    <row r="1258" spans="1:23" hidden="1" x14ac:dyDescent="0.35">
      <c r="A1258" s="52" t="s">
        <v>78</v>
      </c>
      <c r="B1258" s="52" t="s">
        <v>79</v>
      </c>
      <c r="C1258" s="3">
        <v>20</v>
      </c>
      <c r="D1258" s="52" t="s">
        <v>2020</v>
      </c>
      <c r="E1258" s="52" t="s">
        <v>26</v>
      </c>
      <c r="F1258" s="52" t="s">
        <v>81</v>
      </c>
      <c r="G1258" s="52" t="s">
        <v>82</v>
      </c>
      <c r="H1258" s="4">
        <v>1</v>
      </c>
      <c r="I1258" s="2">
        <v>14.65</v>
      </c>
      <c r="J1258" s="52" t="s">
        <v>4411</v>
      </c>
      <c r="K1258" s="71" t="s">
        <v>4412</v>
      </c>
      <c r="L1258" s="52" t="s">
        <v>2063</v>
      </c>
      <c r="M1258" s="72">
        <v>4370</v>
      </c>
      <c r="N1258" s="52"/>
      <c r="O1258" s="52"/>
      <c r="P1258" s="52"/>
      <c r="Q1258" s="52"/>
      <c r="R1258" s="52"/>
      <c r="S1258" s="52"/>
      <c r="T1258" s="52"/>
      <c r="U1258" s="52"/>
      <c r="V1258" s="52"/>
      <c r="W1258" s="52"/>
    </row>
    <row r="1259" spans="1:23" hidden="1" x14ac:dyDescent="0.35">
      <c r="A1259" s="52" t="s">
        <v>78</v>
      </c>
      <c r="B1259" s="52" t="s">
        <v>79</v>
      </c>
      <c r="C1259" s="3">
        <v>211</v>
      </c>
      <c r="D1259" s="52" t="s">
        <v>2021</v>
      </c>
      <c r="E1259" s="52" t="s">
        <v>26</v>
      </c>
      <c r="F1259" s="52" t="s">
        <v>81</v>
      </c>
      <c r="G1259" s="52" t="s">
        <v>82</v>
      </c>
      <c r="H1259" s="4">
        <v>1</v>
      </c>
      <c r="I1259" s="2">
        <v>14.65</v>
      </c>
      <c r="J1259" s="52" t="s">
        <v>4413</v>
      </c>
      <c r="K1259" s="71" t="s">
        <v>4414</v>
      </c>
      <c r="L1259" s="52" t="s">
        <v>2063</v>
      </c>
      <c r="M1259" s="72">
        <v>2072</v>
      </c>
      <c r="N1259" s="52" t="s">
        <v>2066</v>
      </c>
      <c r="O1259" s="52" t="s">
        <v>2067</v>
      </c>
      <c r="P1259" s="52"/>
      <c r="Q1259" s="52"/>
      <c r="R1259" s="52"/>
      <c r="S1259" s="52"/>
      <c r="T1259" s="52"/>
      <c r="U1259" s="52"/>
      <c r="V1259" s="52"/>
      <c r="W1259" s="52"/>
    </row>
    <row r="1260" spans="1:23" x14ac:dyDescent="0.35">
      <c r="A1260" s="52" t="s">
        <v>78</v>
      </c>
      <c r="B1260" s="52" t="s">
        <v>79</v>
      </c>
      <c r="C1260" s="3">
        <v>10</v>
      </c>
      <c r="D1260" s="52" t="s">
        <v>84</v>
      </c>
      <c r="E1260" s="52" t="s">
        <v>26</v>
      </c>
      <c r="F1260" s="52" t="s">
        <v>81</v>
      </c>
      <c r="G1260" s="52" t="s">
        <v>82</v>
      </c>
      <c r="H1260" s="4">
        <v>1</v>
      </c>
      <c r="I1260" s="2">
        <v>14.65</v>
      </c>
      <c r="J1260" s="52" t="s">
        <v>4415</v>
      </c>
      <c r="K1260" s="71" t="s">
        <v>4416</v>
      </c>
      <c r="L1260" s="52" t="s">
        <v>2063</v>
      </c>
      <c r="M1260" s="72">
        <v>2387</v>
      </c>
      <c r="N1260" s="52" t="s">
        <v>2076</v>
      </c>
      <c r="O1260" s="52" t="s">
        <v>2077</v>
      </c>
      <c r="P1260" s="52"/>
      <c r="Q1260" s="52"/>
      <c r="R1260" s="52"/>
      <c r="S1260" s="52"/>
      <c r="T1260" s="52"/>
      <c r="U1260" s="52"/>
      <c r="V1260" s="52"/>
      <c r="W1260" s="52"/>
    </row>
    <row r="1261" spans="1:23" hidden="1" x14ac:dyDescent="0.35">
      <c r="A1261" s="52" t="s">
        <v>78</v>
      </c>
      <c r="B1261" s="52" t="s">
        <v>79</v>
      </c>
      <c r="C1261" s="3">
        <v>20</v>
      </c>
      <c r="D1261" s="52" t="s">
        <v>2021</v>
      </c>
      <c r="E1261" s="52" t="s">
        <v>26</v>
      </c>
      <c r="F1261" s="52" t="s">
        <v>81</v>
      </c>
      <c r="G1261" s="52" t="s">
        <v>82</v>
      </c>
      <c r="H1261" s="4">
        <v>1</v>
      </c>
      <c r="I1261" s="2">
        <v>14.65</v>
      </c>
      <c r="J1261" s="52" t="s">
        <v>4417</v>
      </c>
      <c r="K1261" s="71" t="s">
        <v>4418</v>
      </c>
      <c r="L1261" s="52" t="s">
        <v>2063</v>
      </c>
      <c r="M1261" s="72">
        <v>633</v>
      </c>
      <c r="N1261" s="52" t="s">
        <v>2066</v>
      </c>
      <c r="O1261" s="52" t="s">
        <v>2067</v>
      </c>
      <c r="P1261" s="52"/>
      <c r="Q1261" s="52"/>
      <c r="R1261" s="52"/>
      <c r="S1261" s="52"/>
      <c r="T1261" s="52"/>
      <c r="U1261" s="52"/>
      <c r="V1261" s="52"/>
      <c r="W1261" s="52"/>
    </row>
    <row r="1262" spans="1:23" hidden="1" x14ac:dyDescent="0.35">
      <c r="A1262" s="52" t="s">
        <v>78</v>
      </c>
      <c r="B1262" s="52" t="s">
        <v>79</v>
      </c>
      <c r="C1262" s="3">
        <v>20</v>
      </c>
      <c r="D1262" s="52" t="s">
        <v>80</v>
      </c>
      <c r="E1262" s="52" t="s">
        <v>26</v>
      </c>
      <c r="F1262" s="52" t="s">
        <v>81</v>
      </c>
      <c r="G1262" s="52" t="s">
        <v>82</v>
      </c>
      <c r="H1262" s="4">
        <v>1</v>
      </c>
      <c r="I1262" s="2">
        <v>14.65</v>
      </c>
      <c r="J1262" s="52" t="s">
        <v>4158</v>
      </c>
      <c r="K1262" s="71" t="s">
        <v>4419</v>
      </c>
      <c r="L1262" s="52" t="s">
        <v>2063</v>
      </c>
      <c r="M1262" s="72">
        <v>9044</v>
      </c>
      <c r="N1262" s="52" t="s">
        <v>2072</v>
      </c>
      <c r="O1262" s="52" t="s">
        <v>2073</v>
      </c>
      <c r="P1262" s="52"/>
      <c r="Q1262" s="52"/>
      <c r="R1262" s="52"/>
      <c r="S1262" s="52"/>
      <c r="T1262" s="52"/>
      <c r="U1262" s="52"/>
      <c r="V1262" s="52"/>
      <c r="W1262" s="52"/>
    </row>
    <row r="1263" spans="1:23" hidden="1" x14ac:dyDescent="0.35">
      <c r="A1263" s="52" t="s">
        <v>78</v>
      </c>
      <c r="B1263" s="52" t="s">
        <v>79</v>
      </c>
      <c r="C1263" s="3">
        <v>211</v>
      </c>
      <c r="D1263" s="52" t="s">
        <v>86</v>
      </c>
      <c r="E1263" s="52" t="s">
        <v>26</v>
      </c>
      <c r="F1263" s="52" t="s">
        <v>81</v>
      </c>
      <c r="G1263" s="52" t="s">
        <v>82</v>
      </c>
      <c r="H1263" s="4">
        <v>1</v>
      </c>
      <c r="I1263" s="2">
        <v>14.65</v>
      </c>
      <c r="J1263" s="52" t="s">
        <v>4420</v>
      </c>
      <c r="K1263" s="71" t="s">
        <v>4421</v>
      </c>
      <c r="L1263" s="52" t="s">
        <v>2063</v>
      </c>
      <c r="M1263" s="72">
        <v>3023</v>
      </c>
      <c r="N1263" s="52" t="s">
        <v>2066</v>
      </c>
      <c r="O1263" s="52" t="s">
        <v>2067</v>
      </c>
      <c r="P1263" s="52"/>
      <c r="Q1263" s="52"/>
      <c r="R1263" s="52"/>
      <c r="S1263" s="52"/>
      <c r="T1263" s="52"/>
      <c r="U1263" s="52"/>
      <c r="V1263" s="52"/>
      <c r="W1263" s="52"/>
    </row>
    <row r="1264" spans="1:23" hidden="1" x14ac:dyDescent="0.35">
      <c r="A1264" s="52" t="s">
        <v>78</v>
      </c>
      <c r="B1264" s="52" t="s">
        <v>79</v>
      </c>
      <c r="C1264" s="3">
        <v>20</v>
      </c>
      <c r="D1264" s="52" t="s">
        <v>2023</v>
      </c>
      <c r="E1264" s="52" t="s">
        <v>26</v>
      </c>
      <c r="F1264" s="52" t="s">
        <v>81</v>
      </c>
      <c r="G1264" s="52" t="s">
        <v>82</v>
      </c>
      <c r="H1264" s="4">
        <v>1</v>
      </c>
      <c r="I1264" s="2">
        <v>14.65</v>
      </c>
      <c r="J1264" s="52" t="s">
        <v>4422</v>
      </c>
      <c r="K1264" s="71" t="s">
        <v>4423</v>
      </c>
      <c r="L1264" s="52" t="s">
        <v>2063</v>
      </c>
      <c r="M1264" s="72">
        <v>4964</v>
      </c>
      <c r="N1264" s="52"/>
      <c r="O1264" s="52"/>
      <c r="P1264" s="52"/>
      <c r="Q1264" s="52"/>
      <c r="R1264" s="52"/>
      <c r="S1264" s="52"/>
      <c r="T1264" s="52"/>
      <c r="U1264" s="52"/>
      <c r="V1264" s="52"/>
      <c r="W1264" s="52"/>
    </row>
    <row r="1265" spans="1:23" hidden="1" x14ac:dyDescent="0.35">
      <c r="A1265" s="52" t="s">
        <v>78</v>
      </c>
      <c r="B1265" s="52" t="s">
        <v>79</v>
      </c>
      <c r="C1265" s="3">
        <v>20</v>
      </c>
      <c r="D1265" s="52" t="s">
        <v>2019</v>
      </c>
      <c r="E1265" s="52" t="s">
        <v>26</v>
      </c>
      <c r="F1265" s="52" t="s">
        <v>81</v>
      </c>
      <c r="G1265" s="52" t="s">
        <v>82</v>
      </c>
      <c r="H1265" s="4">
        <v>1</v>
      </c>
      <c r="I1265" s="2">
        <v>14.65</v>
      </c>
      <c r="J1265" s="52" t="s">
        <v>4424</v>
      </c>
      <c r="K1265" s="71" t="s">
        <v>4425</v>
      </c>
      <c r="L1265" s="52" t="s">
        <v>2063</v>
      </c>
      <c r="M1265" s="72">
        <v>5569</v>
      </c>
      <c r="N1265" s="52" t="s">
        <v>2072</v>
      </c>
      <c r="O1265" s="52" t="s">
        <v>2073</v>
      </c>
      <c r="P1265" s="52"/>
      <c r="Q1265" s="52"/>
      <c r="R1265" s="52"/>
      <c r="S1265" s="52"/>
      <c r="T1265" s="52"/>
      <c r="U1265" s="52"/>
      <c r="V1265" s="52"/>
      <c r="W1265" s="52"/>
    </row>
    <row r="1266" spans="1:23" hidden="1" x14ac:dyDescent="0.35">
      <c r="A1266" s="52" t="s">
        <v>78</v>
      </c>
      <c r="B1266" s="52" t="s">
        <v>79</v>
      </c>
      <c r="C1266" s="3">
        <v>20</v>
      </c>
      <c r="D1266" s="52" t="s">
        <v>2022</v>
      </c>
      <c r="E1266" s="52" t="s">
        <v>26</v>
      </c>
      <c r="F1266" s="52" t="s">
        <v>81</v>
      </c>
      <c r="G1266" s="52" t="s">
        <v>82</v>
      </c>
      <c r="H1266" s="4">
        <v>1</v>
      </c>
      <c r="I1266" s="2">
        <v>14.65</v>
      </c>
      <c r="J1266" s="52" t="s">
        <v>4426</v>
      </c>
      <c r="K1266" s="71" t="s">
        <v>4427</v>
      </c>
      <c r="L1266" s="52" t="s">
        <v>2063</v>
      </c>
      <c r="M1266" s="72">
        <v>8925</v>
      </c>
      <c r="N1266" s="52" t="s">
        <v>2072</v>
      </c>
      <c r="O1266" s="52" t="s">
        <v>2073</v>
      </c>
      <c r="P1266" s="52"/>
      <c r="Q1266" s="52"/>
      <c r="R1266" s="52"/>
      <c r="S1266" s="52"/>
      <c r="T1266" s="52"/>
      <c r="U1266" s="52"/>
      <c r="V1266" s="52"/>
      <c r="W1266" s="52"/>
    </row>
    <row r="1267" spans="1:23" hidden="1" x14ac:dyDescent="0.35">
      <c r="A1267" s="52" t="s">
        <v>78</v>
      </c>
      <c r="B1267" s="52" t="s">
        <v>79</v>
      </c>
      <c r="C1267" s="3">
        <v>20</v>
      </c>
      <c r="D1267" s="52" t="s">
        <v>87</v>
      </c>
      <c r="E1267" s="52" t="s">
        <v>26</v>
      </c>
      <c r="F1267" s="52" t="s">
        <v>81</v>
      </c>
      <c r="G1267" s="52" t="s">
        <v>82</v>
      </c>
      <c r="H1267" s="4">
        <v>1</v>
      </c>
      <c r="I1267" s="2">
        <v>14.65</v>
      </c>
      <c r="J1267" s="52" t="s">
        <v>4428</v>
      </c>
      <c r="K1267" s="71" t="s">
        <v>4429</v>
      </c>
      <c r="L1267" s="52" t="s">
        <v>2063</v>
      </c>
      <c r="M1267" s="72">
        <v>1850</v>
      </c>
      <c r="N1267" s="52"/>
      <c r="O1267" s="52"/>
      <c r="P1267" s="52"/>
      <c r="Q1267" s="52"/>
      <c r="R1267" s="52"/>
      <c r="S1267" s="52"/>
      <c r="T1267" s="52"/>
      <c r="U1267" s="52"/>
      <c r="V1267" s="52"/>
      <c r="W1267" s="52"/>
    </row>
    <row r="1268" spans="1:23" hidden="1" x14ac:dyDescent="0.35">
      <c r="A1268" s="52" t="s">
        <v>78</v>
      </c>
      <c r="B1268" s="52" t="s">
        <v>79</v>
      </c>
      <c r="C1268" s="3">
        <v>10</v>
      </c>
      <c r="D1268" s="52" t="s">
        <v>83</v>
      </c>
      <c r="E1268" s="52" t="s">
        <v>26</v>
      </c>
      <c r="F1268" s="52" t="s">
        <v>81</v>
      </c>
      <c r="G1268" s="52" t="s">
        <v>82</v>
      </c>
      <c r="H1268" s="4">
        <v>1</v>
      </c>
      <c r="I1268" s="2">
        <v>14.65</v>
      </c>
      <c r="J1268" s="52" t="s">
        <v>4430</v>
      </c>
      <c r="K1268" s="71" t="s">
        <v>4431</v>
      </c>
      <c r="L1268" s="52" t="s">
        <v>2063</v>
      </c>
      <c r="M1268" s="72">
        <v>4728</v>
      </c>
      <c r="N1268" s="52" t="s">
        <v>2072</v>
      </c>
      <c r="O1268" s="52" t="s">
        <v>2073</v>
      </c>
      <c r="P1268" s="52"/>
      <c r="Q1268" s="52"/>
      <c r="R1268" s="52"/>
      <c r="S1268" s="52"/>
      <c r="T1268" s="52"/>
      <c r="U1268" s="52"/>
      <c r="V1268" s="52"/>
      <c r="W1268" s="52"/>
    </row>
    <row r="1269" spans="1:23" hidden="1" x14ac:dyDescent="0.35">
      <c r="A1269" s="52" t="s">
        <v>78</v>
      </c>
      <c r="B1269" s="52" t="s">
        <v>79</v>
      </c>
      <c r="C1269" s="3">
        <v>10</v>
      </c>
      <c r="D1269" s="52" t="s">
        <v>85</v>
      </c>
      <c r="E1269" s="52" t="s">
        <v>26</v>
      </c>
      <c r="F1269" s="52" t="s">
        <v>81</v>
      </c>
      <c r="G1269" s="52" t="s">
        <v>82</v>
      </c>
      <c r="H1269" s="4">
        <v>1</v>
      </c>
      <c r="I1269" s="2">
        <v>14.65</v>
      </c>
      <c r="J1269" s="52" t="s">
        <v>4432</v>
      </c>
      <c r="K1269" s="71" t="s">
        <v>4433</v>
      </c>
      <c r="L1269" s="52" t="s">
        <v>2063</v>
      </c>
      <c r="M1269" s="72">
        <v>1794</v>
      </c>
      <c r="N1269" s="52" t="s">
        <v>2072</v>
      </c>
      <c r="O1269" s="52" t="s">
        <v>2073</v>
      </c>
      <c r="P1269" s="52"/>
      <c r="Q1269" s="52"/>
      <c r="R1269" s="52"/>
      <c r="S1269" s="52"/>
      <c r="T1269" s="52"/>
      <c r="U1269" s="52"/>
      <c r="V1269" s="52"/>
      <c r="W1269" s="52"/>
    </row>
    <row r="1270" spans="1:23" hidden="1" x14ac:dyDescent="0.35">
      <c r="A1270" s="52" t="s">
        <v>78</v>
      </c>
      <c r="B1270" s="52" t="s">
        <v>79</v>
      </c>
      <c r="C1270" s="3">
        <v>10</v>
      </c>
      <c r="D1270" s="52" t="s">
        <v>2024</v>
      </c>
      <c r="E1270" s="52" t="s">
        <v>26</v>
      </c>
      <c r="F1270" s="52" t="s">
        <v>81</v>
      </c>
      <c r="G1270" s="52" t="s">
        <v>82</v>
      </c>
      <c r="H1270" s="4">
        <v>1</v>
      </c>
      <c r="I1270" s="2">
        <v>14.65</v>
      </c>
      <c r="J1270" s="52" t="s">
        <v>4434</v>
      </c>
      <c r="K1270" s="71" t="s">
        <v>4435</v>
      </c>
      <c r="L1270" s="52" t="s">
        <v>2063</v>
      </c>
      <c r="M1270" s="72">
        <v>9347</v>
      </c>
      <c r="N1270" s="52" t="s">
        <v>2072</v>
      </c>
      <c r="O1270" s="52" t="s">
        <v>2073</v>
      </c>
      <c r="P1270" s="52"/>
      <c r="Q1270" s="52"/>
      <c r="R1270" s="52"/>
      <c r="S1270" s="52"/>
      <c r="T1270" s="52"/>
      <c r="U1270" s="52"/>
      <c r="V1270" s="52"/>
      <c r="W1270" s="52"/>
    </row>
    <row r="1271" spans="1:23" x14ac:dyDescent="0.35">
      <c r="A1271" s="52" t="s">
        <v>78</v>
      </c>
      <c r="B1271" s="52" t="s">
        <v>79</v>
      </c>
      <c r="C1271" s="3">
        <v>20</v>
      </c>
      <c r="D1271" s="52" t="s">
        <v>2022</v>
      </c>
      <c r="E1271" s="52" t="s">
        <v>26</v>
      </c>
      <c r="F1271" s="52" t="s">
        <v>81</v>
      </c>
      <c r="G1271" s="52" t="s">
        <v>82</v>
      </c>
      <c r="H1271" s="4">
        <v>1</v>
      </c>
      <c r="I1271" s="2">
        <v>14.65</v>
      </c>
      <c r="J1271" s="52" t="s">
        <v>4436</v>
      </c>
      <c r="K1271" s="71" t="s">
        <v>4437</v>
      </c>
      <c r="L1271" s="52" t="s">
        <v>2063</v>
      </c>
      <c r="M1271" s="72">
        <v>3612</v>
      </c>
      <c r="N1271" s="52" t="s">
        <v>2076</v>
      </c>
      <c r="O1271" s="52" t="s">
        <v>2077</v>
      </c>
      <c r="P1271" s="52"/>
      <c r="Q1271" s="52"/>
      <c r="R1271" s="52"/>
      <c r="S1271" s="52"/>
      <c r="T1271" s="52"/>
      <c r="U1271" s="52"/>
      <c r="V1271" s="52"/>
      <c r="W1271" s="52"/>
    </row>
    <row r="1272" spans="1:23" hidden="1" x14ac:dyDescent="0.35">
      <c r="A1272" s="52" t="s">
        <v>78</v>
      </c>
      <c r="B1272" s="52" t="s">
        <v>79</v>
      </c>
      <c r="C1272" s="3">
        <v>10</v>
      </c>
      <c r="D1272" s="52" t="s">
        <v>2022</v>
      </c>
      <c r="E1272" s="52" t="s">
        <v>26</v>
      </c>
      <c r="F1272" s="52" t="s">
        <v>81</v>
      </c>
      <c r="G1272" s="52" t="s">
        <v>82</v>
      </c>
      <c r="H1272" s="4">
        <v>1</v>
      </c>
      <c r="I1272" s="2">
        <v>14.65</v>
      </c>
      <c r="J1272" s="52" t="s">
        <v>4438</v>
      </c>
      <c r="K1272" s="71" t="s">
        <v>4439</v>
      </c>
      <c r="L1272" s="52" t="s">
        <v>2063</v>
      </c>
      <c r="M1272" s="72">
        <v>644</v>
      </c>
      <c r="N1272" s="52" t="s">
        <v>2072</v>
      </c>
      <c r="O1272" s="52" t="s">
        <v>2073</v>
      </c>
      <c r="P1272" s="52"/>
      <c r="Q1272" s="52"/>
      <c r="R1272" s="52"/>
      <c r="S1272" s="52"/>
      <c r="T1272" s="52"/>
      <c r="U1272" s="52"/>
      <c r="V1272" s="52"/>
      <c r="W1272" s="52"/>
    </row>
    <row r="1273" spans="1:23" hidden="1" x14ac:dyDescent="0.35">
      <c r="A1273" s="52" t="s">
        <v>78</v>
      </c>
      <c r="B1273" s="52" t="s">
        <v>79</v>
      </c>
      <c r="C1273" s="3">
        <v>10</v>
      </c>
      <c r="D1273" s="52" t="s">
        <v>87</v>
      </c>
      <c r="E1273" s="52" t="s">
        <v>26</v>
      </c>
      <c r="F1273" s="52" t="s">
        <v>81</v>
      </c>
      <c r="G1273" s="52" t="s">
        <v>82</v>
      </c>
      <c r="H1273" s="4">
        <v>1</v>
      </c>
      <c r="I1273" s="2">
        <v>14.65</v>
      </c>
      <c r="J1273" s="52" t="s">
        <v>4440</v>
      </c>
      <c r="K1273" s="71" t="s">
        <v>4441</v>
      </c>
      <c r="L1273" s="52" t="s">
        <v>2063</v>
      </c>
      <c r="M1273" s="72">
        <v>1616</v>
      </c>
      <c r="N1273" s="52" t="s">
        <v>2072</v>
      </c>
      <c r="O1273" s="52" t="s">
        <v>2073</v>
      </c>
      <c r="P1273" s="52"/>
      <c r="Q1273" s="52"/>
      <c r="R1273" s="52"/>
      <c r="S1273" s="52"/>
      <c r="T1273" s="52"/>
      <c r="U1273" s="52"/>
      <c r="V1273" s="52"/>
      <c r="W1273" s="52"/>
    </row>
    <row r="1274" spans="1:23" hidden="1" x14ac:dyDescent="0.35">
      <c r="A1274" s="52" t="s">
        <v>78</v>
      </c>
      <c r="B1274" s="52" t="s">
        <v>79</v>
      </c>
      <c r="C1274" s="3">
        <v>10</v>
      </c>
      <c r="D1274" s="52" t="s">
        <v>86</v>
      </c>
      <c r="E1274" s="52" t="s">
        <v>26</v>
      </c>
      <c r="F1274" s="52" t="s">
        <v>81</v>
      </c>
      <c r="G1274" s="52" t="s">
        <v>82</v>
      </c>
      <c r="H1274" s="4">
        <v>1</v>
      </c>
      <c r="I1274" s="2">
        <v>14.65</v>
      </c>
      <c r="J1274" s="52" t="s">
        <v>4442</v>
      </c>
      <c r="K1274" s="71" t="s">
        <v>4443</v>
      </c>
      <c r="L1274" s="52" t="s">
        <v>2063</v>
      </c>
      <c r="M1274" s="72">
        <v>3578</v>
      </c>
      <c r="N1274" s="52" t="s">
        <v>2066</v>
      </c>
      <c r="O1274" s="52" t="s">
        <v>2067</v>
      </c>
      <c r="P1274" s="52"/>
      <c r="Q1274" s="52"/>
      <c r="R1274" s="52"/>
      <c r="S1274" s="52"/>
      <c r="T1274" s="52"/>
      <c r="U1274" s="52"/>
      <c r="V1274" s="52"/>
      <c r="W1274" s="52"/>
    </row>
    <row r="1275" spans="1:23" hidden="1" x14ac:dyDescent="0.35">
      <c r="A1275" s="52" t="s">
        <v>78</v>
      </c>
      <c r="B1275" s="52" t="s">
        <v>79</v>
      </c>
      <c r="C1275" s="3">
        <v>20</v>
      </c>
      <c r="D1275" s="52" t="s">
        <v>2020</v>
      </c>
      <c r="E1275" s="52" t="s">
        <v>26</v>
      </c>
      <c r="F1275" s="52" t="s">
        <v>81</v>
      </c>
      <c r="G1275" s="52" t="s">
        <v>82</v>
      </c>
      <c r="H1275" s="4">
        <v>1</v>
      </c>
      <c r="I1275" s="2">
        <v>14.65</v>
      </c>
      <c r="J1275" s="52" t="s">
        <v>4444</v>
      </c>
      <c r="K1275" s="71" t="s">
        <v>4445</v>
      </c>
      <c r="L1275" s="52" t="s">
        <v>2063</v>
      </c>
      <c r="M1275" s="72">
        <v>3020</v>
      </c>
      <c r="N1275" s="52" t="s">
        <v>2072</v>
      </c>
      <c r="O1275" s="52" t="s">
        <v>2073</v>
      </c>
      <c r="P1275" s="52"/>
      <c r="Q1275" s="52"/>
      <c r="R1275" s="52"/>
      <c r="S1275" s="52"/>
      <c r="T1275" s="52"/>
      <c r="U1275" s="52"/>
      <c r="V1275" s="52"/>
      <c r="W1275" s="52"/>
    </row>
    <row r="1276" spans="1:23" hidden="1" x14ac:dyDescent="0.35">
      <c r="A1276" s="52" t="s">
        <v>78</v>
      </c>
      <c r="B1276" s="52" t="s">
        <v>79</v>
      </c>
      <c r="C1276" s="3">
        <v>10</v>
      </c>
      <c r="D1276" s="52" t="s">
        <v>85</v>
      </c>
      <c r="E1276" s="52" t="s">
        <v>26</v>
      </c>
      <c r="F1276" s="52" t="s">
        <v>81</v>
      </c>
      <c r="G1276" s="52" t="s">
        <v>82</v>
      </c>
      <c r="H1276" s="4">
        <v>1</v>
      </c>
      <c r="I1276" s="2">
        <v>14.65</v>
      </c>
      <c r="J1276" s="52" t="s">
        <v>4446</v>
      </c>
      <c r="K1276" s="71" t="s">
        <v>4447</v>
      </c>
      <c r="L1276" s="52" t="s">
        <v>2063</v>
      </c>
      <c r="M1276" s="72">
        <v>9641</v>
      </c>
      <c r="N1276" s="52" t="s">
        <v>2066</v>
      </c>
      <c r="O1276" s="52" t="s">
        <v>2067</v>
      </c>
      <c r="P1276" s="52"/>
      <c r="Q1276" s="52"/>
      <c r="R1276" s="52"/>
      <c r="S1276" s="52"/>
      <c r="T1276" s="52"/>
      <c r="U1276" s="52"/>
      <c r="V1276" s="52"/>
      <c r="W1276" s="52"/>
    </row>
    <row r="1277" spans="1:23" x14ac:dyDescent="0.35">
      <c r="A1277" s="52" t="s">
        <v>78</v>
      </c>
      <c r="B1277" s="52" t="s">
        <v>79</v>
      </c>
      <c r="C1277" s="3">
        <v>211</v>
      </c>
      <c r="D1277" s="52" t="s">
        <v>2023</v>
      </c>
      <c r="E1277" s="52" t="s">
        <v>26</v>
      </c>
      <c r="F1277" s="52" t="s">
        <v>81</v>
      </c>
      <c r="G1277" s="52" t="s">
        <v>82</v>
      </c>
      <c r="H1277" s="4">
        <v>1</v>
      </c>
      <c r="I1277" s="2">
        <v>14.65</v>
      </c>
      <c r="J1277" s="52" t="s">
        <v>4448</v>
      </c>
      <c r="K1277" s="71" t="s">
        <v>4449</v>
      </c>
      <c r="L1277" s="52" t="s">
        <v>2063</v>
      </c>
      <c r="M1277" s="72">
        <v>4037</v>
      </c>
      <c r="N1277" s="52" t="s">
        <v>2076</v>
      </c>
      <c r="O1277" s="52" t="s">
        <v>2077</v>
      </c>
      <c r="P1277" s="52"/>
      <c r="Q1277" s="52"/>
      <c r="R1277" s="52"/>
      <c r="S1277" s="52"/>
      <c r="T1277" s="52"/>
      <c r="U1277" s="52"/>
      <c r="V1277" s="52"/>
      <c r="W1277" s="52"/>
    </row>
    <row r="1278" spans="1:23" hidden="1" x14ac:dyDescent="0.35">
      <c r="A1278" s="52" t="s">
        <v>78</v>
      </c>
      <c r="B1278" s="52" t="s">
        <v>79</v>
      </c>
      <c r="C1278" s="3">
        <v>20</v>
      </c>
      <c r="D1278" s="52" t="s">
        <v>86</v>
      </c>
      <c r="E1278" s="52" t="s">
        <v>26</v>
      </c>
      <c r="F1278" s="52" t="s">
        <v>81</v>
      </c>
      <c r="G1278" s="52" t="s">
        <v>82</v>
      </c>
      <c r="H1278" s="4">
        <v>1</v>
      </c>
      <c r="I1278" s="2">
        <v>14.65</v>
      </c>
      <c r="J1278" s="52" t="s">
        <v>4450</v>
      </c>
      <c r="K1278" s="71" t="s">
        <v>4451</v>
      </c>
      <c r="L1278" s="52" t="s">
        <v>2063</v>
      </c>
      <c r="M1278" s="72">
        <v>3614</v>
      </c>
      <c r="N1278" s="52" t="s">
        <v>2072</v>
      </c>
      <c r="O1278" s="52" t="s">
        <v>2073</v>
      </c>
      <c r="P1278" s="52"/>
      <c r="Q1278" s="52"/>
      <c r="R1278" s="52"/>
      <c r="S1278" s="52"/>
      <c r="T1278" s="52"/>
      <c r="U1278" s="52"/>
      <c r="V1278" s="52"/>
      <c r="W1278" s="52"/>
    </row>
    <row r="1279" spans="1:23" hidden="1" x14ac:dyDescent="0.35">
      <c r="A1279" s="52" t="s">
        <v>78</v>
      </c>
      <c r="B1279" s="52" t="s">
        <v>79</v>
      </c>
      <c r="C1279" s="3">
        <v>10</v>
      </c>
      <c r="D1279" s="52" t="s">
        <v>2021</v>
      </c>
      <c r="E1279" s="52" t="s">
        <v>26</v>
      </c>
      <c r="F1279" s="52" t="s">
        <v>81</v>
      </c>
      <c r="G1279" s="52" t="s">
        <v>82</v>
      </c>
      <c r="H1279" s="4">
        <v>1</v>
      </c>
      <c r="I1279" s="2">
        <v>14.65</v>
      </c>
      <c r="J1279" s="52" t="s">
        <v>4452</v>
      </c>
      <c r="K1279" s="71" t="s">
        <v>4453</v>
      </c>
      <c r="L1279" s="52" t="s">
        <v>2063</v>
      </c>
      <c r="M1279" s="72">
        <v>8723</v>
      </c>
      <c r="N1279" s="52" t="s">
        <v>2066</v>
      </c>
      <c r="O1279" s="52" t="s">
        <v>2067</v>
      </c>
      <c r="P1279" s="52"/>
      <c r="Q1279" s="52"/>
      <c r="R1279" s="52"/>
      <c r="S1279" s="52"/>
      <c r="T1279" s="52"/>
      <c r="U1279" s="52"/>
      <c r="V1279" s="52"/>
      <c r="W1279" s="52"/>
    </row>
    <row r="1280" spans="1:23" hidden="1" x14ac:dyDescent="0.35">
      <c r="A1280" s="52" t="s">
        <v>78</v>
      </c>
      <c r="B1280" s="52" t="s">
        <v>79</v>
      </c>
      <c r="C1280" s="3">
        <v>20</v>
      </c>
      <c r="D1280" s="52" t="s">
        <v>2021</v>
      </c>
      <c r="E1280" s="52" t="s">
        <v>26</v>
      </c>
      <c r="F1280" s="52" t="s">
        <v>81</v>
      </c>
      <c r="G1280" s="52" t="s">
        <v>82</v>
      </c>
      <c r="H1280" s="4">
        <v>1</v>
      </c>
      <c r="I1280" s="2">
        <v>14.65</v>
      </c>
      <c r="J1280" s="52" t="s">
        <v>4454</v>
      </c>
      <c r="K1280" s="71" t="s">
        <v>4455</v>
      </c>
      <c r="L1280" s="52" t="s">
        <v>2063</v>
      </c>
      <c r="M1280" s="72">
        <v>1228</v>
      </c>
      <c r="N1280" s="52" t="s">
        <v>2072</v>
      </c>
      <c r="O1280" s="52" t="s">
        <v>2073</v>
      </c>
      <c r="P1280" s="52"/>
      <c r="Q1280" s="52"/>
      <c r="R1280" s="52"/>
      <c r="S1280" s="52"/>
      <c r="T1280" s="52"/>
      <c r="U1280" s="52"/>
      <c r="V1280" s="52"/>
      <c r="W1280" s="52"/>
    </row>
    <row r="1281" spans="1:23" hidden="1" x14ac:dyDescent="0.35">
      <c r="A1281" s="52" t="s">
        <v>78</v>
      </c>
      <c r="B1281" s="52" t="s">
        <v>79</v>
      </c>
      <c r="C1281" s="3">
        <v>10</v>
      </c>
      <c r="D1281" s="52" t="s">
        <v>2021</v>
      </c>
      <c r="E1281" s="52" t="s">
        <v>26</v>
      </c>
      <c r="F1281" s="52" t="s">
        <v>81</v>
      </c>
      <c r="G1281" s="52" t="s">
        <v>82</v>
      </c>
      <c r="H1281" s="4">
        <v>1</v>
      </c>
      <c r="I1281" s="2">
        <v>14.65</v>
      </c>
      <c r="J1281" s="52" t="s">
        <v>4456</v>
      </c>
      <c r="K1281" s="71" t="s">
        <v>4457</v>
      </c>
      <c r="L1281" s="52" t="s">
        <v>2063</v>
      </c>
      <c r="M1281" s="72">
        <v>4165</v>
      </c>
      <c r="N1281" s="52" t="s">
        <v>2072</v>
      </c>
      <c r="O1281" s="52" t="s">
        <v>2073</v>
      </c>
      <c r="P1281" s="52"/>
      <c r="Q1281" s="52"/>
      <c r="R1281" s="52"/>
      <c r="S1281" s="52"/>
      <c r="T1281" s="52"/>
      <c r="U1281" s="52"/>
      <c r="V1281" s="52"/>
      <c r="W1281" s="52"/>
    </row>
    <row r="1282" spans="1:23" hidden="1" x14ac:dyDescent="0.35">
      <c r="A1282" s="52" t="s">
        <v>78</v>
      </c>
      <c r="B1282" s="52" t="s">
        <v>79</v>
      </c>
      <c r="C1282" s="3">
        <v>20</v>
      </c>
      <c r="D1282" s="52" t="s">
        <v>2019</v>
      </c>
      <c r="E1282" s="52" t="s">
        <v>26</v>
      </c>
      <c r="F1282" s="52" t="s">
        <v>81</v>
      </c>
      <c r="G1282" s="52" t="s">
        <v>82</v>
      </c>
      <c r="H1282" s="4">
        <v>1</v>
      </c>
      <c r="I1282" s="2">
        <v>14.65</v>
      </c>
      <c r="J1282" s="52" t="s">
        <v>4458</v>
      </c>
      <c r="K1282" s="71" t="s">
        <v>4459</v>
      </c>
      <c r="L1282" s="52" t="s">
        <v>2063</v>
      </c>
      <c r="M1282" s="72">
        <v>1689</v>
      </c>
      <c r="N1282" s="52" t="s">
        <v>2072</v>
      </c>
      <c r="O1282" s="52" t="s">
        <v>2073</v>
      </c>
      <c r="P1282" s="52"/>
      <c r="Q1282" s="52"/>
      <c r="R1282" s="52"/>
      <c r="S1282" s="52"/>
      <c r="T1282" s="52"/>
      <c r="U1282" s="52"/>
      <c r="V1282" s="52"/>
      <c r="W1282" s="52"/>
    </row>
    <row r="1283" spans="1:23" hidden="1" x14ac:dyDescent="0.35">
      <c r="A1283" s="52" t="s">
        <v>78</v>
      </c>
      <c r="B1283" s="52" t="s">
        <v>79</v>
      </c>
      <c r="C1283" s="3">
        <v>211</v>
      </c>
      <c r="D1283" s="52" t="s">
        <v>84</v>
      </c>
      <c r="E1283" s="52" t="s">
        <v>26</v>
      </c>
      <c r="F1283" s="52" t="s">
        <v>81</v>
      </c>
      <c r="G1283" s="52" t="s">
        <v>82</v>
      </c>
      <c r="H1283" s="4">
        <v>1</v>
      </c>
      <c r="I1283" s="2">
        <v>14.65</v>
      </c>
      <c r="J1283" s="52" t="s">
        <v>4460</v>
      </c>
      <c r="K1283" s="71" t="s">
        <v>4461</v>
      </c>
      <c r="L1283" s="52" t="s">
        <v>2063</v>
      </c>
      <c r="M1283" s="72">
        <v>5345</v>
      </c>
      <c r="N1283" s="52" t="s">
        <v>2072</v>
      </c>
      <c r="O1283" s="52" t="s">
        <v>2073</v>
      </c>
      <c r="P1283" s="52"/>
      <c r="Q1283" s="52"/>
      <c r="R1283" s="52"/>
      <c r="S1283" s="52"/>
      <c r="T1283" s="52"/>
      <c r="U1283" s="52"/>
      <c r="V1283" s="52"/>
      <c r="W1283" s="52"/>
    </row>
    <row r="1284" spans="1:23" hidden="1" x14ac:dyDescent="0.35">
      <c r="A1284" s="52" t="s">
        <v>78</v>
      </c>
      <c r="B1284" s="52" t="s">
        <v>79</v>
      </c>
      <c r="C1284" s="3">
        <v>10</v>
      </c>
      <c r="D1284" s="52" t="s">
        <v>80</v>
      </c>
      <c r="E1284" s="52" t="s">
        <v>26</v>
      </c>
      <c r="F1284" s="52" t="s">
        <v>81</v>
      </c>
      <c r="G1284" s="52" t="s">
        <v>82</v>
      </c>
      <c r="H1284" s="4">
        <v>1</v>
      </c>
      <c r="I1284" s="2">
        <v>14.65</v>
      </c>
      <c r="J1284" s="52" t="s">
        <v>4462</v>
      </c>
      <c r="K1284" s="71" t="s">
        <v>4463</v>
      </c>
      <c r="L1284" s="52" t="s">
        <v>2063</v>
      </c>
      <c r="M1284" s="72">
        <v>2825</v>
      </c>
      <c r="N1284" s="52" t="s">
        <v>2072</v>
      </c>
      <c r="O1284" s="52" t="s">
        <v>2073</v>
      </c>
      <c r="P1284" s="52"/>
      <c r="Q1284" s="52"/>
      <c r="R1284" s="52"/>
      <c r="S1284" s="52"/>
      <c r="T1284" s="52"/>
      <c r="U1284" s="52"/>
      <c r="V1284" s="52"/>
      <c r="W1284" s="52"/>
    </row>
    <row r="1285" spans="1:23" hidden="1" x14ac:dyDescent="0.35">
      <c r="A1285" s="52" t="s">
        <v>78</v>
      </c>
      <c r="B1285" s="52" t="s">
        <v>79</v>
      </c>
      <c r="C1285" s="3">
        <v>20</v>
      </c>
      <c r="D1285" s="52" t="s">
        <v>2020</v>
      </c>
      <c r="E1285" s="52" t="s">
        <v>26</v>
      </c>
      <c r="F1285" s="52" t="s">
        <v>81</v>
      </c>
      <c r="G1285" s="52" t="s">
        <v>82</v>
      </c>
      <c r="H1285" s="4">
        <v>1</v>
      </c>
      <c r="I1285" s="2">
        <v>14.65</v>
      </c>
      <c r="J1285" s="52" t="s">
        <v>4464</v>
      </c>
      <c r="K1285" s="71" t="s">
        <v>4465</v>
      </c>
      <c r="L1285" s="52" t="s">
        <v>2063</v>
      </c>
      <c r="M1285" s="72">
        <v>1654</v>
      </c>
      <c r="N1285" s="52"/>
      <c r="O1285" s="52"/>
      <c r="P1285" s="52"/>
      <c r="Q1285" s="52"/>
      <c r="R1285" s="52"/>
      <c r="S1285" s="52"/>
      <c r="T1285" s="52"/>
      <c r="U1285" s="52"/>
      <c r="V1285" s="52"/>
      <c r="W1285" s="52"/>
    </row>
    <row r="1286" spans="1:23" hidden="1" x14ac:dyDescent="0.35">
      <c r="A1286" s="52" t="s">
        <v>78</v>
      </c>
      <c r="B1286" s="52" t="s">
        <v>79</v>
      </c>
      <c r="C1286" s="3">
        <v>20</v>
      </c>
      <c r="D1286" s="52" t="s">
        <v>86</v>
      </c>
      <c r="E1286" s="52" t="s">
        <v>26</v>
      </c>
      <c r="F1286" s="52" t="s">
        <v>81</v>
      </c>
      <c r="G1286" s="52" t="s">
        <v>82</v>
      </c>
      <c r="H1286" s="4">
        <v>1</v>
      </c>
      <c r="I1286" s="2">
        <v>14.65</v>
      </c>
      <c r="J1286" s="52" t="s">
        <v>4466</v>
      </c>
      <c r="K1286" s="71" t="s">
        <v>4467</v>
      </c>
      <c r="L1286" s="52" t="s">
        <v>2095</v>
      </c>
      <c r="M1286" s="72">
        <v>6945</v>
      </c>
      <c r="N1286" s="52" t="s">
        <v>2066</v>
      </c>
      <c r="O1286" s="52" t="s">
        <v>2067</v>
      </c>
      <c r="P1286" s="52"/>
      <c r="Q1286" s="52"/>
      <c r="R1286" s="52"/>
      <c r="S1286" s="52"/>
      <c r="T1286" s="52"/>
      <c r="U1286" s="52"/>
      <c r="V1286" s="52"/>
      <c r="W1286" s="52"/>
    </row>
    <row r="1287" spans="1:23" hidden="1" x14ac:dyDescent="0.35">
      <c r="A1287" s="52" t="s">
        <v>78</v>
      </c>
      <c r="B1287" s="52" t="s">
        <v>79</v>
      </c>
      <c r="C1287" s="3">
        <v>10</v>
      </c>
      <c r="D1287" s="52" t="s">
        <v>84</v>
      </c>
      <c r="E1287" s="52" t="s">
        <v>26</v>
      </c>
      <c r="F1287" s="52" t="s">
        <v>81</v>
      </c>
      <c r="G1287" s="52" t="s">
        <v>82</v>
      </c>
      <c r="H1287" s="4">
        <v>1</v>
      </c>
      <c r="I1287" s="2">
        <v>14.65</v>
      </c>
      <c r="J1287" s="52" t="s">
        <v>4468</v>
      </c>
      <c r="K1287" s="71" t="s">
        <v>4469</v>
      </c>
      <c r="L1287" s="52" t="s">
        <v>2063</v>
      </c>
      <c r="M1287" s="72">
        <v>2657</v>
      </c>
      <c r="N1287" s="52" t="s">
        <v>2072</v>
      </c>
      <c r="O1287" s="52" t="s">
        <v>2073</v>
      </c>
      <c r="P1287" s="52"/>
      <c r="Q1287" s="52"/>
      <c r="R1287" s="52"/>
      <c r="S1287" s="52"/>
      <c r="T1287" s="52"/>
      <c r="U1287" s="52"/>
      <c r="V1287" s="52"/>
      <c r="W1287" s="52"/>
    </row>
    <row r="1288" spans="1:23" hidden="1" x14ac:dyDescent="0.35">
      <c r="A1288" s="52" t="s">
        <v>78</v>
      </c>
      <c r="B1288" s="52" t="s">
        <v>79</v>
      </c>
      <c r="C1288" s="3">
        <v>20</v>
      </c>
      <c r="D1288" s="52" t="s">
        <v>2020</v>
      </c>
      <c r="E1288" s="52" t="s">
        <v>26</v>
      </c>
      <c r="F1288" s="52" t="s">
        <v>81</v>
      </c>
      <c r="G1288" s="52" t="s">
        <v>82</v>
      </c>
      <c r="H1288" s="4">
        <v>1</v>
      </c>
      <c r="I1288" s="2">
        <v>14.65</v>
      </c>
      <c r="J1288" s="52" t="s">
        <v>4470</v>
      </c>
      <c r="K1288" s="71" t="s">
        <v>4471</v>
      </c>
      <c r="L1288" s="52" t="s">
        <v>2063</v>
      </c>
      <c r="M1288" s="72">
        <v>8486</v>
      </c>
      <c r="N1288" s="52" t="s">
        <v>2072</v>
      </c>
      <c r="O1288" s="52" t="s">
        <v>2073</v>
      </c>
      <c r="P1288" s="52"/>
      <c r="Q1288" s="52"/>
      <c r="R1288" s="52"/>
      <c r="S1288" s="52"/>
      <c r="T1288" s="52"/>
      <c r="U1288" s="52"/>
      <c r="V1288" s="52"/>
      <c r="W1288" s="52"/>
    </row>
    <row r="1289" spans="1:23" hidden="1" x14ac:dyDescent="0.35">
      <c r="A1289" s="52" t="s">
        <v>78</v>
      </c>
      <c r="B1289" s="52" t="s">
        <v>79</v>
      </c>
      <c r="C1289" s="3">
        <v>10</v>
      </c>
      <c r="D1289" s="52" t="s">
        <v>83</v>
      </c>
      <c r="E1289" s="52" t="s">
        <v>26</v>
      </c>
      <c r="F1289" s="52" t="s">
        <v>81</v>
      </c>
      <c r="G1289" s="52" t="s">
        <v>82</v>
      </c>
      <c r="H1289" s="4">
        <v>1</v>
      </c>
      <c r="I1289" s="2">
        <v>14.65</v>
      </c>
      <c r="J1289" s="52" t="s">
        <v>4472</v>
      </c>
      <c r="K1289" s="71" t="s">
        <v>4473</v>
      </c>
      <c r="L1289" s="52" t="s">
        <v>2063</v>
      </c>
      <c r="M1289" s="72">
        <v>6425</v>
      </c>
      <c r="N1289" s="52" t="s">
        <v>2615</v>
      </c>
      <c r="O1289" s="52" t="s">
        <v>2616</v>
      </c>
      <c r="P1289" s="52"/>
      <c r="Q1289" s="52"/>
      <c r="R1289" s="52"/>
      <c r="S1289" s="52"/>
      <c r="T1289" s="52"/>
      <c r="U1289" s="52"/>
      <c r="V1289" s="52"/>
      <c r="W1289" s="52"/>
    </row>
    <row r="1290" spans="1:23" hidden="1" x14ac:dyDescent="0.35">
      <c r="A1290" s="52" t="s">
        <v>78</v>
      </c>
      <c r="B1290" s="52" t="s">
        <v>79</v>
      </c>
      <c r="C1290" s="3">
        <v>20</v>
      </c>
      <c r="D1290" s="52" t="s">
        <v>2023</v>
      </c>
      <c r="E1290" s="52" t="s">
        <v>26</v>
      </c>
      <c r="F1290" s="52" t="s">
        <v>81</v>
      </c>
      <c r="G1290" s="52" t="s">
        <v>82</v>
      </c>
      <c r="H1290" s="4">
        <v>1</v>
      </c>
      <c r="I1290" s="2">
        <v>14.65</v>
      </c>
      <c r="J1290" s="52" t="s">
        <v>4474</v>
      </c>
      <c r="K1290" s="71" t="s">
        <v>4475</v>
      </c>
      <c r="L1290" s="52" t="s">
        <v>2063</v>
      </c>
      <c r="M1290" s="72">
        <v>6686</v>
      </c>
      <c r="N1290" s="52" t="s">
        <v>2072</v>
      </c>
      <c r="O1290" s="52" t="s">
        <v>2073</v>
      </c>
      <c r="P1290" s="52"/>
      <c r="Q1290" s="52"/>
      <c r="R1290" s="52"/>
      <c r="S1290" s="52"/>
      <c r="T1290" s="52"/>
      <c r="U1290" s="52"/>
      <c r="V1290" s="52"/>
      <c r="W1290" s="52"/>
    </row>
    <row r="1291" spans="1:23" hidden="1" x14ac:dyDescent="0.35">
      <c r="A1291" s="52" t="s">
        <v>78</v>
      </c>
      <c r="B1291" s="52" t="s">
        <v>79</v>
      </c>
      <c r="C1291" s="3">
        <v>212</v>
      </c>
      <c r="D1291" s="52" t="s">
        <v>86</v>
      </c>
      <c r="E1291" s="52" t="s">
        <v>26</v>
      </c>
      <c r="F1291" s="52" t="s">
        <v>81</v>
      </c>
      <c r="G1291" s="52" t="s">
        <v>82</v>
      </c>
      <c r="H1291" s="4">
        <v>1</v>
      </c>
      <c r="I1291" s="2">
        <v>14.65</v>
      </c>
      <c r="J1291" s="52" t="s">
        <v>4476</v>
      </c>
      <c r="K1291" s="71" t="s">
        <v>4477</v>
      </c>
      <c r="L1291" s="52" t="s">
        <v>2063</v>
      </c>
      <c r="M1291" s="72">
        <v>3421</v>
      </c>
      <c r="N1291" s="52" t="s">
        <v>2066</v>
      </c>
      <c r="O1291" s="52" t="s">
        <v>2067</v>
      </c>
      <c r="P1291" s="52"/>
      <c r="Q1291" s="52"/>
      <c r="R1291" s="52"/>
      <c r="S1291" s="52"/>
      <c r="T1291" s="52"/>
      <c r="U1291" s="52"/>
      <c r="V1291" s="52"/>
      <c r="W1291" s="52"/>
    </row>
    <row r="1292" spans="1:23" hidden="1" x14ac:dyDescent="0.35">
      <c r="A1292" s="52" t="s">
        <v>78</v>
      </c>
      <c r="B1292" s="52" t="s">
        <v>79</v>
      </c>
      <c r="C1292" s="3">
        <v>20</v>
      </c>
      <c r="D1292" s="52" t="s">
        <v>87</v>
      </c>
      <c r="E1292" s="52" t="s">
        <v>26</v>
      </c>
      <c r="F1292" s="52" t="s">
        <v>81</v>
      </c>
      <c r="G1292" s="52" t="s">
        <v>82</v>
      </c>
      <c r="H1292" s="4">
        <v>1</v>
      </c>
      <c r="I1292" s="2">
        <v>14.65</v>
      </c>
      <c r="J1292" s="52" t="s">
        <v>4478</v>
      </c>
      <c r="K1292" s="71" t="s">
        <v>4479</v>
      </c>
      <c r="L1292" s="52" t="s">
        <v>2063</v>
      </c>
      <c r="M1292" s="72">
        <v>6833</v>
      </c>
      <c r="N1292" s="52" t="s">
        <v>2072</v>
      </c>
      <c r="O1292" s="52" t="s">
        <v>2073</v>
      </c>
      <c r="P1292" s="52"/>
      <c r="Q1292" s="52"/>
      <c r="R1292" s="52"/>
      <c r="S1292" s="52"/>
      <c r="T1292" s="52"/>
      <c r="U1292" s="52"/>
      <c r="V1292" s="52"/>
      <c r="W1292" s="52"/>
    </row>
    <row r="1293" spans="1:23" hidden="1" x14ac:dyDescent="0.35">
      <c r="A1293" s="52" t="s">
        <v>78</v>
      </c>
      <c r="B1293" s="52" t="s">
        <v>79</v>
      </c>
      <c r="C1293" s="3">
        <v>211</v>
      </c>
      <c r="D1293" s="52" t="s">
        <v>2022</v>
      </c>
      <c r="E1293" s="52" t="s">
        <v>26</v>
      </c>
      <c r="F1293" s="52" t="s">
        <v>81</v>
      </c>
      <c r="G1293" s="52" t="s">
        <v>82</v>
      </c>
      <c r="H1293" s="4">
        <v>1</v>
      </c>
      <c r="I1293" s="2">
        <v>14.65</v>
      </c>
      <c r="J1293" s="52" t="s">
        <v>4480</v>
      </c>
      <c r="K1293" s="71" t="s">
        <v>4481</v>
      </c>
      <c r="L1293" s="52" t="s">
        <v>2063</v>
      </c>
      <c r="M1293" s="72">
        <v>5361</v>
      </c>
      <c r="N1293" s="52" t="s">
        <v>2066</v>
      </c>
      <c r="O1293" s="52" t="s">
        <v>2067</v>
      </c>
      <c r="P1293" s="52"/>
      <c r="Q1293" s="52"/>
      <c r="R1293" s="52"/>
      <c r="S1293" s="52"/>
      <c r="T1293" s="52"/>
      <c r="U1293" s="52"/>
      <c r="V1293" s="52"/>
      <c r="W1293" s="52"/>
    </row>
    <row r="1294" spans="1:23" hidden="1" x14ac:dyDescent="0.35">
      <c r="A1294" s="52" t="s">
        <v>78</v>
      </c>
      <c r="B1294" s="52" t="s">
        <v>79</v>
      </c>
      <c r="C1294" s="3">
        <v>20</v>
      </c>
      <c r="D1294" s="52" t="s">
        <v>2022</v>
      </c>
      <c r="E1294" s="52" t="s">
        <v>26</v>
      </c>
      <c r="F1294" s="52" t="s">
        <v>81</v>
      </c>
      <c r="G1294" s="52" t="s">
        <v>82</v>
      </c>
      <c r="H1294" s="4">
        <v>1</v>
      </c>
      <c r="I1294" s="2">
        <v>14.65</v>
      </c>
      <c r="J1294" s="52" t="s">
        <v>4482</v>
      </c>
      <c r="K1294" s="71" t="s">
        <v>4483</v>
      </c>
      <c r="L1294" s="52" t="s">
        <v>2063</v>
      </c>
      <c r="M1294" s="72">
        <v>3264</v>
      </c>
      <c r="N1294" s="52" t="s">
        <v>2072</v>
      </c>
      <c r="O1294" s="52" t="s">
        <v>2073</v>
      </c>
      <c r="P1294" s="52"/>
      <c r="Q1294" s="52"/>
      <c r="R1294" s="52"/>
      <c r="S1294" s="52"/>
      <c r="T1294" s="52"/>
      <c r="U1294" s="52"/>
      <c r="V1294" s="52"/>
      <c r="W1294" s="52"/>
    </row>
    <row r="1295" spans="1:23" hidden="1" x14ac:dyDescent="0.35">
      <c r="A1295" s="52" t="s">
        <v>78</v>
      </c>
      <c r="B1295" s="52" t="s">
        <v>79</v>
      </c>
      <c r="C1295" s="3">
        <v>211</v>
      </c>
      <c r="D1295" s="52" t="s">
        <v>85</v>
      </c>
      <c r="E1295" s="52" t="s">
        <v>26</v>
      </c>
      <c r="F1295" s="52" t="s">
        <v>81</v>
      </c>
      <c r="G1295" s="52" t="s">
        <v>82</v>
      </c>
      <c r="H1295" s="4">
        <v>1</v>
      </c>
      <c r="I1295" s="2">
        <v>14.65</v>
      </c>
      <c r="J1295" s="52" t="s">
        <v>4484</v>
      </c>
      <c r="K1295" s="71" t="s">
        <v>4485</v>
      </c>
      <c r="L1295" s="52" t="s">
        <v>2063</v>
      </c>
      <c r="M1295" s="72">
        <v>4489</v>
      </c>
      <c r="N1295" s="52" t="s">
        <v>2158</v>
      </c>
      <c r="O1295" s="52" t="s">
        <v>2159</v>
      </c>
      <c r="P1295" s="52"/>
      <c r="Q1295" s="52"/>
      <c r="R1295" s="52"/>
      <c r="S1295" s="52"/>
      <c r="T1295" s="52"/>
      <c r="U1295" s="52"/>
      <c r="V1295" s="52"/>
      <c r="W1295" s="52"/>
    </row>
    <row r="1296" spans="1:23" x14ac:dyDescent="0.35">
      <c r="A1296" s="52" t="s">
        <v>78</v>
      </c>
      <c r="B1296" s="52" t="s">
        <v>79</v>
      </c>
      <c r="C1296" s="3">
        <v>10</v>
      </c>
      <c r="D1296" s="52" t="s">
        <v>2020</v>
      </c>
      <c r="E1296" s="52" t="s">
        <v>26</v>
      </c>
      <c r="F1296" s="52" t="s">
        <v>81</v>
      </c>
      <c r="G1296" s="52" t="s">
        <v>82</v>
      </c>
      <c r="H1296" s="4">
        <v>1</v>
      </c>
      <c r="I1296" s="2">
        <v>14.65</v>
      </c>
      <c r="J1296" s="52" t="s">
        <v>4486</v>
      </c>
      <c r="K1296" s="71" t="s">
        <v>4487</v>
      </c>
      <c r="L1296" s="52" t="s">
        <v>2063</v>
      </c>
      <c r="M1296" s="72">
        <v>7412</v>
      </c>
      <c r="N1296" s="52" t="s">
        <v>2076</v>
      </c>
      <c r="O1296" s="52" t="s">
        <v>2077</v>
      </c>
      <c r="P1296" s="52"/>
      <c r="Q1296" s="52"/>
      <c r="R1296" s="52"/>
      <c r="S1296" s="52"/>
      <c r="T1296" s="52"/>
      <c r="U1296" s="52"/>
      <c r="V1296" s="52"/>
      <c r="W1296" s="52"/>
    </row>
    <row r="1297" spans="1:23" hidden="1" x14ac:dyDescent="0.35">
      <c r="A1297" s="52" t="s">
        <v>78</v>
      </c>
      <c r="B1297" s="52" t="s">
        <v>79</v>
      </c>
      <c r="C1297" s="3">
        <v>20</v>
      </c>
      <c r="D1297" s="52" t="s">
        <v>83</v>
      </c>
      <c r="E1297" s="52" t="s">
        <v>26</v>
      </c>
      <c r="F1297" s="52" t="s">
        <v>81</v>
      </c>
      <c r="G1297" s="52" t="s">
        <v>82</v>
      </c>
      <c r="H1297" s="4">
        <v>1</v>
      </c>
      <c r="I1297" s="2">
        <v>14.65</v>
      </c>
      <c r="J1297" s="52" t="s">
        <v>4488</v>
      </c>
      <c r="K1297" s="71" t="s">
        <v>4489</v>
      </c>
      <c r="L1297" s="52" t="s">
        <v>2063</v>
      </c>
      <c r="M1297" s="72">
        <v>7224</v>
      </c>
      <c r="N1297" s="52"/>
      <c r="O1297" s="52"/>
      <c r="P1297" s="52"/>
      <c r="Q1297" s="52"/>
      <c r="R1297" s="52"/>
      <c r="S1297" s="52"/>
      <c r="T1297" s="52"/>
      <c r="U1297" s="52"/>
      <c r="V1297" s="52"/>
      <c r="W1297" s="52"/>
    </row>
    <row r="1298" spans="1:23" hidden="1" x14ac:dyDescent="0.35">
      <c r="A1298" s="52" t="s">
        <v>78</v>
      </c>
      <c r="B1298" s="52" t="s">
        <v>79</v>
      </c>
      <c r="C1298" s="3">
        <v>10</v>
      </c>
      <c r="D1298" s="52" t="s">
        <v>2024</v>
      </c>
      <c r="E1298" s="52" t="s">
        <v>26</v>
      </c>
      <c r="F1298" s="52" t="s">
        <v>81</v>
      </c>
      <c r="G1298" s="52" t="s">
        <v>82</v>
      </c>
      <c r="H1298" s="4">
        <v>1</v>
      </c>
      <c r="I1298" s="2">
        <v>14.65</v>
      </c>
      <c r="J1298" s="52" t="s">
        <v>4014</v>
      </c>
      <c r="K1298" s="71" t="s">
        <v>4490</v>
      </c>
      <c r="L1298" s="52" t="s">
        <v>2095</v>
      </c>
      <c r="M1298" s="72">
        <v>5224</v>
      </c>
      <c r="N1298" s="52"/>
      <c r="O1298" s="52"/>
      <c r="P1298" s="52"/>
      <c r="Q1298" s="52"/>
      <c r="R1298" s="52"/>
      <c r="S1298" s="52"/>
      <c r="T1298" s="52"/>
      <c r="U1298" s="52"/>
      <c r="V1298" s="52"/>
      <c r="W1298" s="52"/>
    </row>
    <row r="1299" spans="1:23" hidden="1" x14ac:dyDescent="0.35">
      <c r="A1299" s="52" t="s">
        <v>78</v>
      </c>
      <c r="B1299" s="52" t="s">
        <v>79</v>
      </c>
      <c r="C1299" s="3">
        <v>10</v>
      </c>
      <c r="D1299" s="52" t="s">
        <v>83</v>
      </c>
      <c r="E1299" s="52" t="s">
        <v>26</v>
      </c>
      <c r="F1299" s="52" t="s">
        <v>81</v>
      </c>
      <c r="G1299" s="52" t="s">
        <v>82</v>
      </c>
      <c r="H1299" s="4">
        <v>1</v>
      </c>
      <c r="I1299" s="2">
        <v>14.65</v>
      </c>
      <c r="J1299" s="52" t="s">
        <v>4491</v>
      </c>
      <c r="K1299" s="71" t="s">
        <v>4492</v>
      </c>
      <c r="L1299" s="52" t="s">
        <v>2063</v>
      </c>
      <c r="M1299" s="72">
        <v>1053</v>
      </c>
      <c r="N1299" s="52" t="s">
        <v>2304</v>
      </c>
      <c r="O1299" s="52" t="s">
        <v>2305</v>
      </c>
      <c r="P1299" s="52"/>
      <c r="Q1299" s="52"/>
      <c r="R1299" s="52"/>
      <c r="S1299" s="52"/>
      <c r="T1299" s="52"/>
      <c r="U1299" s="52"/>
      <c r="V1299" s="52"/>
      <c r="W1299" s="52"/>
    </row>
    <row r="1300" spans="1:23" hidden="1" x14ac:dyDescent="0.35">
      <c r="A1300" s="52" t="s">
        <v>78</v>
      </c>
      <c r="B1300" s="52" t="s">
        <v>79</v>
      </c>
      <c r="C1300" s="3">
        <v>20</v>
      </c>
      <c r="D1300" s="52" t="s">
        <v>85</v>
      </c>
      <c r="E1300" s="52" t="s">
        <v>26</v>
      </c>
      <c r="F1300" s="52" t="s">
        <v>81</v>
      </c>
      <c r="G1300" s="52" t="s">
        <v>82</v>
      </c>
      <c r="H1300" s="4">
        <v>1</v>
      </c>
      <c r="I1300" s="2">
        <v>14.65</v>
      </c>
      <c r="J1300" s="52" t="s">
        <v>3944</v>
      </c>
      <c r="K1300" s="71" t="s">
        <v>4493</v>
      </c>
      <c r="L1300" s="52" t="s">
        <v>2063</v>
      </c>
      <c r="M1300" s="72">
        <v>6088</v>
      </c>
      <c r="N1300" s="52" t="s">
        <v>2072</v>
      </c>
      <c r="O1300" s="52" t="s">
        <v>2073</v>
      </c>
      <c r="P1300" s="52"/>
      <c r="Q1300" s="52"/>
      <c r="R1300" s="52"/>
      <c r="S1300" s="52"/>
      <c r="T1300" s="52"/>
      <c r="U1300" s="52"/>
      <c r="V1300" s="52"/>
      <c r="W1300" s="52"/>
    </row>
    <row r="1301" spans="1:23" hidden="1" x14ac:dyDescent="0.35">
      <c r="A1301" s="52" t="s">
        <v>78</v>
      </c>
      <c r="B1301" s="52" t="s">
        <v>79</v>
      </c>
      <c r="C1301" s="3">
        <v>20</v>
      </c>
      <c r="D1301" s="52" t="s">
        <v>2022</v>
      </c>
      <c r="E1301" s="52" t="s">
        <v>26</v>
      </c>
      <c r="F1301" s="52" t="s">
        <v>81</v>
      </c>
      <c r="G1301" s="52" t="s">
        <v>82</v>
      </c>
      <c r="H1301" s="4">
        <v>1</v>
      </c>
      <c r="I1301" s="2">
        <v>14.65</v>
      </c>
      <c r="J1301" s="52" t="s">
        <v>4494</v>
      </c>
      <c r="K1301" s="71" t="s">
        <v>4495</v>
      </c>
      <c r="L1301" s="52" t="s">
        <v>2063</v>
      </c>
      <c r="M1301" s="72">
        <v>3727</v>
      </c>
      <c r="N1301" s="52"/>
      <c r="O1301" s="52"/>
      <c r="P1301" s="52"/>
      <c r="Q1301" s="52"/>
      <c r="R1301" s="52"/>
      <c r="S1301" s="52"/>
      <c r="T1301" s="52"/>
      <c r="U1301" s="52"/>
      <c r="V1301" s="52"/>
      <c r="W1301" s="52"/>
    </row>
    <row r="1302" spans="1:23" hidden="1" x14ac:dyDescent="0.35">
      <c r="A1302" s="52" t="s">
        <v>78</v>
      </c>
      <c r="B1302" s="52" t="s">
        <v>79</v>
      </c>
      <c r="C1302" s="3">
        <v>10</v>
      </c>
      <c r="D1302" s="52" t="s">
        <v>2021</v>
      </c>
      <c r="E1302" s="52" t="s">
        <v>26</v>
      </c>
      <c r="F1302" s="52" t="s">
        <v>81</v>
      </c>
      <c r="G1302" s="52" t="s">
        <v>82</v>
      </c>
      <c r="H1302" s="4">
        <v>1</v>
      </c>
      <c r="I1302" s="2">
        <v>14.65</v>
      </c>
      <c r="J1302" s="52" t="s">
        <v>4496</v>
      </c>
      <c r="K1302" s="71" t="s">
        <v>4497</v>
      </c>
      <c r="L1302" s="52" t="s">
        <v>2063</v>
      </c>
      <c r="M1302" s="72">
        <v>8913</v>
      </c>
      <c r="N1302" s="52" t="s">
        <v>2072</v>
      </c>
      <c r="O1302" s="52" t="s">
        <v>2073</v>
      </c>
      <c r="P1302" s="52"/>
      <c r="Q1302" s="52"/>
      <c r="R1302" s="52"/>
      <c r="S1302" s="52"/>
      <c r="T1302" s="52"/>
      <c r="U1302" s="52"/>
      <c r="V1302" s="52"/>
      <c r="W1302" s="52"/>
    </row>
    <row r="1303" spans="1:23" hidden="1" x14ac:dyDescent="0.35">
      <c r="A1303" s="52" t="s">
        <v>78</v>
      </c>
      <c r="B1303" s="52" t="s">
        <v>79</v>
      </c>
      <c r="C1303" s="3">
        <v>10</v>
      </c>
      <c r="D1303" s="52" t="s">
        <v>84</v>
      </c>
      <c r="E1303" s="52" t="s">
        <v>26</v>
      </c>
      <c r="F1303" s="52" t="s">
        <v>81</v>
      </c>
      <c r="G1303" s="52" t="s">
        <v>82</v>
      </c>
      <c r="H1303" s="4">
        <v>1</v>
      </c>
      <c r="I1303" s="2">
        <v>14.65</v>
      </c>
      <c r="J1303" s="52" t="s">
        <v>4498</v>
      </c>
      <c r="K1303" s="71" t="s">
        <v>4499</v>
      </c>
      <c r="L1303" s="52" t="s">
        <v>2063</v>
      </c>
      <c r="M1303" s="72">
        <v>5317</v>
      </c>
      <c r="N1303" s="52" t="s">
        <v>2066</v>
      </c>
      <c r="O1303" s="52" t="s">
        <v>2067</v>
      </c>
      <c r="P1303" s="52"/>
      <c r="Q1303" s="52"/>
      <c r="R1303" s="52"/>
      <c r="S1303" s="52"/>
      <c r="T1303" s="52"/>
      <c r="U1303" s="52"/>
      <c r="V1303" s="52"/>
      <c r="W1303" s="52"/>
    </row>
    <row r="1304" spans="1:23" hidden="1" x14ac:dyDescent="0.35">
      <c r="A1304" s="52" t="s">
        <v>78</v>
      </c>
      <c r="B1304" s="52" t="s">
        <v>79</v>
      </c>
      <c r="C1304" s="3">
        <v>10</v>
      </c>
      <c r="D1304" s="52" t="s">
        <v>2024</v>
      </c>
      <c r="E1304" s="52" t="s">
        <v>26</v>
      </c>
      <c r="F1304" s="52" t="s">
        <v>81</v>
      </c>
      <c r="G1304" s="52" t="s">
        <v>82</v>
      </c>
      <c r="H1304" s="4">
        <v>1</v>
      </c>
      <c r="I1304" s="2">
        <v>14.65</v>
      </c>
      <c r="J1304" s="52" t="s">
        <v>4014</v>
      </c>
      <c r="K1304" s="71" t="s">
        <v>4500</v>
      </c>
      <c r="L1304" s="52" t="s">
        <v>2063</v>
      </c>
      <c r="M1304" s="72">
        <v>9548</v>
      </c>
      <c r="N1304" s="52"/>
      <c r="O1304" s="52"/>
      <c r="P1304" s="52"/>
      <c r="Q1304" s="52"/>
      <c r="R1304" s="52"/>
      <c r="S1304" s="52"/>
      <c r="T1304" s="52"/>
      <c r="U1304" s="52"/>
      <c r="V1304" s="52"/>
      <c r="W1304" s="52"/>
    </row>
    <row r="1305" spans="1:23" hidden="1" x14ac:dyDescent="0.35">
      <c r="A1305" s="52" t="s">
        <v>78</v>
      </c>
      <c r="B1305" s="52" t="s">
        <v>79</v>
      </c>
      <c r="C1305" s="3">
        <v>10</v>
      </c>
      <c r="D1305" s="52" t="s">
        <v>86</v>
      </c>
      <c r="E1305" s="52" t="s">
        <v>26</v>
      </c>
      <c r="F1305" s="52" t="s">
        <v>81</v>
      </c>
      <c r="G1305" s="52" t="s">
        <v>82</v>
      </c>
      <c r="H1305" s="4">
        <v>1</v>
      </c>
      <c r="I1305" s="2">
        <v>14.65</v>
      </c>
      <c r="J1305" s="52" t="s">
        <v>4501</v>
      </c>
      <c r="K1305" s="71" t="s">
        <v>4502</v>
      </c>
      <c r="L1305" s="52" t="s">
        <v>2063</v>
      </c>
      <c r="M1305" s="72">
        <v>498</v>
      </c>
      <c r="N1305" s="52" t="s">
        <v>2158</v>
      </c>
      <c r="O1305" s="52" t="s">
        <v>2159</v>
      </c>
      <c r="P1305" s="52"/>
      <c r="Q1305" s="52"/>
      <c r="R1305" s="52"/>
      <c r="S1305" s="52"/>
      <c r="T1305" s="52"/>
      <c r="U1305" s="52"/>
      <c r="V1305" s="52"/>
      <c r="W1305" s="52"/>
    </row>
    <row r="1306" spans="1:23" hidden="1" x14ac:dyDescent="0.35">
      <c r="A1306" s="52" t="s">
        <v>78</v>
      </c>
      <c r="B1306" s="52" t="s">
        <v>79</v>
      </c>
      <c r="C1306" s="3">
        <v>10</v>
      </c>
      <c r="D1306" s="52" t="s">
        <v>2020</v>
      </c>
      <c r="E1306" s="52" t="s">
        <v>26</v>
      </c>
      <c r="F1306" s="52" t="s">
        <v>81</v>
      </c>
      <c r="G1306" s="52" t="s">
        <v>82</v>
      </c>
      <c r="H1306" s="4">
        <v>1</v>
      </c>
      <c r="I1306" s="2">
        <v>14.65</v>
      </c>
      <c r="J1306" s="52" t="s">
        <v>4503</v>
      </c>
      <c r="K1306" s="71" t="s">
        <v>4504</v>
      </c>
      <c r="L1306" s="52" t="s">
        <v>2063</v>
      </c>
      <c r="M1306" s="72">
        <v>693</v>
      </c>
      <c r="N1306" s="52" t="s">
        <v>2072</v>
      </c>
      <c r="O1306" s="52" t="s">
        <v>2073</v>
      </c>
      <c r="P1306" s="52"/>
      <c r="Q1306" s="52"/>
      <c r="R1306" s="52"/>
      <c r="S1306" s="52"/>
      <c r="T1306" s="52"/>
      <c r="U1306" s="52"/>
      <c r="V1306" s="52"/>
      <c r="W1306" s="52"/>
    </row>
    <row r="1307" spans="1:23" hidden="1" x14ac:dyDescent="0.35">
      <c r="A1307" s="52" t="s">
        <v>78</v>
      </c>
      <c r="B1307" s="52" t="s">
        <v>79</v>
      </c>
      <c r="C1307" s="3">
        <v>10</v>
      </c>
      <c r="D1307" s="52" t="s">
        <v>2021</v>
      </c>
      <c r="E1307" s="52" t="s">
        <v>26</v>
      </c>
      <c r="F1307" s="52" t="s">
        <v>81</v>
      </c>
      <c r="G1307" s="52" t="s">
        <v>82</v>
      </c>
      <c r="H1307" s="4">
        <v>1</v>
      </c>
      <c r="I1307" s="2">
        <v>14.65</v>
      </c>
      <c r="J1307" s="52" t="s">
        <v>4505</v>
      </c>
      <c r="K1307" s="71" t="s">
        <v>4506</v>
      </c>
      <c r="L1307" s="52" t="s">
        <v>2063</v>
      </c>
      <c r="M1307" s="72">
        <v>3573</v>
      </c>
      <c r="N1307" s="52" t="s">
        <v>2072</v>
      </c>
      <c r="O1307" s="52" t="s">
        <v>2073</v>
      </c>
      <c r="P1307" s="52"/>
      <c r="Q1307" s="52"/>
      <c r="R1307" s="52"/>
      <c r="S1307" s="52"/>
      <c r="T1307" s="52"/>
      <c r="U1307" s="52"/>
      <c r="V1307" s="52"/>
      <c r="W1307" s="52"/>
    </row>
    <row r="1308" spans="1:23" hidden="1" x14ac:dyDescent="0.35">
      <c r="A1308" s="52" t="s">
        <v>78</v>
      </c>
      <c r="B1308" s="52" t="s">
        <v>79</v>
      </c>
      <c r="C1308" s="3">
        <v>10</v>
      </c>
      <c r="D1308" s="52" t="s">
        <v>2022</v>
      </c>
      <c r="E1308" s="52" t="s">
        <v>26</v>
      </c>
      <c r="F1308" s="52" t="s">
        <v>81</v>
      </c>
      <c r="G1308" s="52" t="s">
        <v>82</v>
      </c>
      <c r="H1308" s="4">
        <v>1</v>
      </c>
      <c r="I1308" s="2">
        <v>14.65</v>
      </c>
      <c r="J1308" s="52" t="s">
        <v>4507</v>
      </c>
      <c r="K1308" s="71" t="s">
        <v>4508</v>
      </c>
      <c r="L1308" s="52" t="s">
        <v>2063</v>
      </c>
      <c r="M1308" s="72">
        <v>8154</v>
      </c>
      <c r="N1308" s="52" t="s">
        <v>2066</v>
      </c>
      <c r="O1308" s="52" t="s">
        <v>2067</v>
      </c>
      <c r="P1308" s="52"/>
      <c r="Q1308" s="52"/>
      <c r="R1308" s="52"/>
      <c r="S1308" s="52"/>
      <c r="T1308" s="52"/>
      <c r="U1308" s="52"/>
      <c r="V1308" s="52"/>
      <c r="W1308" s="52"/>
    </row>
    <row r="1309" spans="1:23" hidden="1" x14ac:dyDescent="0.35">
      <c r="A1309" s="52" t="s">
        <v>78</v>
      </c>
      <c r="B1309" s="52" t="s">
        <v>79</v>
      </c>
      <c r="C1309" s="3">
        <v>20</v>
      </c>
      <c r="D1309" s="52" t="s">
        <v>2019</v>
      </c>
      <c r="E1309" s="52" t="s">
        <v>26</v>
      </c>
      <c r="F1309" s="52" t="s">
        <v>81</v>
      </c>
      <c r="G1309" s="52" t="s">
        <v>82</v>
      </c>
      <c r="H1309" s="4">
        <v>1</v>
      </c>
      <c r="I1309" s="2">
        <v>14.65</v>
      </c>
      <c r="J1309" s="52" t="s">
        <v>4509</v>
      </c>
      <c r="K1309" s="71" t="s">
        <v>4510</v>
      </c>
      <c r="L1309" s="52" t="s">
        <v>2063</v>
      </c>
      <c r="M1309" s="72">
        <v>5494</v>
      </c>
      <c r="N1309" s="52" t="s">
        <v>2072</v>
      </c>
      <c r="O1309" s="52" t="s">
        <v>2073</v>
      </c>
      <c r="P1309" s="52"/>
      <c r="Q1309" s="52"/>
      <c r="R1309" s="52"/>
      <c r="S1309" s="52"/>
      <c r="T1309" s="52"/>
      <c r="U1309" s="52"/>
      <c r="V1309" s="52"/>
      <c r="W1309" s="52"/>
    </row>
    <row r="1310" spans="1:23" hidden="1" x14ac:dyDescent="0.35">
      <c r="A1310" s="52" t="s">
        <v>78</v>
      </c>
      <c r="B1310" s="52" t="s">
        <v>79</v>
      </c>
      <c r="C1310" s="3">
        <v>20</v>
      </c>
      <c r="D1310" s="52" t="s">
        <v>83</v>
      </c>
      <c r="E1310" s="52" t="s">
        <v>26</v>
      </c>
      <c r="F1310" s="52" t="s">
        <v>81</v>
      </c>
      <c r="G1310" s="52" t="s">
        <v>82</v>
      </c>
      <c r="H1310" s="4">
        <v>1</v>
      </c>
      <c r="I1310" s="2">
        <v>14.65</v>
      </c>
      <c r="J1310" s="52" t="s">
        <v>4511</v>
      </c>
      <c r="K1310" s="71" t="s">
        <v>4512</v>
      </c>
      <c r="L1310" s="52" t="s">
        <v>2063</v>
      </c>
      <c r="M1310" s="72">
        <v>401</v>
      </c>
      <c r="N1310" s="52" t="s">
        <v>2072</v>
      </c>
      <c r="O1310" s="52" t="s">
        <v>2073</v>
      </c>
      <c r="P1310" s="52"/>
      <c r="Q1310" s="52"/>
      <c r="R1310" s="52"/>
      <c r="S1310" s="52"/>
      <c r="T1310" s="52"/>
      <c r="U1310" s="52"/>
      <c r="V1310" s="52"/>
      <c r="W1310" s="52"/>
    </row>
    <row r="1311" spans="1:23" x14ac:dyDescent="0.35">
      <c r="A1311" s="52" t="s">
        <v>78</v>
      </c>
      <c r="B1311" s="52" t="s">
        <v>79</v>
      </c>
      <c r="C1311" s="3">
        <v>211</v>
      </c>
      <c r="D1311" s="52" t="s">
        <v>2021</v>
      </c>
      <c r="E1311" s="52" t="s">
        <v>26</v>
      </c>
      <c r="F1311" s="52" t="s">
        <v>81</v>
      </c>
      <c r="G1311" s="52" t="s">
        <v>82</v>
      </c>
      <c r="H1311" s="4">
        <v>1</v>
      </c>
      <c r="I1311" s="2">
        <v>14.65</v>
      </c>
      <c r="J1311" s="52" t="s">
        <v>4513</v>
      </c>
      <c r="K1311" s="71" t="s">
        <v>4514</v>
      </c>
      <c r="L1311" s="52" t="s">
        <v>2063</v>
      </c>
      <c r="M1311" s="72">
        <v>2618</v>
      </c>
      <c r="N1311" s="52" t="s">
        <v>2076</v>
      </c>
      <c r="O1311" s="52" t="s">
        <v>2077</v>
      </c>
      <c r="P1311" s="52"/>
      <c r="Q1311" s="52"/>
      <c r="R1311" s="52"/>
      <c r="S1311" s="52"/>
      <c r="T1311" s="52"/>
      <c r="U1311" s="52"/>
      <c r="V1311" s="52"/>
      <c r="W1311" s="52"/>
    </row>
    <row r="1312" spans="1:23" hidden="1" x14ac:dyDescent="0.35">
      <c r="A1312" s="52" t="s">
        <v>78</v>
      </c>
      <c r="B1312" s="52" t="s">
        <v>79</v>
      </c>
      <c r="C1312" s="3">
        <v>10</v>
      </c>
      <c r="D1312" s="52" t="s">
        <v>84</v>
      </c>
      <c r="E1312" s="52" t="s">
        <v>26</v>
      </c>
      <c r="F1312" s="52" t="s">
        <v>81</v>
      </c>
      <c r="G1312" s="52" t="s">
        <v>82</v>
      </c>
      <c r="H1312" s="4">
        <v>1</v>
      </c>
      <c r="I1312" s="2">
        <v>14.65</v>
      </c>
      <c r="J1312" s="52" t="s">
        <v>4515</v>
      </c>
      <c r="K1312" s="71" t="s">
        <v>4516</v>
      </c>
      <c r="L1312" s="52" t="s">
        <v>2095</v>
      </c>
      <c r="M1312" s="72">
        <v>1269</v>
      </c>
      <c r="N1312" s="52" t="s">
        <v>2195</v>
      </c>
      <c r="O1312" s="52" t="s">
        <v>2196</v>
      </c>
      <c r="P1312" s="52"/>
      <c r="Q1312" s="52"/>
      <c r="R1312" s="52"/>
      <c r="S1312" s="52"/>
      <c r="T1312" s="52"/>
      <c r="U1312" s="52"/>
      <c r="V1312" s="52"/>
      <c r="W1312" s="52"/>
    </row>
    <row r="1313" spans="1:23" hidden="1" x14ac:dyDescent="0.35">
      <c r="A1313" s="52" t="s">
        <v>78</v>
      </c>
      <c r="B1313" s="52" t="s">
        <v>79</v>
      </c>
      <c r="C1313" s="3">
        <v>211</v>
      </c>
      <c r="D1313" s="52" t="s">
        <v>2020</v>
      </c>
      <c r="E1313" s="52" t="s">
        <v>26</v>
      </c>
      <c r="F1313" s="52" t="s">
        <v>81</v>
      </c>
      <c r="G1313" s="52" t="s">
        <v>82</v>
      </c>
      <c r="H1313" s="4">
        <v>1</v>
      </c>
      <c r="I1313" s="2">
        <v>14.65</v>
      </c>
      <c r="J1313" s="52" t="s">
        <v>4517</v>
      </c>
      <c r="K1313" s="71" t="s">
        <v>4518</v>
      </c>
      <c r="L1313" s="52" t="s">
        <v>2095</v>
      </c>
      <c r="M1313" s="72">
        <v>8965</v>
      </c>
      <c r="N1313" s="52"/>
      <c r="O1313" s="52"/>
      <c r="P1313" s="52"/>
      <c r="Q1313" s="52"/>
      <c r="R1313" s="52"/>
      <c r="S1313" s="52"/>
      <c r="T1313" s="52"/>
      <c r="U1313" s="52"/>
      <c r="V1313" s="52"/>
      <c r="W1313" s="52"/>
    </row>
    <row r="1314" spans="1:23" hidden="1" x14ac:dyDescent="0.35">
      <c r="A1314" s="52" t="s">
        <v>78</v>
      </c>
      <c r="B1314" s="52" t="s">
        <v>79</v>
      </c>
      <c r="C1314" s="3">
        <v>20</v>
      </c>
      <c r="D1314" s="52" t="s">
        <v>86</v>
      </c>
      <c r="E1314" s="52" t="s">
        <v>26</v>
      </c>
      <c r="F1314" s="52" t="s">
        <v>81</v>
      </c>
      <c r="G1314" s="52" t="s">
        <v>82</v>
      </c>
      <c r="H1314" s="4">
        <v>1</v>
      </c>
      <c r="I1314" s="2">
        <v>14.65</v>
      </c>
      <c r="J1314" s="52" t="s">
        <v>4519</v>
      </c>
      <c r="K1314" s="71" t="s">
        <v>4520</v>
      </c>
      <c r="L1314" s="52" t="s">
        <v>2063</v>
      </c>
      <c r="M1314" s="72">
        <v>3765</v>
      </c>
      <c r="N1314" s="52"/>
      <c r="O1314" s="52"/>
      <c r="P1314" s="52"/>
      <c r="Q1314" s="52"/>
      <c r="R1314" s="52"/>
      <c r="S1314" s="52"/>
      <c r="T1314" s="52"/>
      <c r="U1314" s="52"/>
      <c r="V1314" s="52"/>
      <c r="W1314" s="52"/>
    </row>
    <row r="1315" spans="1:23" hidden="1" x14ac:dyDescent="0.35">
      <c r="A1315" s="52" t="s">
        <v>78</v>
      </c>
      <c r="B1315" s="52" t="s">
        <v>79</v>
      </c>
      <c r="C1315" s="3">
        <v>20</v>
      </c>
      <c r="D1315" s="52" t="s">
        <v>80</v>
      </c>
      <c r="E1315" s="52" t="s">
        <v>26</v>
      </c>
      <c r="F1315" s="52" t="s">
        <v>81</v>
      </c>
      <c r="G1315" s="52" t="s">
        <v>82</v>
      </c>
      <c r="H1315" s="4">
        <v>1</v>
      </c>
      <c r="I1315" s="2">
        <v>14.65</v>
      </c>
      <c r="J1315" s="52" t="s">
        <v>3716</v>
      </c>
      <c r="K1315" s="71" t="s">
        <v>4521</v>
      </c>
      <c r="L1315" s="52" t="s">
        <v>2063</v>
      </c>
      <c r="M1315" s="72">
        <v>5197</v>
      </c>
      <c r="N1315" s="52"/>
      <c r="O1315" s="52"/>
      <c r="P1315" s="52"/>
      <c r="Q1315" s="52"/>
      <c r="R1315" s="52"/>
      <c r="S1315" s="52"/>
      <c r="T1315" s="52"/>
      <c r="U1315" s="52"/>
      <c r="V1315" s="52"/>
      <c r="W1315" s="52"/>
    </row>
    <row r="1316" spans="1:23" hidden="1" x14ac:dyDescent="0.35">
      <c r="A1316" s="52" t="s">
        <v>78</v>
      </c>
      <c r="B1316" s="52" t="s">
        <v>79</v>
      </c>
      <c r="C1316" s="3">
        <v>20</v>
      </c>
      <c r="D1316" s="52" t="s">
        <v>86</v>
      </c>
      <c r="E1316" s="52" t="s">
        <v>26</v>
      </c>
      <c r="F1316" s="52" t="s">
        <v>81</v>
      </c>
      <c r="G1316" s="52" t="s">
        <v>82</v>
      </c>
      <c r="H1316" s="4">
        <v>1</v>
      </c>
      <c r="I1316" s="2">
        <v>14.65</v>
      </c>
      <c r="J1316" s="52" t="s">
        <v>3639</v>
      </c>
      <c r="K1316" s="71" t="s">
        <v>4522</v>
      </c>
      <c r="L1316" s="52" t="s">
        <v>2063</v>
      </c>
      <c r="M1316" s="72">
        <v>4913</v>
      </c>
      <c r="N1316" s="52"/>
      <c r="O1316" s="52"/>
      <c r="P1316" s="52"/>
      <c r="Q1316" s="52"/>
      <c r="R1316" s="52"/>
      <c r="S1316" s="52"/>
      <c r="T1316" s="52"/>
      <c r="U1316" s="52"/>
      <c r="V1316" s="52"/>
      <c r="W1316" s="52"/>
    </row>
    <row r="1317" spans="1:23" hidden="1" x14ac:dyDescent="0.35">
      <c r="A1317" s="52" t="s">
        <v>78</v>
      </c>
      <c r="B1317" s="52" t="s">
        <v>79</v>
      </c>
      <c r="C1317" s="3">
        <v>20</v>
      </c>
      <c r="D1317" s="52" t="s">
        <v>83</v>
      </c>
      <c r="E1317" s="52" t="s">
        <v>26</v>
      </c>
      <c r="F1317" s="52" t="s">
        <v>81</v>
      </c>
      <c r="G1317" s="52" t="s">
        <v>82</v>
      </c>
      <c r="H1317" s="4">
        <v>1</v>
      </c>
      <c r="I1317" s="2">
        <v>14.65</v>
      </c>
      <c r="J1317" s="52" t="s">
        <v>4523</v>
      </c>
      <c r="K1317" s="71" t="s">
        <v>4524</v>
      </c>
      <c r="L1317" s="52" t="s">
        <v>2063</v>
      </c>
      <c r="M1317" s="72">
        <v>7339</v>
      </c>
      <c r="N1317" s="52" t="s">
        <v>2066</v>
      </c>
      <c r="O1317" s="52" t="s">
        <v>2067</v>
      </c>
      <c r="P1317" s="52"/>
      <c r="Q1317" s="52"/>
      <c r="R1317" s="52"/>
      <c r="S1317" s="52"/>
      <c r="T1317" s="52"/>
      <c r="U1317" s="52"/>
      <c r="V1317" s="52"/>
      <c r="W1317" s="52"/>
    </row>
    <row r="1318" spans="1:23" hidden="1" x14ac:dyDescent="0.35">
      <c r="A1318" s="52" t="s">
        <v>78</v>
      </c>
      <c r="B1318" s="52" t="s">
        <v>79</v>
      </c>
      <c r="C1318" s="3">
        <v>10</v>
      </c>
      <c r="D1318" s="52" t="s">
        <v>2021</v>
      </c>
      <c r="E1318" s="52" t="s">
        <v>26</v>
      </c>
      <c r="F1318" s="52" t="s">
        <v>81</v>
      </c>
      <c r="G1318" s="52" t="s">
        <v>82</v>
      </c>
      <c r="H1318" s="4">
        <v>1</v>
      </c>
      <c r="I1318" s="2">
        <v>14.65</v>
      </c>
      <c r="J1318" s="52" t="s">
        <v>4525</v>
      </c>
      <c r="K1318" s="71" t="s">
        <v>4526</v>
      </c>
      <c r="L1318" s="52" t="s">
        <v>2063</v>
      </c>
      <c r="M1318" s="72">
        <v>6719</v>
      </c>
      <c r="N1318" s="52" t="s">
        <v>2154</v>
      </c>
      <c r="O1318" s="52" t="s">
        <v>2155</v>
      </c>
      <c r="P1318" s="52"/>
      <c r="Q1318" s="52"/>
      <c r="R1318" s="52"/>
      <c r="S1318" s="52"/>
      <c r="T1318" s="52"/>
      <c r="U1318" s="52"/>
      <c r="V1318" s="52"/>
      <c r="W1318" s="52"/>
    </row>
    <row r="1319" spans="1:23" hidden="1" x14ac:dyDescent="0.35">
      <c r="A1319" s="52" t="s">
        <v>78</v>
      </c>
      <c r="B1319" s="52" t="s">
        <v>79</v>
      </c>
      <c r="C1319" s="3">
        <v>211</v>
      </c>
      <c r="D1319" s="52" t="s">
        <v>2022</v>
      </c>
      <c r="E1319" s="52" t="s">
        <v>26</v>
      </c>
      <c r="F1319" s="52" t="s">
        <v>81</v>
      </c>
      <c r="G1319" s="52" t="s">
        <v>82</v>
      </c>
      <c r="H1319" s="4">
        <v>1</v>
      </c>
      <c r="I1319" s="2">
        <v>14.65</v>
      </c>
      <c r="J1319" s="52" t="s">
        <v>4527</v>
      </c>
      <c r="K1319" s="71" t="s">
        <v>4528</v>
      </c>
      <c r="L1319" s="52" t="s">
        <v>2063</v>
      </c>
      <c r="M1319" s="72">
        <v>5496</v>
      </c>
      <c r="N1319" s="52" t="s">
        <v>2072</v>
      </c>
      <c r="O1319" s="52" t="s">
        <v>2073</v>
      </c>
      <c r="P1319" s="52"/>
      <c r="Q1319" s="52"/>
      <c r="R1319" s="52"/>
      <c r="S1319" s="52"/>
      <c r="T1319" s="52"/>
      <c r="U1319" s="52"/>
      <c r="V1319" s="52"/>
      <c r="W1319" s="52"/>
    </row>
    <row r="1320" spans="1:23" hidden="1" x14ac:dyDescent="0.35">
      <c r="A1320" s="52" t="s">
        <v>78</v>
      </c>
      <c r="B1320" s="52" t="s">
        <v>79</v>
      </c>
      <c r="C1320" s="3">
        <v>10</v>
      </c>
      <c r="D1320" s="52" t="s">
        <v>2019</v>
      </c>
      <c r="E1320" s="52" t="s">
        <v>26</v>
      </c>
      <c r="F1320" s="52" t="s">
        <v>81</v>
      </c>
      <c r="G1320" s="52" t="s">
        <v>82</v>
      </c>
      <c r="H1320" s="4">
        <v>1</v>
      </c>
      <c r="I1320" s="2">
        <v>14.65</v>
      </c>
      <c r="J1320" s="52" t="s">
        <v>4198</v>
      </c>
      <c r="K1320" s="71" t="s">
        <v>4529</v>
      </c>
      <c r="L1320" s="52" t="s">
        <v>2063</v>
      </c>
      <c r="M1320" s="72">
        <v>3902</v>
      </c>
      <c r="N1320" s="52" t="s">
        <v>2072</v>
      </c>
      <c r="O1320" s="52" t="s">
        <v>2073</v>
      </c>
      <c r="P1320" s="52"/>
      <c r="Q1320" s="52"/>
      <c r="R1320" s="52"/>
      <c r="S1320" s="52"/>
      <c r="T1320" s="52"/>
      <c r="U1320" s="52"/>
      <c r="V1320" s="52"/>
      <c r="W1320" s="52"/>
    </row>
    <row r="1321" spans="1:23" hidden="1" x14ac:dyDescent="0.35">
      <c r="A1321" s="52" t="s">
        <v>78</v>
      </c>
      <c r="B1321" s="52" t="s">
        <v>79</v>
      </c>
      <c r="C1321" s="3">
        <v>20</v>
      </c>
      <c r="D1321" s="52" t="s">
        <v>86</v>
      </c>
      <c r="E1321" s="52" t="s">
        <v>26</v>
      </c>
      <c r="F1321" s="52" t="s">
        <v>81</v>
      </c>
      <c r="G1321" s="52" t="s">
        <v>82</v>
      </c>
      <c r="H1321" s="4">
        <v>1</v>
      </c>
      <c r="I1321" s="2">
        <v>14.65</v>
      </c>
      <c r="J1321" s="52" t="s">
        <v>4530</v>
      </c>
      <c r="K1321" s="71" t="s">
        <v>4531</v>
      </c>
      <c r="L1321" s="52" t="s">
        <v>2063</v>
      </c>
      <c r="M1321" s="72">
        <v>2921</v>
      </c>
      <c r="N1321" s="52"/>
      <c r="O1321" s="52"/>
      <c r="P1321" s="52"/>
      <c r="Q1321" s="52"/>
      <c r="R1321" s="52"/>
      <c r="S1321" s="52"/>
      <c r="T1321" s="52"/>
      <c r="U1321" s="52"/>
      <c r="V1321" s="52"/>
      <c r="W1321" s="52"/>
    </row>
    <row r="1322" spans="1:23" hidden="1" x14ac:dyDescent="0.35">
      <c r="A1322" s="52" t="s">
        <v>78</v>
      </c>
      <c r="B1322" s="52" t="s">
        <v>79</v>
      </c>
      <c r="C1322" s="3">
        <v>211</v>
      </c>
      <c r="D1322" s="52" t="s">
        <v>83</v>
      </c>
      <c r="E1322" s="52" t="s">
        <v>26</v>
      </c>
      <c r="F1322" s="52" t="s">
        <v>81</v>
      </c>
      <c r="G1322" s="52" t="s">
        <v>82</v>
      </c>
      <c r="H1322" s="4">
        <v>1</v>
      </c>
      <c r="I1322" s="2">
        <v>14.65</v>
      </c>
      <c r="J1322" s="52" t="s">
        <v>4532</v>
      </c>
      <c r="K1322" s="71" t="s">
        <v>4533</v>
      </c>
      <c r="L1322" s="52" t="s">
        <v>2063</v>
      </c>
      <c r="M1322" s="72">
        <v>3327</v>
      </c>
      <c r="N1322" s="52" t="s">
        <v>2066</v>
      </c>
      <c r="O1322" s="52" t="s">
        <v>2067</v>
      </c>
      <c r="P1322" s="52"/>
      <c r="Q1322" s="52"/>
      <c r="R1322" s="52"/>
      <c r="S1322" s="52"/>
      <c r="T1322" s="52"/>
      <c r="U1322" s="52"/>
      <c r="V1322" s="52"/>
      <c r="W1322" s="52"/>
    </row>
    <row r="1323" spans="1:23" hidden="1" x14ac:dyDescent="0.35">
      <c r="A1323" s="52" t="s">
        <v>78</v>
      </c>
      <c r="B1323" s="52" t="s">
        <v>79</v>
      </c>
      <c r="C1323" s="3">
        <v>20</v>
      </c>
      <c r="D1323" s="52" t="s">
        <v>84</v>
      </c>
      <c r="E1323" s="52" t="s">
        <v>26</v>
      </c>
      <c r="F1323" s="52" t="s">
        <v>81</v>
      </c>
      <c r="G1323" s="52" t="s">
        <v>82</v>
      </c>
      <c r="H1323" s="4">
        <v>1</v>
      </c>
      <c r="I1323" s="2">
        <v>14.65</v>
      </c>
      <c r="J1323" s="52" t="s">
        <v>4534</v>
      </c>
      <c r="K1323" s="71" t="s">
        <v>4535</v>
      </c>
      <c r="L1323" s="52" t="s">
        <v>2063</v>
      </c>
      <c r="M1323" s="72">
        <v>7588</v>
      </c>
      <c r="N1323" s="52"/>
      <c r="O1323" s="52"/>
      <c r="P1323" s="52"/>
      <c r="Q1323" s="52"/>
      <c r="R1323" s="52"/>
      <c r="S1323" s="52"/>
      <c r="T1323" s="52"/>
      <c r="U1323" s="52"/>
      <c r="V1323" s="52"/>
      <c r="W1323" s="52"/>
    </row>
    <row r="1324" spans="1:23" hidden="1" x14ac:dyDescent="0.35">
      <c r="A1324" s="52" t="s">
        <v>78</v>
      </c>
      <c r="B1324" s="52" t="s">
        <v>79</v>
      </c>
      <c r="C1324" s="3">
        <v>10</v>
      </c>
      <c r="D1324" s="52" t="s">
        <v>86</v>
      </c>
      <c r="E1324" s="52" t="s">
        <v>26</v>
      </c>
      <c r="F1324" s="52" t="s">
        <v>81</v>
      </c>
      <c r="G1324" s="52" t="s">
        <v>82</v>
      </c>
      <c r="H1324" s="4">
        <v>1</v>
      </c>
      <c r="I1324" s="2">
        <v>14.65</v>
      </c>
      <c r="J1324" s="52" t="s">
        <v>4313</v>
      </c>
      <c r="K1324" s="71" t="s">
        <v>4536</v>
      </c>
      <c r="L1324" s="52" t="s">
        <v>2063</v>
      </c>
      <c r="M1324" s="72">
        <v>4953</v>
      </c>
      <c r="N1324" s="52" t="s">
        <v>2066</v>
      </c>
      <c r="O1324" s="52" t="s">
        <v>2067</v>
      </c>
      <c r="P1324" s="52"/>
      <c r="Q1324" s="52"/>
      <c r="R1324" s="52"/>
      <c r="S1324" s="52"/>
      <c r="T1324" s="52"/>
      <c r="U1324" s="52"/>
      <c r="V1324" s="52"/>
      <c r="W1324" s="52"/>
    </row>
    <row r="1325" spans="1:23" hidden="1" x14ac:dyDescent="0.35">
      <c r="A1325" s="52" t="s">
        <v>78</v>
      </c>
      <c r="B1325" s="52" t="s">
        <v>79</v>
      </c>
      <c r="C1325" s="3">
        <v>20</v>
      </c>
      <c r="D1325" s="52" t="s">
        <v>85</v>
      </c>
      <c r="E1325" s="52" t="s">
        <v>26</v>
      </c>
      <c r="F1325" s="52" t="s">
        <v>81</v>
      </c>
      <c r="G1325" s="52" t="s">
        <v>82</v>
      </c>
      <c r="H1325" s="4">
        <v>1</v>
      </c>
      <c r="I1325" s="2">
        <v>14.65</v>
      </c>
      <c r="J1325" s="52" t="s">
        <v>4537</v>
      </c>
      <c r="K1325" s="71" t="s">
        <v>4538</v>
      </c>
      <c r="L1325" s="52" t="s">
        <v>2063</v>
      </c>
      <c r="M1325" s="72">
        <v>1285</v>
      </c>
      <c r="N1325" s="52" t="s">
        <v>2072</v>
      </c>
      <c r="O1325" s="52" t="s">
        <v>2073</v>
      </c>
      <c r="P1325" s="52"/>
      <c r="Q1325" s="52"/>
      <c r="R1325" s="52"/>
      <c r="S1325" s="52"/>
      <c r="T1325" s="52"/>
      <c r="U1325" s="52"/>
      <c r="V1325" s="52"/>
      <c r="W1325" s="52"/>
    </row>
    <row r="1326" spans="1:23" hidden="1" x14ac:dyDescent="0.35">
      <c r="A1326" s="52" t="s">
        <v>78</v>
      </c>
      <c r="B1326" s="52" t="s">
        <v>79</v>
      </c>
      <c r="C1326" s="3">
        <v>20</v>
      </c>
      <c r="D1326" s="52" t="s">
        <v>86</v>
      </c>
      <c r="E1326" s="52" t="s">
        <v>26</v>
      </c>
      <c r="F1326" s="52" t="s">
        <v>81</v>
      </c>
      <c r="G1326" s="52" t="s">
        <v>82</v>
      </c>
      <c r="H1326" s="4">
        <v>1</v>
      </c>
      <c r="I1326" s="2">
        <v>14.65</v>
      </c>
      <c r="J1326" s="52" t="s">
        <v>3639</v>
      </c>
      <c r="K1326" s="71" t="s">
        <v>4539</v>
      </c>
      <c r="L1326" s="52" t="s">
        <v>2063</v>
      </c>
      <c r="M1326" s="72">
        <v>8935</v>
      </c>
      <c r="N1326" s="52"/>
      <c r="O1326" s="52"/>
      <c r="P1326" s="52"/>
      <c r="Q1326" s="52"/>
      <c r="R1326" s="52"/>
      <c r="S1326" s="52"/>
      <c r="T1326" s="52"/>
      <c r="U1326" s="52"/>
      <c r="V1326" s="52"/>
      <c r="W1326" s="52"/>
    </row>
    <row r="1327" spans="1:23" hidden="1" x14ac:dyDescent="0.35">
      <c r="A1327" s="52" t="s">
        <v>78</v>
      </c>
      <c r="B1327" s="52" t="s">
        <v>79</v>
      </c>
      <c r="C1327" s="3">
        <v>20</v>
      </c>
      <c r="D1327" s="52" t="s">
        <v>2024</v>
      </c>
      <c r="E1327" s="52" t="s">
        <v>26</v>
      </c>
      <c r="F1327" s="52" t="s">
        <v>81</v>
      </c>
      <c r="G1327" s="52" t="s">
        <v>82</v>
      </c>
      <c r="H1327" s="4">
        <v>1</v>
      </c>
      <c r="I1327" s="2">
        <v>14.65</v>
      </c>
      <c r="J1327" s="52" t="s">
        <v>4540</v>
      </c>
      <c r="K1327" s="71" t="s">
        <v>4541</v>
      </c>
      <c r="L1327" s="52" t="s">
        <v>2063</v>
      </c>
      <c r="M1327" s="72">
        <v>1599</v>
      </c>
      <c r="N1327" s="52" t="s">
        <v>2072</v>
      </c>
      <c r="O1327" s="52" t="s">
        <v>2073</v>
      </c>
      <c r="P1327" s="52"/>
      <c r="Q1327" s="52"/>
      <c r="R1327" s="52"/>
      <c r="S1327" s="52"/>
      <c r="T1327" s="52"/>
      <c r="U1327" s="52"/>
      <c r="V1327" s="52"/>
      <c r="W1327" s="52"/>
    </row>
    <row r="1328" spans="1:23" hidden="1" x14ac:dyDescent="0.35">
      <c r="A1328" s="52" t="s">
        <v>78</v>
      </c>
      <c r="B1328" s="52" t="s">
        <v>79</v>
      </c>
      <c r="C1328" s="3">
        <v>10</v>
      </c>
      <c r="D1328" s="52" t="s">
        <v>2021</v>
      </c>
      <c r="E1328" s="52" t="s">
        <v>26</v>
      </c>
      <c r="F1328" s="52" t="s">
        <v>81</v>
      </c>
      <c r="G1328" s="52" t="s">
        <v>82</v>
      </c>
      <c r="H1328" s="4">
        <v>1</v>
      </c>
      <c r="I1328" s="2">
        <v>14.65</v>
      </c>
      <c r="J1328" s="52" t="s">
        <v>4542</v>
      </c>
      <c r="K1328" s="71" t="s">
        <v>4543</v>
      </c>
      <c r="L1328" s="52" t="s">
        <v>2063</v>
      </c>
      <c r="M1328" s="72">
        <v>6174</v>
      </c>
      <c r="N1328" s="52" t="s">
        <v>2066</v>
      </c>
      <c r="O1328" s="52" t="s">
        <v>2067</v>
      </c>
      <c r="P1328" s="52"/>
      <c r="Q1328" s="52"/>
      <c r="R1328" s="52"/>
      <c r="S1328" s="52"/>
      <c r="T1328" s="52"/>
      <c r="U1328" s="52"/>
      <c r="V1328" s="52"/>
      <c r="W1328" s="52"/>
    </row>
    <row r="1329" spans="1:23" hidden="1" x14ac:dyDescent="0.35">
      <c r="A1329" s="52" t="s">
        <v>78</v>
      </c>
      <c r="B1329" s="52" t="s">
        <v>79</v>
      </c>
      <c r="C1329" s="3">
        <v>20</v>
      </c>
      <c r="D1329" s="52" t="s">
        <v>2022</v>
      </c>
      <c r="E1329" s="52" t="s">
        <v>26</v>
      </c>
      <c r="F1329" s="52" t="s">
        <v>81</v>
      </c>
      <c r="G1329" s="52" t="s">
        <v>82</v>
      </c>
      <c r="H1329" s="4">
        <v>1</v>
      </c>
      <c r="I1329" s="2">
        <v>14.65</v>
      </c>
      <c r="J1329" s="52" t="s">
        <v>4544</v>
      </c>
      <c r="K1329" s="71" t="s">
        <v>4545</v>
      </c>
      <c r="L1329" s="52" t="s">
        <v>2063</v>
      </c>
      <c r="M1329" s="72">
        <v>4219</v>
      </c>
      <c r="N1329" s="52" t="s">
        <v>2066</v>
      </c>
      <c r="O1329" s="52" t="s">
        <v>2067</v>
      </c>
      <c r="P1329" s="52"/>
      <c r="Q1329" s="52"/>
      <c r="R1329" s="52"/>
      <c r="S1329" s="52"/>
      <c r="T1329" s="52"/>
      <c r="U1329" s="52"/>
      <c r="V1329" s="52"/>
      <c r="W1329" s="52"/>
    </row>
    <row r="1330" spans="1:23" hidden="1" x14ac:dyDescent="0.35">
      <c r="A1330" s="52" t="s">
        <v>78</v>
      </c>
      <c r="B1330" s="52" t="s">
        <v>79</v>
      </c>
      <c r="C1330" s="3">
        <v>20</v>
      </c>
      <c r="D1330" s="52" t="s">
        <v>2020</v>
      </c>
      <c r="E1330" s="52" t="s">
        <v>26</v>
      </c>
      <c r="F1330" s="52" t="s">
        <v>81</v>
      </c>
      <c r="G1330" s="52" t="s">
        <v>82</v>
      </c>
      <c r="H1330" s="4">
        <v>1</v>
      </c>
      <c r="I1330" s="2">
        <v>14.65</v>
      </c>
      <c r="J1330" s="52" t="s">
        <v>4546</v>
      </c>
      <c r="K1330" s="71" t="s">
        <v>4547</v>
      </c>
      <c r="L1330" s="52" t="s">
        <v>2063</v>
      </c>
      <c r="M1330" s="72">
        <v>2997</v>
      </c>
      <c r="N1330" s="52" t="s">
        <v>2072</v>
      </c>
      <c r="O1330" s="52" t="s">
        <v>2073</v>
      </c>
      <c r="P1330" s="52"/>
      <c r="Q1330" s="52"/>
      <c r="R1330" s="52"/>
      <c r="S1330" s="52"/>
      <c r="T1330" s="52"/>
      <c r="U1330" s="52"/>
      <c r="V1330" s="52"/>
      <c r="W1330" s="52"/>
    </row>
    <row r="1331" spans="1:23" hidden="1" x14ac:dyDescent="0.35">
      <c r="A1331" s="52" t="s">
        <v>78</v>
      </c>
      <c r="B1331" s="52" t="s">
        <v>79</v>
      </c>
      <c r="C1331" s="3">
        <v>10</v>
      </c>
      <c r="D1331" s="52" t="s">
        <v>87</v>
      </c>
      <c r="E1331" s="52" t="s">
        <v>26</v>
      </c>
      <c r="F1331" s="52" t="s">
        <v>81</v>
      </c>
      <c r="G1331" s="52" t="s">
        <v>82</v>
      </c>
      <c r="H1331" s="4">
        <v>1</v>
      </c>
      <c r="I1331" s="2">
        <v>14.65</v>
      </c>
      <c r="J1331" s="52" t="s">
        <v>4548</v>
      </c>
      <c r="K1331" s="71" t="s">
        <v>4549</v>
      </c>
      <c r="L1331" s="52" t="s">
        <v>2063</v>
      </c>
      <c r="M1331" s="72">
        <v>4930</v>
      </c>
      <c r="N1331" s="52" t="s">
        <v>2066</v>
      </c>
      <c r="O1331" s="52" t="s">
        <v>2067</v>
      </c>
      <c r="P1331" s="52"/>
      <c r="Q1331" s="52"/>
      <c r="R1331" s="52"/>
      <c r="S1331" s="52"/>
      <c r="T1331" s="52"/>
      <c r="U1331" s="52"/>
      <c r="V1331" s="52"/>
      <c r="W1331" s="52"/>
    </row>
    <row r="1332" spans="1:23" hidden="1" x14ac:dyDescent="0.35">
      <c r="A1332" s="52" t="s">
        <v>78</v>
      </c>
      <c r="B1332" s="52" t="s">
        <v>79</v>
      </c>
      <c r="C1332" s="3">
        <v>20</v>
      </c>
      <c r="D1332" s="52" t="s">
        <v>2023</v>
      </c>
      <c r="E1332" s="52" t="s">
        <v>26</v>
      </c>
      <c r="F1332" s="52" t="s">
        <v>81</v>
      </c>
      <c r="G1332" s="52" t="s">
        <v>82</v>
      </c>
      <c r="H1332" s="4">
        <v>1</v>
      </c>
      <c r="I1332" s="2">
        <v>14.65</v>
      </c>
      <c r="J1332" s="52" t="s">
        <v>4550</v>
      </c>
      <c r="K1332" s="71" t="s">
        <v>4551</v>
      </c>
      <c r="L1332" s="52" t="s">
        <v>2063</v>
      </c>
      <c r="M1332" s="72">
        <v>2604</v>
      </c>
      <c r="N1332" s="52" t="s">
        <v>2072</v>
      </c>
      <c r="O1332" s="52" t="s">
        <v>2073</v>
      </c>
      <c r="P1332" s="52"/>
      <c r="Q1332" s="52"/>
      <c r="R1332" s="52"/>
      <c r="S1332" s="52"/>
      <c r="T1332" s="52"/>
      <c r="U1332" s="52"/>
      <c r="V1332" s="52"/>
      <c r="W1332" s="52"/>
    </row>
    <row r="1333" spans="1:23" hidden="1" x14ac:dyDescent="0.35">
      <c r="A1333" s="52" t="s">
        <v>78</v>
      </c>
      <c r="B1333" s="52" t="s">
        <v>79</v>
      </c>
      <c r="C1333" s="3">
        <v>20</v>
      </c>
      <c r="D1333" s="52" t="s">
        <v>2024</v>
      </c>
      <c r="E1333" s="52" t="s">
        <v>26</v>
      </c>
      <c r="F1333" s="52" t="s">
        <v>81</v>
      </c>
      <c r="G1333" s="52" t="s">
        <v>82</v>
      </c>
      <c r="H1333" s="4">
        <v>1</v>
      </c>
      <c r="I1333" s="2">
        <v>14.65</v>
      </c>
      <c r="J1333" s="52" t="s">
        <v>4552</v>
      </c>
      <c r="K1333" s="71" t="s">
        <v>4553</v>
      </c>
      <c r="L1333" s="52" t="s">
        <v>2063</v>
      </c>
      <c r="M1333" s="72">
        <v>2632</v>
      </c>
      <c r="N1333" s="52" t="s">
        <v>2066</v>
      </c>
      <c r="O1333" s="52" t="s">
        <v>2067</v>
      </c>
      <c r="P1333" s="52"/>
      <c r="Q1333" s="52"/>
      <c r="R1333" s="52"/>
      <c r="S1333" s="52"/>
      <c r="T1333" s="52"/>
      <c r="U1333" s="52"/>
      <c r="V1333" s="52"/>
      <c r="W1333" s="52"/>
    </row>
    <row r="1334" spans="1:23" hidden="1" x14ac:dyDescent="0.35">
      <c r="A1334" s="52" t="s">
        <v>78</v>
      </c>
      <c r="B1334" s="52" t="s">
        <v>79</v>
      </c>
      <c r="C1334" s="3">
        <v>20</v>
      </c>
      <c r="D1334" s="52" t="s">
        <v>2021</v>
      </c>
      <c r="E1334" s="52" t="s">
        <v>26</v>
      </c>
      <c r="F1334" s="52" t="s">
        <v>81</v>
      </c>
      <c r="G1334" s="52" t="s">
        <v>82</v>
      </c>
      <c r="H1334" s="4">
        <v>1</v>
      </c>
      <c r="I1334" s="2">
        <v>14.65</v>
      </c>
      <c r="J1334" s="52" t="s">
        <v>4554</v>
      </c>
      <c r="K1334" s="71" t="s">
        <v>4555</v>
      </c>
      <c r="L1334" s="52" t="s">
        <v>2063</v>
      </c>
      <c r="M1334" s="72">
        <v>3423</v>
      </c>
      <c r="N1334" s="52" t="s">
        <v>2072</v>
      </c>
      <c r="O1334" s="52" t="s">
        <v>2073</v>
      </c>
      <c r="P1334" s="52"/>
      <c r="Q1334" s="52"/>
      <c r="R1334" s="52"/>
      <c r="S1334" s="52"/>
      <c r="T1334" s="52"/>
      <c r="U1334" s="52"/>
      <c r="V1334" s="52"/>
      <c r="W1334" s="52"/>
    </row>
    <row r="1335" spans="1:23" hidden="1" x14ac:dyDescent="0.35">
      <c r="A1335" s="52" t="s">
        <v>78</v>
      </c>
      <c r="B1335" s="52" t="s">
        <v>79</v>
      </c>
      <c r="C1335" s="3">
        <v>20</v>
      </c>
      <c r="D1335" s="52" t="s">
        <v>83</v>
      </c>
      <c r="E1335" s="52" t="s">
        <v>26</v>
      </c>
      <c r="F1335" s="52" t="s">
        <v>81</v>
      </c>
      <c r="G1335" s="52" t="s">
        <v>82</v>
      </c>
      <c r="H1335" s="4">
        <v>1</v>
      </c>
      <c r="I1335" s="2">
        <v>14.65</v>
      </c>
      <c r="J1335" s="52" t="s">
        <v>4556</v>
      </c>
      <c r="K1335" s="71" t="s">
        <v>4557</v>
      </c>
      <c r="L1335" s="52" t="s">
        <v>2063</v>
      </c>
      <c r="M1335" s="72">
        <v>1615</v>
      </c>
      <c r="N1335" s="52" t="s">
        <v>2072</v>
      </c>
      <c r="O1335" s="52" t="s">
        <v>2073</v>
      </c>
      <c r="P1335" s="52"/>
      <c r="Q1335" s="52"/>
      <c r="R1335" s="52"/>
      <c r="S1335" s="52"/>
      <c r="T1335" s="52"/>
      <c r="U1335" s="52"/>
      <c r="V1335" s="52"/>
      <c r="W1335" s="52"/>
    </row>
    <row r="1336" spans="1:23" hidden="1" x14ac:dyDescent="0.35">
      <c r="A1336" s="52" t="s">
        <v>78</v>
      </c>
      <c r="B1336" s="52" t="s">
        <v>79</v>
      </c>
      <c r="C1336" s="3">
        <v>20</v>
      </c>
      <c r="D1336" s="52" t="s">
        <v>2024</v>
      </c>
      <c r="E1336" s="52" t="s">
        <v>26</v>
      </c>
      <c r="F1336" s="52" t="s">
        <v>81</v>
      </c>
      <c r="G1336" s="52" t="s">
        <v>82</v>
      </c>
      <c r="H1336" s="4">
        <v>1</v>
      </c>
      <c r="I1336" s="2">
        <v>14.65</v>
      </c>
      <c r="J1336" s="52" t="s">
        <v>4558</v>
      </c>
      <c r="K1336" s="71" t="s">
        <v>4559</v>
      </c>
      <c r="L1336" s="52" t="s">
        <v>2063</v>
      </c>
      <c r="M1336" s="72">
        <v>8988</v>
      </c>
      <c r="N1336" s="52"/>
      <c r="O1336" s="52"/>
      <c r="P1336" s="52"/>
      <c r="Q1336" s="52"/>
      <c r="R1336" s="52"/>
      <c r="S1336" s="52"/>
      <c r="T1336" s="52"/>
      <c r="U1336" s="52"/>
      <c r="V1336" s="52"/>
      <c r="W1336" s="52"/>
    </row>
    <row r="1337" spans="1:23" x14ac:dyDescent="0.35">
      <c r="A1337" s="52" t="s">
        <v>78</v>
      </c>
      <c r="B1337" s="52" t="s">
        <v>79</v>
      </c>
      <c r="C1337" s="3">
        <v>20</v>
      </c>
      <c r="D1337" s="52" t="s">
        <v>2024</v>
      </c>
      <c r="E1337" s="52" t="s">
        <v>26</v>
      </c>
      <c r="F1337" s="52" t="s">
        <v>81</v>
      </c>
      <c r="G1337" s="52" t="s">
        <v>82</v>
      </c>
      <c r="H1337" s="4">
        <v>1</v>
      </c>
      <c r="I1337" s="2">
        <v>14.65</v>
      </c>
      <c r="J1337" s="52" t="s">
        <v>4560</v>
      </c>
      <c r="K1337" s="71" t="s">
        <v>4561</v>
      </c>
      <c r="L1337" s="52" t="s">
        <v>2063</v>
      </c>
      <c r="M1337" s="72">
        <v>5840</v>
      </c>
      <c r="N1337" s="52" t="s">
        <v>2259</v>
      </c>
      <c r="O1337" s="52" t="s">
        <v>2260</v>
      </c>
      <c r="P1337" s="52"/>
      <c r="Q1337" s="52"/>
      <c r="R1337" s="52"/>
      <c r="S1337" s="52"/>
      <c r="T1337" s="52"/>
      <c r="U1337" s="52"/>
      <c r="V1337" s="52"/>
      <c r="W1337" s="52"/>
    </row>
    <row r="1338" spans="1:23" hidden="1" x14ac:dyDescent="0.35">
      <c r="A1338" s="52" t="s">
        <v>78</v>
      </c>
      <c r="B1338" s="52" t="s">
        <v>79</v>
      </c>
      <c r="C1338" s="3">
        <v>20</v>
      </c>
      <c r="D1338" s="52" t="s">
        <v>80</v>
      </c>
      <c r="E1338" s="52" t="s">
        <v>26</v>
      </c>
      <c r="F1338" s="52" t="s">
        <v>81</v>
      </c>
      <c r="G1338" s="52" t="s">
        <v>82</v>
      </c>
      <c r="H1338" s="4">
        <v>1</v>
      </c>
      <c r="I1338" s="2">
        <v>14.65</v>
      </c>
      <c r="J1338" s="52" t="s">
        <v>4562</v>
      </c>
      <c r="K1338" s="71" t="s">
        <v>4563</v>
      </c>
      <c r="L1338" s="52" t="s">
        <v>2063</v>
      </c>
      <c r="M1338" s="72">
        <v>4436</v>
      </c>
      <c r="N1338" s="52" t="s">
        <v>2072</v>
      </c>
      <c r="O1338" s="52" t="s">
        <v>2073</v>
      </c>
      <c r="P1338" s="52"/>
      <c r="Q1338" s="52"/>
      <c r="R1338" s="52"/>
      <c r="S1338" s="52"/>
      <c r="T1338" s="52"/>
      <c r="U1338" s="52"/>
      <c r="V1338" s="52"/>
      <c r="W1338" s="52"/>
    </row>
    <row r="1339" spans="1:23" hidden="1" x14ac:dyDescent="0.35">
      <c r="A1339" s="52" t="s">
        <v>78</v>
      </c>
      <c r="B1339" s="52" t="s">
        <v>79</v>
      </c>
      <c r="C1339" s="3">
        <v>20</v>
      </c>
      <c r="D1339" s="52" t="s">
        <v>2024</v>
      </c>
      <c r="E1339" s="52" t="s">
        <v>26</v>
      </c>
      <c r="F1339" s="52" t="s">
        <v>81</v>
      </c>
      <c r="G1339" s="52" t="s">
        <v>82</v>
      </c>
      <c r="H1339" s="4">
        <v>1</v>
      </c>
      <c r="I1339" s="2">
        <v>14.65</v>
      </c>
      <c r="J1339" s="52" t="s">
        <v>4298</v>
      </c>
      <c r="K1339" s="71" t="s">
        <v>4564</v>
      </c>
      <c r="L1339" s="52" t="s">
        <v>2063</v>
      </c>
      <c r="M1339" s="72">
        <v>7912</v>
      </c>
      <c r="N1339" s="52" t="s">
        <v>2072</v>
      </c>
      <c r="O1339" s="52" t="s">
        <v>2073</v>
      </c>
      <c r="P1339" s="52"/>
      <c r="Q1339" s="52"/>
      <c r="R1339" s="52"/>
      <c r="S1339" s="52"/>
      <c r="T1339" s="52"/>
      <c r="U1339" s="52"/>
      <c r="V1339" s="52"/>
      <c r="W1339" s="52"/>
    </row>
    <row r="1340" spans="1:23" hidden="1" x14ac:dyDescent="0.35">
      <c r="A1340" s="52" t="s">
        <v>78</v>
      </c>
      <c r="B1340" s="52" t="s">
        <v>79</v>
      </c>
      <c r="C1340" s="3">
        <v>20</v>
      </c>
      <c r="D1340" s="52" t="s">
        <v>80</v>
      </c>
      <c r="E1340" s="52" t="s">
        <v>26</v>
      </c>
      <c r="F1340" s="52" t="s">
        <v>81</v>
      </c>
      <c r="G1340" s="52" t="s">
        <v>82</v>
      </c>
      <c r="H1340" s="4">
        <v>1</v>
      </c>
      <c r="I1340" s="2">
        <v>14.65</v>
      </c>
      <c r="J1340" s="52" t="s">
        <v>4126</v>
      </c>
      <c r="K1340" s="71" t="s">
        <v>4565</v>
      </c>
      <c r="L1340" s="52" t="s">
        <v>2063</v>
      </c>
      <c r="M1340" s="72">
        <v>2699</v>
      </c>
      <c r="N1340" s="52"/>
      <c r="O1340" s="52"/>
      <c r="P1340" s="52"/>
      <c r="Q1340" s="52"/>
      <c r="R1340" s="52"/>
      <c r="S1340" s="52"/>
      <c r="T1340" s="52"/>
      <c r="U1340" s="52"/>
      <c r="V1340" s="52"/>
      <c r="W1340" s="52"/>
    </row>
    <row r="1341" spans="1:23" hidden="1" x14ac:dyDescent="0.35">
      <c r="A1341" s="52" t="s">
        <v>78</v>
      </c>
      <c r="B1341" s="52" t="s">
        <v>79</v>
      </c>
      <c r="C1341" s="3">
        <v>20</v>
      </c>
      <c r="D1341" s="52" t="s">
        <v>80</v>
      </c>
      <c r="E1341" s="52" t="s">
        <v>26</v>
      </c>
      <c r="F1341" s="52" t="s">
        <v>81</v>
      </c>
      <c r="G1341" s="52" t="s">
        <v>82</v>
      </c>
      <c r="H1341" s="4">
        <v>1</v>
      </c>
      <c r="I1341" s="2">
        <v>14.65</v>
      </c>
      <c r="J1341" s="52" t="s">
        <v>4119</v>
      </c>
      <c r="K1341" s="71" t="s">
        <v>4566</v>
      </c>
      <c r="L1341" s="52" t="s">
        <v>2063</v>
      </c>
      <c r="M1341" s="72">
        <v>1194</v>
      </c>
      <c r="N1341" s="52" t="s">
        <v>2072</v>
      </c>
      <c r="O1341" s="52" t="s">
        <v>2073</v>
      </c>
      <c r="P1341" s="52"/>
      <c r="Q1341" s="52"/>
      <c r="R1341" s="52"/>
      <c r="S1341" s="52"/>
      <c r="T1341" s="52"/>
      <c r="U1341" s="52"/>
      <c r="V1341" s="52"/>
      <c r="W1341" s="52"/>
    </row>
    <row r="1342" spans="1:23" x14ac:dyDescent="0.35">
      <c r="A1342" s="52" t="s">
        <v>78</v>
      </c>
      <c r="B1342" s="52" t="s">
        <v>79</v>
      </c>
      <c r="C1342" s="3">
        <v>20</v>
      </c>
      <c r="D1342" s="52" t="s">
        <v>2024</v>
      </c>
      <c r="E1342" s="52" t="s">
        <v>26</v>
      </c>
      <c r="F1342" s="52" t="s">
        <v>81</v>
      </c>
      <c r="G1342" s="52" t="s">
        <v>82</v>
      </c>
      <c r="H1342" s="4">
        <v>1</v>
      </c>
      <c r="I1342" s="2">
        <v>14.65</v>
      </c>
      <c r="J1342" s="52" t="s">
        <v>4567</v>
      </c>
      <c r="K1342" s="71" t="s">
        <v>4568</v>
      </c>
      <c r="L1342" s="52" t="s">
        <v>2063</v>
      </c>
      <c r="M1342" s="72">
        <v>2903</v>
      </c>
      <c r="N1342" s="52" t="s">
        <v>2076</v>
      </c>
      <c r="O1342" s="52" t="s">
        <v>2077</v>
      </c>
      <c r="P1342" s="52"/>
      <c r="Q1342" s="52"/>
      <c r="R1342" s="52"/>
      <c r="S1342" s="52"/>
      <c r="T1342" s="52"/>
      <c r="U1342" s="52"/>
      <c r="V1342" s="52"/>
      <c r="W1342" s="52"/>
    </row>
    <row r="1343" spans="1:23" hidden="1" x14ac:dyDescent="0.35">
      <c r="A1343" s="52" t="s">
        <v>78</v>
      </c>
      <c r="B1343" s="52" t="s">
        <v>79</v>
      </c>
      <c r="C1343" s="3">
        <v>20</v>
      </c>
      <c r="D1343" s="52" t="s">
        <v>2021</v>
      </c>
      <c r="E1343" s="52" t="s">
        <v>26</v>
      </c>
      <c r="F1343" s="52" t="s">
        <v>81</v>
      </c>
      <c r="G1343" s="52" t="s">
        <v>82</v>
      </c>
      <c r="H1343" s="4">
        <v>1</v>
      </c>
      <c r="I1343" s="2">
        <v>14.65</v>
      </c>
      <c r="J1343" s="52" t="s">
        <v>4569</v>
      </c>
      <c r="K1343" s="71" t="s">
        <v>4570</v>
      </c>
      <c r="L1343" s="52" t="s">
        <v>2063</v>
      </c>
      <c r="M1343" s="72">
        <v>1451</v>
      </c>
      <c r="N1343" s="52"/>
      <c r="O1343" s="52"/>
      <c r="P1343" s="52"/>
      <c r="Q1343" s="52"/>
      <c r="R1343" s="52"/>
      <c r="S1343" s="52"/>
      <c r="T1343" s="52"/>
      <c r="U1343" s="52"/>
      <c r="V1343" s="52"/>
      <c r="W1343" s="52"/>
    </row>
    <row r="1344" spans="1:23" hidden="1" x14ac:dyDescent="0.35">
      <c r="A1344" s="52" t="s">
        <v>78</v>
      </c>
      <c r="B1344" s="52" t="s">
        <v>79</v>
      </c>
      <c r="C1344" s="3">
        <v>10</v>
      </c>
      <c r="D1344" s="52" t="s">
        <v>2019</v>
      </c>
      <c r="E1344" s="52" t="s">
        <v>26</v>
      </c>
      <c r="F1344" s="52" t="s">
        <v>81</v>
      </c>
      <c r="G1344" s="52" t="s">
        <v>82</v>
      </c>
      <c r="H1344" s="4">
        <v>1</v>
      </c>
      <c r="I1344" s="2">
        <v>14.65</v>
      </c>
      <c r="J1344" s="52" t="s">
        <v>4571</v>
      </c>
      <c r="K1344" s="71" t="s">
        <v>4572</v>
      </c>
      <c r="L1344" s="52" t="s">
        <v>2063</v>
      </c>
      <c r="M1344" s="72">
        <v>6720</v>
      </c>
      <c r="N1344" s="52"/>
      <c r="O1344" s="52"/>
      <c r="P1344" s="52"/>
      <c r="Q1344" s="52"/>
      <c r="R1344" s="52"/>
      <c r="S1344" s="52"/>
      <c r="T1344" s="52"/>
      <c r="U1344" s="52"/>
      <c r="V1344" s="52"/>
      <c r="W1344" s="52"/>
    </row>
    <row r="1345" spans="1:23" hidden="1" x14ac:dyDescent="0.35">
      <c r="A1345" s="52" t="s">
        <v>78</v>
      </c>
      <c r="B1345" s="52" t="s">
        <v>79</v>
      </c>
      <c r="C1345" s="3">
        <v>20</v>
      </c>
      <c r="D1345" s="52" t="s">
        <v>85</v>
      </c>
      <c r="E1345" s="52" t="s">
        <v>26</v>
      </c>
      <c r="F1345" s="52" t="s">
        <v>81</v>
      </c>
      <c r="G1345" s="52" t="s">
        <v>82</v>
      </c>
      <c r="H1345" s="4">
        <v>1</v>
      </c>
      <c r="I1345" s="2">
        <v>14.65</v>
      </c>
      <c r="J1345" s="52" t="s">
        <v>4573</v>
      </c>
      <c r="K1345" s="71" t="s">
        <v>4574</v>
      </c>
      <c r="L1345" s="52" t="s">
        <v>2063</v>
      </c>
      <c r="M1345" s="72">
        <v>8885</v>
      </c>
      <c r="N1345" s="52" t="s">
        <v>2072</v>
      </c>
      <c r="O1345" s="52" t="s">
        <v>2073</v>
      </c>
      <c r="P1345" s="52"/>
      <c r="Q1345" s="52"/>
      <c r="R1345" s="52"/>
      <c r="S1345" s="52"/>
      <c r="T1345" s="52"/>
      <c r="U1345" s="52"/>
      <c r="V1345" s="52"/>
      <c r="W1345" s="52"/>
    </row>
    <row r="1346" spans="1:23" x14ac:dyDescent="0.35">
      <c r="A1346" s="52" t="s">
        <v>78</v>
      </c>
      <c r="B1346" s="52" t="s">
        <v>79</v>
      </c>
      <c r="C1346" s="3">
        <v>20</v>
      </c>
      <c r="D1346" s="52" t="s">
        <v>87</v>
      </c>
      <c r="E1346" s="52" t="s">
        <v>26</v>
      </c>
      <c r="F1346" s="52" t="s">
        <v>81</v>
      </c>
      <c r="G1346" s="52" t="s">
        <v>82</v>
      </c>
      <c r="H1346" s="4">
        <v>1</v>
      </c>
      <c r="I1346" s="2">
        <v>14.65</v>
      </c>
      <c r="J1346" s="52" t="s">
        <v>4575</v>
      </c>
      <c r="K1346" s="71" t="s">
        <v>4576</v>
      </c>
      <c r="L1346" s="52" t="s">
        <v>2063</v>
      </c>
      <c r="M1346" s="72">
        <v>5379</v>
      </c>
      <c r="N1346" s="52" t="s">
        <v>2238</v>
      </c>
      <c r="O1346" s="52" t="s">
        <v>2239</v>
      </c>
      <c r="P1346" s="52"/>
      <c r="Q1346" s="52"/>
      <c r="R1346" s="52"/>
      <c r="S1346" s="52"/>
      <c r="T1346" s="52"/>
      <c r="U1346" s="52"/>
      <c r="V1346" s="52"/>
      <c r="W1346" s="52"/>
    </row>
    <row r="1347" spans="1:23" hidden="1" x14ac:dyDescent="0.35">
      <c r="A1347" s="52" t="s">
        <v>78</v>
      </c>
      <c r="B1347" s="52" t="s">
        <v>79</v>
      </c>
      <c r="C1347" s="3">
        <v>20</v>
      </c>
      <c r="D1347" s="52" t="s">
        <v>86</v>
      </c>
      <c r="E1347" s="52" t="s">
        <v>26</v>
      </c>
      <c r="F1347" s="52" t="s">
        <v>81</v>
      </c>
      <c r="G1347" s="52" t="s">
        <v>82</v>
      </c>
      <c r="H1347" s="4">
        <v>1</v>
      </c>
      <c r="I1347" s="2">
        <v>14.65</v>
      </c>
      <c r="J1347" s="52" t="s">
        <v>4577</v>
      </c>
      <c r="K1347" s="71" t="s">
        <v>4578</v>
      </c>
      <c r="L1347" s="52" t="s">
        <v>2063</v>
      </c>
      <c r="M1347" s="72">
        <v>4943</v>
      </c>
      <c r="N1347" s="52" t="s">
        <v>3580</v>
      </c>
      <c r="O1347" s="52" t="s">
        <v>3581</v>
      </c>
      <c r="P1347" s="52"/>
      <c r="Q1347" s="52"/>
      <c r="R1347" s="52"/>
      <c r="S1347" s="52"/>
      <c r="T1347" s="52"/>
      <c r="U1347" s="52"/>
      <c r="V1347" s="52"/>
      <c r="W1347" s="52"/>
    </row>
    <row r="1348" spans="1:23" x14ac:dyDescent="0.35">
      <c r="A1348" s="52" t="s">
        <v>78</v>
      </c>
      <c r="B1348" s="52" t="s">
        <v>79</v>
      </c>
      <c r="C1348" s="3">
        <v>20</v>
      </c>
      <c r="D1348" s="52" t="s">
        <v>80</v>
      </c>
      <c r="E1348" s="52" t="s">
        <v>26</v>
      </c>
      <c r="F1348" s="52" t="s">
        <v>81</v>
      </c>
      <c r="G1348" s="52" t="s">
        <v>82</v>
      </c>
      <c r="H1348" s="4">
        <v>1</v>
      </c>
      <c r="I1348" s="2">
        <v>14.65</v>
      </c>
      <c r="J1348" s="52" t="s">
        <v>4128</v>
      </c>
      <c r="K1348" s="71" t="s">
        <v>4579</v>
      </c>
      <c r="L1348" s="52" t="s">
        <v>2063</v>
      </c>
      <c r="M1348" s="72">
        <v>1500</v>
      </c>
      <c r="N1348" s="52" t="s">
        <v>2259</v>
      </c>
      <c r="O1348" s="52" t="s">
        <v>2260</v>
      </c>
      <c r="P1348" s="52"/>
      <c r="Q1348" s="52"/>
      <c r="R1348" s="52"/>
      <c r="S1348" s="52"/>
      <c r="T1348" s="52"/>
      <c r="U1348" s="52"/>
      <c r="V1348" s="52"/>
      <c r="W1348" s="52"/>
    </row>
    <row r="1349" spans="1:23" hidden="1" x14ac:dyDescent="0.35">
      <c r="A1349" s="52" t="s">
        <v>78</v>
      </c>
      <c r="B1349" s="52" t="s">
        <v>79</v>
      </c>
      <c r="C1349" s="3">
        <v>10</v>
      </c>
      <c r="D1349" s="52" t="s">
        <v>2022</v>
      </c>
      <c r="E1349" s="52" t="s">
        <v>26</v>
      </c>
      <c r="F1349" s="52" t="s">
        <v>81</v>
      </c>
      <c r="G1349" s="52" t="s">
        <v>82</v>
      </c>
      <c r="H1349" s="4">
        <v>1</v>
      </c>
      <c r="I1349" s="2">
        <v>14.65</v>
      </c>
      <c r="J1349" s="52" t="s">
        <v>4409</v>
      </c>
      <c r="K1349" s="71" t="s">
        <v>4580</v>
      </c>
      <c r="L1349" s="52" t="s">
        <v>2063</v>
      </c>
      <c r="M1349" s="72">
        <v>7680</v>
      </c>
      <c r="N1349" s="52"/>
      <c r="O1349" s="52"/>
      <c r="P1349" s="52"/>
      <c r="Q1349" s="52"/>
      <c r="R1349" s="52"/>
      <c r="S1349" s="52"/>
      <c r="T1349" s="52"/>
      <c r="U1349" s="52"/>
      <c r="V1349" s="52"/>
      <c r="W1349" s="52"/>
    </row>
    <row r="1350" spans="1:23" hidden="1" x14ac:dyDescent="0.35">
      <c r="A1350" s="52" t="s">
        <v>78</v>
      </c>
      <c r="B1350" s="52" t="s">
        <v>79</v>
      </c>
      <c r="C1350" s="3">
        <v>10</v>
      </c>
      <c r="D1350" s="52" t="s">
        <v>2023</v>
      </c>
      <c r="E1350" s="52" t="s">
        <v>26</v>
      </c>
      <c r="F1350" s="52" t="s">
        <v>81</v>
      </c>
      <c r="G1350" s="52" t="s">
        <v>82</v>
      </c>
      <c r="H1350" s="4">
        <v>1</v>
      </c>
      <c r="I1350" s="2">
        <v>14.65</v>
      </c>
      <c r="J1350" s="52" t="s">
        <v>4581</v>
      </c>
      <c r="K1350" s="71" t="s">
        <v>4582</v>
      </c>
      <c r="L1350" s="52" t="s">
        <v>2063</v>
      </c>
      <c r="M1350" s="72">
        <v>3676</v>
      </c>
      <c r="N1350" s="52" t="s">
        <v>2158</v>
      </c>
      <c r="O1350" s="52" t="s">
        <v>2159</v>
      </c>
      <c r="P1350" s="52"/>
      <c r="Q1350" s="52"/>
      <c r="R1350" s="52"/>
      <c r="S1350" s="52"/>
      <c r="T1350" s="52"/>
      <c r="U1350" s="52"/>
      <c r="V1350" s="52"/>
      <c r="W1350" s="52"/>
    </row>
    <row r="1351" spans="1:23" x14ac:dyDescent="0.35">
      <c r="A1351" s="52" t="s">
        <v>78</v>
      </c>
      <c r="B1351" s="52" t="s">
        <v>79</v>
      </c>
      <c r="C1351" s="3">
        <v>10</v>
      </c>
      <c r="D1351" s="52" t="s">
        <v>2019</v>
      </c>
      <c r="E1351" s="52" t="s">
        <v>26</v>
      </c>
      <c r="F1351" s="52" t="s">
        <v>81</v>
      </c>
      <c r="G1351" s="52" t="s">
        <v>82</v>
      </c>
      <c r="H1351" s="4">
        <v>1</v>
      </c>
      <c r="I1351" s="2">
        <v>14.65</v>
      </c>
      <c r="J1351" s="52" t="s">
        <v>3366</v>
      </c>
      <c r="K1351" s="71" t="s">
        <v>4583</v>
      </c>
      <c r="L1351" s="52" t="s">
        <v>2063</v>
      </c>
      <c r="M1351" s="72">
        <v>693</v>
      </c>
      <c r="N1351" s="52" t="s">
        <v>2259</v>
      </c>
      <c r="O1351" s="52" t="s">
        <v>2260</v>
      </c>
      <c r="P1351" s="52"/>
      <c r="Q1351" s="52"/>
      <c r="R1351" s="52"/>
      <c r="S1351" s="52"/>
      <c r="T1351" s="52"/>
      <c r="U1351" s="52"/>
      <c r="V1351" s="52"/>
      <c r="W1351" s="52"/>
    </row>
    <row r="1352" spans="1:23" hidden="1" x14ac:dyDescent="0.35">
      <c r="A1352" s="52" t="s">
        <v>78</v>
      </c>
      <c r="B1352" s="52" t="s">
        <v>79</v>
      </c>
      <c r="C1352" s="3">
        <v>10</v>
      </c>
      <c r="D1352" s="52" t="s">
        <v>2021</v>
      </c>
      <c r="E1352" s="52" t="s">
        <v>26</v>
      </c>
      <c r="F1352" s="52" t="s">
        <v>81</v>
      </c>
      <c r="G1352" s="52" t="s">
        <v>82</v>
      </c>
      <c r="H1352" s="4">
        <v>1</v>
      </c>
      <c r="I1352" s="2">
        <v>14.65</v>
      </c>
      <c r="J1352" s="52" t="s">
        <v>4584</v>
      </c>
      <c r="K1352" s="71" t="s">
        <v>4585</v>
      </c>
      <c r="L1352" s="52" t="s">
        <v>2063</v>
      </c>
      <c r="M1352" s="72">
        <v>9804</v>
      </c>
      <c r="N1352" s="52" t="s">
        <v>2066</v>
      </c>
      <c r="O1352" s="52" t="s">
        <v>2067</v>
      </c>
      <c r="P1352" s="52"/>
      <c r="Q1352" s="52"/>
      <c r="R1352" s="52"/>
      <c r="S1352" s="52"/>
      <c r="T1352" s="52"/>
      <c r="U1352" s="52"/>
      <c r="V1352" s="52"/>
      <c r="W1352" s="52"/>
    </row>
    <row r="1353" spans="1:23" hidden="1" x14ac:dyDescent="0.35">
      <c r="A1353" s="52" t="s">
        <v>78</v>
      </c>
      <c r="B1353" s="52" t="s">
        <v>79</v>
      </c>
      <c r="C1353" s="3">
        <v>20</v>
      </c>
      <c r="D1353" s="52" t="s">
        <v>2021</v>
      </c>
      <c r="E1353" s="52" t="s">
        <v>26</v>
      </c>
      <c r="F1353" s="52" t="s">
        <v>81</v>
      </c>
      <c r="G1353" s="52" t="s">
        <v>82</v>
      </c>
      <c r="H1353" s="4">
        <v>1</v>
      </c>
      <c r="I1353" s="2">
        <v>14.65</v>
      </c>
      <c r="J1353" s="52" t="s">
        <v>4586</v>
      </c>
      <c r="K1353" s="71" t="s">
        <v>4587</v>
      </c>
      <c r="L1353" s="52" t="s">
        <v>2063</v>
      </c>
      <c r="M1353" s="72">
        <v>9223</v>
      </c>
      <c r="N1353" s="52" t="s">
        <v>2072</v>
      </c>
      <c r="O1353" s="52" t="s">
        <v>2073</v>
      </c>
      <c r="P1353" s="52"/>
      <c r="Q1353" s="52"/>
      <c r="R1353" s="52"/>
      <c r="S1353" s="52"/>
      <c r="T1353" s="52"/>
      <c r="U1353" s="52"/>
      <c r="V1353" s="52"/>
      <c r="W1353" s="52"/>
    </row>
    <row r="1354" spans="1:23" hidden="1" x14ac:dyDescent="0.35">
      <c r="A1354" s="52" t="s">
        <v>78</v>
      </c>
      <c r="B1354" s="52" t="s">
        <v>79</v>
      </c>
      <c r="C1354" s="3">
        <v>212</v>
      </c>
      <c r="D1354" s="52" t="s">
        <v>84</v>
      </c>
      <c r="E1354" s="52" t="s">
        <v>26</v>
      </c>
      <c r="F1354" s="52" t="s">
        <v>81</v>
      </c>
      <c r="G1354" s="52" t="s">
        <v>82</v>
      </c>
      <c r="H1354" s="4">
        <v>1</v>
      </c>
      <c r="I1354" s="2">
        <v>14.65</v>
      </c>
      <c r="J1354" s="52" t="s">
        <v>4588</v>
      </c>
      <c r="K1354" s="71" t="s">
        <v>4589</v>
      </c>
      <c r="L1354" s="52" t="s">
        <v>2063</v>
      </c>
      <c r="M1354" s="72">
        <v>1720</v>
      </c>
      <c r="N1354" s="52" t="s">
        <v>2066</v>
      </c>
      <c r="O1354" s="52" t="s">
        <v>2067</v>
      </c>
      <c r="P1354" s="52"/>
      <c r="Q1354" s="52"/>
      <c r="R1354" s="52"/>
      <c r="S1354" s="52"/>
      <c r="T1354" s="52"/>
      <c r="U1354" s="52"/>
      <c r="V1354" s="52"/>
      <c r="W1354" s="52"/>
    </row>
    <row r="1355" spans="1:23" x14ac:dyDescent="0.35">
      <c r="A1355" s="52" t="s">
        <v>78</v>
      </c>
      <c r="B1355" s="52" t="s">
        <v>79</v>
      </c>
      <c r="C1355" s="3">
        <v>20</v>
      </c>
      <c r="D1355" s="52" t="s">
        <v>2019</v>
      </c>
      <c r="E1355" s="52" t="s">
        <v>26</v>
      </c>
      <c r="F1355" s="52" t="s">
        <v>81</v>
      </c>
      <c r="G1355" s="52" t="s">
        <v>82</v>
      </c>
      <c r="H1355" s="4">
        <v>1</v>
      </c>
      <c r="I1355" s="2">
        <v>14.65</v>
      </c>
      <c r="J1355" s="52" t="s">
        <v>4590</v>
      </c>
      <c r="K1355" s="71" t="s">
        <v>4591</v>
      </c>
      <c r="L1355" s="52" t="s">
        <v>2063</v>
      </c>
      <c r="M1355" s="72">
        <v>1982</v>
      </c>
      <c r="N1355" s="52" t="s">
        <v>2076</v>
      </c>
      <c r="O1355" s="52" t="s">
        <v>2077</v>
      </c>
      <c r="P1355" s="52"/>
      <c r="Q1355" s="52"/>
      <c r="R1355" s="52"/>
      <c r="S1355" s="52"/>
      <c r="T1355" s="52"/>
      <c r="U1355" s="52"/>
      <c r="V1355" s="52"/>
      <c r="W1355" s="52"/>
    </row>
    <row r="1356" spans="1:23" hidden="1" x14ac:dyDescent="0.35">
      <c r="A1356" s="52" t="s">
        <v>78</v>
      </c>
      <c r="B1356" s="52" t="s">
        <v>79</v>
      </c>
      <c r="C1356" s="3">
        <v>20</v>
      </c>
      <c r="D1356" s="52" t="s">
        <v>87</v>
      </c>
      <c r="E1356" s="52" t="s">
        <v>26</v>
      </c>
      <c r="F1356" s="52" t="s">
        <v>81</v>
      </c>
      <c r="G1356" s="52" t="s">
        <v>82</v>
      </c>
      <c r="H1356" s="4">
        <v>1</v>
      </c>
      <c r="I1356" s="2">
        <v>14.65</v>
      </c>
      <c r="J1356" s="52" t="s">
        <v>4592</v>
      </c>
      <c r="K1356" s="71" t="s">
        <v>4593</v>
      </c>
      <c r="L1356" s="52" t="s">
        <v>2063</v>
      </c>
      <c r="M1356" s="72">
        <v>6772</v>
      </c>
      <c r="N1356" s="52"/>
      <c r="O1356" s="52"/>
      <c r="P1356" s="52"/>
      <c r="Q1356" s="52"/>
      <c r="R1356" s="52"/>
      <c r="S1356" s="52"/>
      <c r="T1356" s="52"/>
      <c r="U1356" s="52"/>
      <c r="V1356" s="52"/>
      <c r="W1356" s="52"/>
    </row>
    <row r="1357" spans="1:23" hidden="1" x14ac:dyDescent="0.35">
      <c r="A1357" s="52" t="s">
        <v>78</v>
      </c>
      <c r="B1357" s="52" t="s">
        <v>79</v>
      </c>
      <c r="C1357" s="3">
        <v>20</v>
      </c>
      <c r="D1357" s="52" t="s">
        <v>85</v>
      </c>
      <c r="E1357" s="52" t="s">
        <v>26</v>
      </c>
      <c r="F1357" s="52" t="s">
        <v>81</v>
      </c>
      <c r="G1357" s="52" t="s">
        <v>82</v>
      </c>
      <c r="H1357" s="4">
        <v>1</v>
      </c>
      <c r="I1357" s="2">
        <v>14.65</v>
      </c>
      <c r="J1357" s="52" t="s">
        <v>4594</v>
      </c>
      <c r="K1357" s="71" t="s">
        <v>4595</v>
      </c>
      <c r="L1357" s="52" t="s">
        <v>2063</v>
      </c>
      <c r="M1357" s="72">
        <v>4486</v>
      </c>
      <c r="N1357" s="52" t="s">
        <v>2072</v>
      </c>
      <c r="O1357" s="52" t="s">
        <v>2073</v>
      </c>
      <c r="P1357" s="52"/>
      <c r="Q1357" s="52"/>
      <c r="R1357" s="52"/>
      <c r="S1357" s="52"/>
      <c r="T1357" s="52"/>
      <c r="U1357" s="52"/>
      <c r="V1357" s="52"/>
      <c r="W1357" s="52"/>
    </row>
    <row r="1358" spans="1:23" hidden="1" x14ac:dyDescent="0.35">
      <c r="A1358" s="52" t="s">
        <v>78</v>
      </c>
      <c r="B1358" s="52" t="s">
        <v>79</v>
      </c>
      <c r="C1358" s="3">
        <v>20</v>
      </c>
      <c r="D1358" s="52" t="s">
        <v>83</v>
      </c>
      <c r="E1358" s="52" t="s">
        <v>26</v>
      </c>
      <c r="F1358" s="52" t="s">
        <v>81</v>
      </c>
      <c r="G1358" s="52" t="s">
        <v>82</v>
      </c>
      <c r="H1358" s="4">
        <v>1</v>
      </c>
      <c r="I1358" s="2">
        <v>14.65</v>
      </c>
      <c r="J1358" s="52" t="s">
        <v>4596</v>
      </c>
      <c r="K1358" s="71" t="s">
        <v>4597</v>
      </c>
      <c r="L1358" s="52" t="s">
        <v>2063</v>
      </c>
      <c r="M1358" s="72">
        <v>7372</v>
      </c>
      <c r="N1358" s="52" t="s">
        <v>2072</v>
      </c>
      <c r="O1358" s="52" t="s">
        <v>2073</v>
      </c>
      <c r="P1358" s="52"/>
      <c r="Q1358" s="52"/>
      <c r="R1358" s="52"/>
      <c r="S1358" s="52"/>
      <c r="T1358" s="52"/>
      <c r="U1358" s="52"/>
      <c r="V1358" s="52"/>
      <c r="W1358" s="52"/>
    </row>
    <row r="1359" spans="1:23" hidden="1" x14ac:dyDescent="0.35">
      <c r="A1359" s="52" t="s">
        <v>78</v>
      </c>
      <c r="B1359" s="52" t="s">
        <v>79</v>
      </c>
      <c r="C1359" s="3">
        <v>211</v>
      </c>
      <c r="D1359" s="52" t="s">
        <v>2020</v>
      </c>
      <c r="E1359" s="52" t="s">
        <v>26</v>
      </c>
      <c r="F1359" s="52" t="s">
        <v>81</v>
      </c>
      <c r="G1359" s="52" t="s">
        <v>82</v>
      </c>
      <c r="H1359" s="4">
        <v>1</v>
      </c>
      <c r="I1359" s="2">
        <v>14.65</v>
      </c>
      <c r="J1359" s="52" t="s">
        <v>4517</v>
      </c>
      <c r="K1359" s="71" t="s">
        <v>4598</v>
      </c>
      <c r="L1359" s="52" t="s">
        <v>2095</v>
      </c>
      <c r="M1359" s="72">
        <v>9226</v>
      </c>
      <c r="N1359" s="52"/>
      <c r="O1359" s="52"/>
      <c r="P1359" s="52"/>
      <c r="Q1359" s="52"/>
      <c r="R1359" s="52"/>
      <c r="S1359" s="52"/>
      <c r="T1359" s="52"/>
      <c r="U1359" s="52"/>
      <c r="V1359" s="52"/>
      <c r="W1359" s="52"/>
    </row>
    <row r="1360" spans="1:23" hidden="1" x14ac:dyDescent="0.35">
      <c r="A1360" s="52" t="s">
        <v>78</v>
      </c>
      <c r="B1360" s="52" t="s">
        <v>79</v>
      </c>
      <c r="C1360" s="3">
        <v>10</v>
      </c>
      <c r="D1360" s="52" t="s">
        <v>2024</v>
      </c>
      <c r="E1360" s="52" t="s">
        <v>26</v>
      </c>
      <c r="F1360" s="52" t="s">
        <v>81</v>
      </c>
      <c r="G1360" s="52" t="s">
        <v>82</v>
      </c>
      <c r="H1360" s="4">
        <v>1</v>
      </c>
      <c r="I1360" s="2">
        <v>14.65</v>
      </c>
      <c r="J1360" s="52" t="s">
        <v>4599</v>
      </c>
      <c r="K1360" s="71" t="s">
        <v>4600</v>
      </c>
      <c r="L1360" s="52" t="s">
        <v>2063</v>
      </c>
      <c r="M1360" s="72">
        <v>2629</v>
      </c>
      <c r="N1360" s="52"/>
      <c r="O1360" s="52"/>
      <c r="P1360" s="52"/>
      <c r="Q1360" s="52"/>
      <c r="R1360" s="52"/>
      <c r="S1360" s="52"/>
      <c r="T1360" s="52"/>
      <c r="U1360" s="52"/>
      <c r="V1360" s="52"/>
      <c r="W1360" s="52"/>
    </row>
    <row r="1361" spans="1:23" hidden="1" x14ac:dyDescent="0.35">
      <c r="A1361" s="52" t="s">
        <v>78</v>
      </c>
      <c r="B1361" s="52" t="s">
        <v>79</v>
      </c>
      <c r="C1361" s="3">
        <v>20</v>
      </c>
      <c r="D1361" s="52" t="s">
        <v>80</v>
      </c>
      <c r="E1361" s="52" t="s">
        <v>26</v>
      </c>
      <c r="F1361" s="52" t="s">
        <v>81</v>
      </c>
      <c r="G1361" s="52" t="s">
        <v>82</v>
      </c>
      <c r="H1361" s="4">
        <v>1</v>
      </c>
      <c r="I1361" s="2">
        <v>14.65</v>
      </c>
      <c r="J1361" s="52" t="s">
        <v>4601</v>
      </c>
      <c r="K1361" s="71" t="s">
        <v>4602</v>
      </c>
      <c r="L1361" s="52" t="s">
        <v>2063</v>
      </c>
      <c r="M1361" s="72">
        <v>6528</v>
      </c>
      <c r="N1361" s="52" t="s">
        <v>2066</v>
      </c>
      <c r="O1361" s="52" t="s">
        <v>2067</v>
      </c>
      <c r="P1361" s="52"/>
      <c r="Q1361" s="52"/>
      <c r="R1361" s="52"/>
      <c r="S1361" s="52"/>
      <c r="T1361" s="52"/>
      <c r="U1361" s="52"/>
      <c r="V1361" s="52"/>
      <c r="W1361" s="52"/>
    </row>
    <row r="1362" spans="1:23" hidden="1" x14ac:dyDescent="0.35">
      <c r="A1362" s="52" t="s">
        <v>78</v>
      </c>
      <c r="B1362" s="52" t="s">
        <v>79</v>
      </c>
      <c r="C1362" s="3">
        <v>10</v>
      </c>
      <c r="D1362" s="52" t="s">
        <v>85</v>
      </c>
      <c r="E1362" s="52" t="s">
        <v>26</v>
      </c>
      <c r="F1362" s="52" t="s">
        <v>81</v>
      </c>
      <c r="G1362" s="52" t="s">
        <v>82</v>
      </c>
      <c r="H1362" s="4">
        <v>1</v>
      </c>
      <c r="I1362" s="2">
        <v>14.65</v>
      </c>
      <c r="J1362" s="52" t="s">
        <v>4603</v>
      </c>
      <c r="K1362" s="71" t="s">
        <v>4604</v>
      </c>
      <c r="L1362" s="52" t="s">
        <v>2063</v>
      </c>
      <c r="M1362" s="72">
        <v>1185</v>
      </c>
      <c r="N1362" s="52"/>
      <c r="O1362" s="52"/>
      <c r="P1362" s="52"/>
      <c r="Q1362" s="52"/>
      <c r="R1362" s="52"/>
      <c r="S1362" s="52"/>
      <c r="T1362" s="52"/>
      <c r="U1362" s="52"/>
      <c r="V1362" s="52"/>
      <c r="W1362" s="52"/>
    </row>
    <row r="1363" spans="1:23" hidden="1" x14ac:dyDescent="0.35">
      <c r="A1363" s="52" t="s">
        <v>78</v>
      </c>
      <c r="B1363" s="52" t="s">
        <v>79</v>
      </c>
      <c r="C1363" s="3">
        <v>211</v>
      </c>
      <c r="D1363" s="52" t="s">
        <v>84</v>
      </c>
      <c r="E1363" s="52" t="s">
        <v>26</v>
      </c>
      <c r="F1363" s="52" t="s">
        <v>81</v>
      </c>
      <c r="G1363" s="52" t="s">
        <v>82</v>
      </c>
      <c r="H1363" s="4">
        <v>1</v>
      </c>
      <c r="I1363" s="2">
        <v>14.65</v>
      </c>
      <c r="J1363" s="52" t="s">
        <v>4254</v>
      </c>
      <c r="K1363" s="71" t="s">
        <v>4605</v>
      </c>
      <c r="L1363" s="52" t="s">
        <v>2063</v>
      </c>
      <c r="M1363" s="72">
        <v>1554</v>
      </c>
      <c r="N1363" s="52"/>
      <c r="O1363" s="52"/>
      <c r="P1363" s="52"/>
      <c r="Q1363" s="52"/>
      <c r="R1363" s="52"/>
      <c r="S1363" s="52"/>
      <c r="T1363" s="52"/>
      <c r="U1363" s="52"/>
      <c r="V1363" s="52"/>
      <c r="W1363" s="52"/>
    </row>
    <row r="1364" spans="1:23" hidden="1" x14ac:dyDescent="0.35">
      <c r="A1364" s="52" t="s">
        <v>78</v>
      </c>
      <c r="B1364" s="52" t="s">
        <v>79</v>
      </c>
      <c r="C1364" s="3">
        <v>10</v>
      </c>
      <c r="D1364" s="52" t="s">
        <v>83</v>
      </c>
      <c r="E1364" s="52" t="s">
        <v>26</v>
      </c>
      <c r="F1364" s="52" t="s">
        <v>81</v>
      </c>
      <c r="G1364" s="52" t="s">
        <v>82</v>
      </c>
      <c r="H1364" s="4">
        <v>1</v>
      </c>
      <c r="I1364" s="2">
        <v>14.65</v>
      </c>
      <c r="J1364" s="52" t="s">
        <v>4606</v>
      </c>
      <c r="K1364" s="71" t="s">
        <v>4607</v>
      </c>
      <c r="L1364" s="52" t="s">
        <v>2063</v>
      </c>
      <c r="M1364" s="72">
        <v>1036</v>
      </c>
      <c r="N1364" s="52" t="s">
        <v>2072</v>
      </c>
      <c r="O1364" s="52" t="s">
        <v>2073</v>
      </c>
      <c r="P1364" s="52"/>
      <c r="Q1364" s="52"/>
      <c r="R1364" s="52"/>
      <c r="S1364" s="52"/>
      <c r="T1364" s="52"/>
      <c r="U1364" s="52"/>
      <c r="V1364" s="52"/>
      <c r="W1364" s="52"/>
    </row>
    <row r="1365" spans="1:23" hidden="1" x14ac:dyDescent="0.35">
      <c r="A1365" s="52" t="s">
        <v>78</v>
      </c>
      <c r="B1365" s="52" t="s">
        <v>79</v>
      </c>
      <c r="C1365" s="3">
        <v>10</v>
      </c>
      <c r="D1365" s="52" t="s">
        <v>87</v>
      </c>
      <c r="E1365" s="52" t="s">
        <v>26</v>
      </c>
      <c r="F1365" s="52" t="s">
        <v>81</v>
      </c>
      <c r="G1365" s="52" t="s">
        <v>82</v>
      </c>
      <c r="H1365" s="4">
        <v>1</v>
      </c>
      <c r="I1365" s="2">
        <v>14.65</v>
      </c>
      <c r="J1365" s="52" t="s">
        <v>4608</v>
      </c>
      <c r="K1365" s="71" t="s">
        <v>4609</v>
      </c>
      <c r="L1365" s="52" t="s">
        <v>2063</v>
      </c>
      <c r="M1365" s="72">
        <v>6873</v>
      </c>
      <c r="N1365" s="52" t="s">
        <v>2154</v>
      </c>
      <c r="O1365" s="52" t="s">
        <v>2155</v>
      </c>
      <c r="P1365" s="52"/>
      <c r="Q1365" s="52"/>
      <c r="R1365" s="52"/>
      <c r="S1365" s="52"/>
      <c r="T1365" s="52"/>
      <c r="U1365" s="52"/>
      <c r="V1365" s="52"/>
      <c r="W1365" s="52"/>
    </row>
    <row r="1366" spans="1:23" hidden="1" x14ac:dyDescent="0.35">
      <c r="A1366" s="52" t="s">
        <v>78</v>
      </c>
      <c r="B1366" s="52" t="s">
        <v>79</v>
      </c>
      <c r="C1366" s="3">
        <v>20</v>
      </c>
      <c r="D1366" s="52" t="s">
        <v>80</v>
      </c>
      <c r="E1366" s="52" t="s">
        <v>26</v>
      </c>
      <c r="F1366" s="52" t="s">
        <v>81</v>
      </c>
      <c r="G1366" s="52" t="s">
        <v>82</v>
      </c>
      <c r="H1366" s="4">
        <v>1</v>
      </c>
      <c r="I1366" s="2">
        <v>14.65</v>
      </c>
      <c r="J1366" s="52" t="s">
        <v>4610</v>
      </c>
      <c r="K1366" s="71" t="s">
        <v>4611</v>
      </c>
      <c r="L1366" s="52" t="s">
        <v>2063</v>
      </c>
      <c r="M1366" s="72">
        <v>3121</v>
      </c>
      <c r="N1366" s="52" t="s">
        <v>2072</v>
      </c>
      <c r="O1366" s="52" t="s">
        <v>2073</v>
      </c>
      <c r="P1366" s="52"/>
      <c r="Q1366" s="52"/>
      <c r="R1366" s="52"/>
      <c r="S1366" s="52"/>
      <c r="T1366" s="52"/>
      <c r="U1366" s="52"/>
      <c r="V1366" s="52"/>
      <c r="W1366" s="52"/>
    </row>
    <row r="1367" spans="1:23" hidden="1" x14ac:dyDescent="0.35">
      <c r="A1367" s="52" t="s">
        <v>78</v>
      </c>
      <c r="B1367" s="52" t="s">
        <v>79</v>
      </c>
      <c r="C1367" s="3">
        <v>10</v>
      </c>
      <c r="D1367" s="52" t="s">
        <v>2022</v>
      </c>
      <c r="E1367" s="52" t="s">
        <v>26</v>
      </c>
      <c r="F1367" s="52" t="s">
        <v>81</v>
      </c>
      <c r="G1367" s="52" t="s">
        <v>82</v>
      </c>
      <c r="H1367" s="4">
        <v>1</v>
      </c>
      <c r="I1367" s="2">
        <v>14.65</v>
      </c>
      <c r="J1367" s="52" t="s">
        <v>4612</v>
      </c>
      <c r="K1367" s="71" t="s">
        <v>4613</v>
      </c>
      <c r="L1367" s="52" t="s">
        <v>2063</v>
      </c>
      <c r="M1367" s="72">
        <v>2878</v>
      </c>
      <c r="N1367" s="52" t="s">
        <v>2072</v>
      </c>
      <c r="O1367" s="52" t="s">
        <v>2073</v>
      </c>
      <c r="P1367" s="52"/>
      <c r="Q1367" s="52"/>
      <c r="R1367" s="52"/>
      <c r="S1367" s="52"/>
      <c r="T1367" s="52"/>
      <c r="U1367" s="52"/>
      <c r="V1367" s="52"/>
      <c r="W1367" s="52"/>
    </row>
    <row r="1368" spans="1:23" hidden="1" x14ac:dyDescent="0.35">
      <c r="A1368" s="52" t="s">
        <v>78</v>
      </c>
      <c r="B1368" s="52" t="s">
        <v>79</v>
      </c>
      <c r="C1368" s="3">
        <v>10</v>
      </c>
      <c r="D1368" s="52" t="s">
        <v>84</v>
      </c>
      <c r="E1368" s="52" t="s">
        <v>26</v>
      </c>
      <c r="F1368" s="52" t="s">
        <v>81</v>
      </c>
      <c r="G1368" s="52" t="s">
        <v>82</v>
      </c>
      <c r="H1368" s="4">
        <v>1</v>
      </c>
      <c r="I1368" s="2">
        <v>14.65</v>
      </c>
      <c r="J1368" s="52" t="s">
        <v>4614</v>
      </c>
      <c r="K1368" s="71" t="s">
        <v>4615</v>
      </c>
      <c r="L1368" s="52" t="s">
        <v>2063</v>
      </c>
      <c r="M1368" s="72">
        <v>3922</v>
      </c>
      <c r="N1368" s="52" t="s">
        <v>2304</v>
      </c>
      <c r="O1368" s="52" t="s">
        <v>2305</v>
      </c>
      <c r="P1368" s="52"/>
      <c r="Q1368" s="52"/>
      <c r="R1368" s="52"/>
      <c r="S1368" s="52"/>
      <c r="T1368" s="52"/>
      <c r="U1368" s="52"/>
      <c r="V1368" s="52"/>
      <c r="W1368" s="52"/>
    </row>
    <row r="1369" spans="1:23" hidden="1" x14ac:dyDescent="0.35">
      <c r="A1369" s="52" t="s">
        <v>78</v>
      </c>
      <c r="B1369" s="52" t="s">
        <v>79</v>
      </c>
      <c r="C1369" s="3">
        <v>20</v>
      </c>
      <c r="D1369" s="52" t="s">
        <v>80</v>
      </c>
      <c r="E1369" s="52" t="s">
        <v>26</v>
      </c>
      <c r="F1369" s="52" t="s">
        <v>81</v>
      </c>
      <c r="G1369" s="52" t="s">
        <v>82</v>
      </c>
      <c r="H1369" s="4">
        <v>1</v>
      </c>
      <c r="I1369" s="2">
        <v>14.65</v>
      </c>
      <c r="J1369" s="52" t="s">
        <v>4616</v>
      </c>
      <c r="K1369" s="71" t="s">
        <v>4617</v>
      </c>
      <c r="L1369" s="52" t="s">
        <v>2063</v>
      </c>
      <c r="M1369" s="72">
        <v>8562</v>
      </c>
      <c r="N1369" s="52" t="s">
        <v>2072</v>
      </c>
      <c r="O1369" s="52" t="s">
        <v>2073</v>
      </c>
      <c r="P1369" s="52"/>
      <c r="Q1369" s="52"/>
      <c r="R1369" s="52"/>
      <c r="S1369" s="52"/>
      <c r="T1369" s="52"/>
      <c r="U1369" s="52"/>
      <c r="V1369" s="52"/>
      <c r="W1369" s="52"/>
    </row>
    <row r="1370" spans="1:23" hidden="1" x14ac:dyDescent="0.35">
      <c r="A1370" s="52" t="s">
        <v>78</v>
      </c>
      <c r="B1370" s="52" t="s">
        <v>79</v>
      </c>
      <c r="C1370" s="3">
        <v>20</v>
      </c>
      <c r="D1370" s="52" t="s">
        <v>2021</v>
      </c>
      <c r="E1370" s="52" t="s">
        <v>26</v>
      </c>
      <c r="F1370" s="52" t="s">
        <v>81</v>
      </c>
      <c r="G1370" s="52" t="s">
        <v>82</v>
      </c>
      <c r="H1370" s="4">
        <v>1</v>
      </c>
      <c r="I1370" s="2">
        <v>14.65</v>
      </c>
      <c r="J1370" s="52" t="s">
        <v>3392</v>
      </c>
      <c r="K1370" s="71" t="s">
        <v>4618</v>
      </c>
      <c r="L1370" s="52" t="s">
        <v>2063</v>
      </c>
      <c r="M1370" s="72">
        <v>7567</v>
      </c>
      <c r="N1370" s="52"/>
      <c r="O1370" s="52"/>
      <c r="P1370" s="52"/>
      <c r="Q1370" s="52"/>
      <c r="R1370" s="52"/>
      <c r="S1370" s="52"/>
      <c r="T1370" s="52"/>
      <c r="U1370" s="52"/>
      <c r="V1370" s="52"/>
      <c r="W1370" s="52"/>
    </row>
    <row r="1371" spans="1:23" hidden="1" x14ac:dyDescent="0.35">
      <c r="A1371" s="52" t="s">
        <v>78</v>
      </c>
      <c r="B1371" s="52" t="s">
        <v>79</v>
      </c>
      <c r="C1371" s="3">
        <v>10</v>
      </c>
      <c r="D1371" s="52" t="s">
        <v>2022</v>
      </c>
      <c r="E1371" s="52" t="s">
        <v>26</v>
      </c>
      <c r="F1371" s="52" t="s">
        <v>81</v>
      </c>
      <c r="G1371" s="52" t="s">
        <v>82</v>
      </c>
      <c r="H1371" s="4">
        <v>1</v>
      </c>
      <c r="I1371" s="2">
        <v>14.65</v>
      </c>
      <c r="J1371" s="52" t="s">
        <v>4619</v>
      </c>
      <c r="K1371" s="71" t="s">
        <v>4620</v>
      </c>
      <c r="L1371" s="52" t="s">
        <v>2063</v>
      </c>
      <c r="M1371" s="72">
        <v>7722</v>
      </c>
      <c r="N1371" s="52" t="s">
        <v>2066</v>
      </c>
      <c r="O1371" s="52" t="s">
        <v>2067</v>
      </c>
      <c r="P1371" s="52"/>
      <c r="Q1371" s="52"/>
      <c r="R1371" s="52"/>
      <c r="S1371" s="52"/>
      <c r="T1371" s="52"/>
      <c r="U1371" s="52"/>
      <c r="V1371" s="52"/>
      <c r="W1371" s="52"/>
    </row>
    <row r="1372" spans="1:23" hidden="1" x14ac:dyDescent="0.35">
      <c r="A1372" s="52" t="s">
        <v>78</v>
      </c>
      <c r="B1372" s="52" t="s">
        <v>79</v>
      </c>
      <c r="C1372" s="3">
        <v>20</v>
      </c>
      <c r="D1372" s="52" t="s">
        <v>86</v>
      </c>
      <c r="E1372" s="52" t="s">
        <v>26</v>
      </c>
      <c r="F1372" s="52" t="s">
        <v>81</v>
      </c>
      <c r="G1372" s="52" t="s">
        <v>82</v>
      </c>
      <c r="H1372" s="4">
        <v>1</v>
      </c>
      <c r="I1372" s="2">
        <v>14.65</v>
      </c>
      <c r="J1372" s="52" t="s">
        <v>3394</v>
      </c>
      <c r="K1372" s="71" t="s">
        <v>4621</v>
      </c>
      <c r="L1372" s="52" t="s">
        <v>2063</v>
      </c>
      <c r="M1372" s="72">
        <v>6237</v>
      </c>
      <c r="N1372" s="52" t="s">
        <v>2066</v>
      </c>
      <c r="O1372" s="52" t="s">
        <v>2067</v>
      </c>
      <c r="P1372" s="52"/>
      <c r="Q1372" s="52"/>
      <c r="R1372" s="52"/>
      <c r="S1372" s="52"/>
      <c r="T1372" s="52"/>
      <c r="U1372" s="52"/>
      <c r="V1372" s="52"/>
      <c r="W1372" s="52"/>
    </row>
    <row r="1373" spans="1:23" hidden="1" x14ac:dyDescent="0.35">
      <c r="A1373" s="52" t="s">
        <v>78</v>
      </c>
      <c r="B1373" s="52" t="s">
        <v>79</v>
      </c>
      <c r="C1373" s="3">
        <v>20</v>
      </c>
      <c r="D1373" s="52" t="s">
        <v>87</v>
      </c>
      <c r="E1373" s="52" t="s">
        <v>26</v>
      </c>
      <c r="F1373" s="52" t="s">
        <v>81</v>
      </c>
      <c r="G1373" s="52" t="s">
        <v>82</v>
      </c>
      <c r="H1373" s="4">
        <v>1</v>
      </c>
      <c r="I1373" s="2">
        <v>14.65</v>
      </c>
      <c r="J1373" s="52" t="s">
        <v>4622</v>
      </c>
      <c r="K1373" s="71" t="s">
        <v>4623</v>
      </c>
      <c r="L1373" s="52" t="s">
        <v>2095</v>
      </c>
      <c r="M1373" s="72">
        <v>2514</v>
      </c>
      <c r="N1373" s="52" t="s">
        <v>2072</v>
      </c>
      <c r="O1373" s="52" t="s">
        <v>2073</v>
      </c>
      <c r="P1373" s="52"/>
      <c r="Q1373" s="52"/>
      <c r="R1373" s="52"/>
      <c r="S1373" s="52"/>
      <c r="T1373" s="52"/>
      <c r="U1373" s="52"/>
      <c r="V1373" s="52"/>
      <c r="W1373" s="52"/>
    </row>
    <row r="1374" spans="1:23" x14ac:dyDescent="0.35">
      <c r="A1374" s="52" t="s">
        <v>78</v>
      </c>
      <c r="B1374" s="52" t="s">
        <v>79</v>
      </c>
      <c r="C1374" s="3">
        <v>20</v>
      </c>
      <c r="D1374" s="52" t="s">
        <v>84</v>
      </c>
      <c r="E1374" s="52" t="s">
        <v>26</v>
      </c>
      <c r="F1374" s="52" t="s">
        <v>81</v>
      </c>
      <c r="G1374" s="52" t="s">
        <v>82</v>
      </c>
      <c r="H1374" s="4">
        <v>1</v>
      </c>
      <c r="I1374" s="2">
        <v>14.65</v>
      </c>
      <c r="J1374" s="52" t="s">
        <v>4624</v>
      </c>
      <c r="K1374" s="71" t="s">
        <v>4625</v>
      </c>
      <c r="L1374" s="52" t="s">
        <v>2063</v>
      </c>
      <c r="M1374" s="72">
        <v>1042</v>
      </c>
      <c r="N1374" s="52" t="s">
        <v>2259</v>
      </c>
      <c r="O1374" s="52" t="s">
        <v>2260</v>
      </c>
      <c r="P1374" s="52"/>
      <c r="Q1374" s="52"/>
      <c r="R1374" s="52"/>
      <c r="S1374" s="52"/>
      <c r="T1374" s="52"/>
      <c r="U1374" s="52"/>
      <c r="V1374" s="52"/>
      <c r="W1374" s="52"/>
    </row>
    <row r="1375" spans="1:23" x14ac:dyDescent="0.35">
      <c r="A1375" s="52" t="s">
        <v>78</v>
      </c>
      <c r="B1375" s="52" t="s">
        <v>79</v>
      </c>
      <c r="C1375" s="3">
        <v>10</v>
      </c>
      <c r="D1375" s="52" t="s">
        <v>80</v>
      </c>
      <c r="E1375" s="52" t="s">
        <v>26</v>
      </c>
      <c r="F1375" s="52" t="s">
        <v>81</v>
      </c>
      <c r="G1375" s="52" t="s">
        <v>82</v>
      </c>
      <c r="H1375" s="4">
        <v>1</v>
      </c>
      <c r="I1375" s="2">
        <v>14.65</v>
      </c>
      <c r="J1375" s="52" t="s">
        <v>4626</v>
      </c>
      <c r="K1375" s="71" t="s">
        <v>4627</v>
      </c>
      <c r="L1375" s="52" t="s">
        <v>2063</v>
      </c>
      <c r="M1375" s="72">
        <v>1811</v>
      </c>
      <c r="N1375" s="52" t="s">
        <v>2076</v>
      </c>
      <c r="O1375" s="52" t="s">
        <v>2077</v>
      </c>
      <c r="P1375" s="52"/>
      <c r="Q1375" s="52"/>
      <c r="R1375" s="52"/>
      <c r="S1375" s="52"/>
      <c r="T1375" s="52"/>
      <c r="U1375" s="52"/>
      <c r="V1375" s="52"/>
      <c r="W1375" s="52"/>
    </row>
    <row r="1376" spans="1:23" hidden="1" x14ac:dyDescent="0.35">
      <c r="A1376" s="52" t="s">
        <v>78</v>
      </c>
      <c r="B1376" s="52" t="s">
        <v>79</v>
      </c>
      <c r="C1376" s="3">
        <v>20</v>
      </c>
      <c r="D1376" s="52" t="s">
        <v>83</v>
      </c>
      <c r="E1376" s="52" t="s">
        <v>26</v>
      </c>
      <c r="F1376" s="52" t="s">
        <v>81</v>
      </c>
      <c r="G1376" s="52" t="s">
        <v>82</v>
      </c>
      <c r="H1376" s="4">
        <v>1</v>
      </c>
      <c r="I1376" s="2">
        <v>14.65</v>
      </c>
      <c r="J1376" s="52" t="s">
        <v>4628</v>
      </c>
      <c r="K1376" s="71" t="s">
        <v>4629</v>
      </c>
      <c r="L1376" s="52" t="s">
        <v>2063</v>
      </c>
      <c r="M1376" s="72">
        <v>8664</v>
      </c>
      <c r="N1376" s="52" t="s">
        <v>2072</v>
      </c>
      <c r="O1376" s="52" t="s">
        <v>2073</v>
      </c>
      <c r="P1376" s="52"/>
      <c r="Q1376" s="52"/>
      <c r="R1376" s="52"/>
      <c r="S1376" s="52"/>
      <c r="T1376" s="52"/>
      <c r="U1376" s="52"/>
      <c r="V1376" s="52"/>
      <c r="W1376" s="52"/>
    </row>
    <row r="1377" spans="1:23" hidden="1" x14ac:dyDescent="0.35">
      <c r="A1377" s="52" t="s">
        <v>78</v>
      </c>
      <c r="B1377" s="52" t="s">
        <v>79</v>
      </c>
      <c r="C1377" s="3">
        <v>20</v>
      </c>
      <c r="D1377" s="52" t="s">
        <v>2021</v>
      </c>
      <c r="E1377" s="52" t="s">
        <v>26</v>
      </c>
      <c r="F1377" s="52" t="s">
        <v>81</v>
      </c>
      <c r="G1377" s="52" t="s">
        <v>82</v>
      </c>
      <c r="H1377" s="4">
        <v>1</v>
      </c>
      <c r="I1377" s="2">
        <v>14.65</v>
      </c>
      <c r="J1377" s="52" t="s">
        <v>4386</v>
      </c>
      <c r="K1377" s="71" t="s">
        <v>4630</v>
      </c>
      <c r="L1377" s="52" t="s">
        <v>2063</v>
      </c>
      <c r="M1377" s="72">
        <v>7668</v>
      </c>
      <c r="N1377" s="52" t="s">
        <v>2072</v>
      </c>
      <c r="O1377" s="52" t="s">
        <v>2073</v>
      </c>
      <c r="P1377" s="52"/>
      <c r="Q1377" s="52"/>
      <c r="R1377" s="52"/>
      <c r="S1377" s="52"/>
      <c r="T1377" s="52"/>
      <c r="U1377" s="52"/>
      <c r="V1377" s="52"/>
      <c r="W1377" s="52"/>
    </row>
    <row r="1378" spans="1:23" hidden="1" x14ac:dyDescent="0.35">
      <c r="A1378" s="52" t="s">
        <v>78</v>
      </c>
      <c r="B1378" s="52" t="s">
        <v>79</v>
      </c>
      <c r="C1378" s="3">
        <v>20</v>
      </c>
      <c r="D1378" s="52" t="s">
        <v>83</v>
      </c>
      <c r="E1378" s="52" t="s">
        <v>26</v>
      </c>
      <c r="F1378" s="52" t="s">
        <v>81</v>
      </c>
      <c r="G1378" s="52" t="s">
        <v>82</v>
      </c>
      <c r="H1378" s="4">
        <v>1</v>
      </c>
      <c r="I1378" s="2">
        <v>14.65</v>
      </c>
      <c r="J1378" s="52" t="s">
        <v>4631</v>
      </c>
      <c r="K1378" s="71" t="s">
        <v>4632</v>
      </c>
      <c r="L1378" s="52" t="s">
        <v>2095</v>
      </c>
      <c r="M1378" s="72">
        <v>1996</v>
      </c>
      <c r="N1378" s="52"/>
      <c r="O1378" s="52"/>
      <c r="P1378" s="52"/>
      <c r="Q1378" s="52"/>
      <c r="R1378" s="52"/>
      <c r="S1378" s="52"/>
      <c r="T1378" s="52"/>
      <c r="U1378" s="52"/>
      <c r="V1378" s="52"/>
      <c r="W1378" s="52"/>
    </row>
    <row r="1379" spans="1:23" x14ac:dyDescent="0.35">
      <c r="A1379" s="52" t="s">
        <v>78</v>
      </c>
      <c r="B1379" s="52" t="s">
        <v>79</v>
      </c>
      <c r="C1379" s="3">
        <v>10</v>
      </c>
      <c r="D1379" s="52" t="s">
        <v>87</v>
      </c>
      <c r="E1379" s="52" t="s">
        <v>26</v>
      </c>
      <c r="F1379" s="52" t="s">
        <v>81</v>
      </c>
      <c r="G1379" s="52" t="s">
        <v>82</v>
      </c>
      <c r="H1379" s="4">
        <v>1</v>
      </c>
      <c r="I1379" s="2">
        <v>14.65</v>
      </c>
      <c r="J1379" s="52" t="s">
        <v>4633</v>
      </c>
      <c r="K1379" s="71" t="s">
        <v>4634</v>
      </c>
      <c r="L1379" s="52" t="s">
        <v>2063</v>
      </c>
      <c r="M1379" s="72">
        <v>5439</v>
      </c>
      <c r="N1379" s="52" t="s">
        <v>2259</v>
      </c>
      <c r="O1379" s="52" t="s">
        <v>2260</v>
      </c>
      <c r="P1379" s="52" t="s">
        <v>2066</v>
      </c>
      <c r="Q1379" s="52" t="s">
        <v>2067</v>
      </c>
      <c r="R1379" s="52"/>
      <c r="S1379" s="52"/>
      <c r="T1379" s="52"/>
      <c r="U1379" s="52"/>
      <c r="V1379" s="52"/>
      <c r="W1379" s="52"/>
    </row>
    <row r="1380" spans="1:23" hidden="1" x14ac:dyDescent="0.35">
      <c r="A1380" s="52" t="s">
        <v>78</v>
      </c>
      <c r="B1380" s="52" t="s">
        <v>79</v>
      </c>
      <c r="C1380" s="3">
        <v>10</v>
      </c>
      <c r="D1380" s="52" t="s">
        <v>84</v>
      </c>
      <c r="E1380" s="52" t="s">
        <v>26</v>
      </c>
      <c r="F1380" s="52" t="s">
        <v>81</v>
      </c>
      <c r="G1380" s="52" t="s">
        <v>82</v>
      </c>
      <c r="H1380" s="4">
        <v>1</v>
      </c>
      <c r="I1380" s="2">
        <v>14.65</v>
      </c>
      <c r="J1380" s="52" t="s">
        <v>4635</v>
      </c>
      <c r="K1380" s="71" t="s">
        <v>4636</v>
      </c>
      <c r="L1380" s="52" t="s">
        <v>2063</v>
      </c>
      <c r="M1380" s="72">
        <v>5806</v>
      </c>
      <c r="N1380" s="52" t="s">
        <v>2072</v>
      </c>
      <c r="O1380" s="52" t="s">
        <v>2073</v>
      </c>
      <c r="P1380" s="52"/>
      <c r="Q1380" s="52"/>
      <c r="R1380" s="52"/>
      <c r="S1380" s="52"/>
      <c r="T1380" s="52"/>
      <c r="U1380" s="52"/>
      <c r="V1380" s="52"/>
      <c r="W1380" s="52"/>
    </row>
    <row r="1381" spans="1:23" x14ac:dyDescent="0.35">
      <c r="A1381" s="52" t="s">
        <v>78</v>
      </c>
      <c r="B1381" s="52" t="s">
        <v>79</v>
      </c>
      <c r="C1381" s="3">
        <v>10</v>
      </c>
      <c r="D1381" s="52" t="s">
        <v>2022</v>
      </c>
      <c r="E1381" s="52" t="s">
        <v>26</v>
      </c>
      <c r="F1381" s="52" t="s">
        <v>81</v>
      </c>
      <c r="G1381" s="52" t="s">
        <v>82</v>
      </c>
      <c r="H1381" s="4">
        <v>1</v>
      </c>
      <c r="I1381" s="2">
        <v>14.65</v>
      </c>
      <c r="J1381" s="52" t="s">
        <v>4637</v>
      </c>
      <c r="K1381" s="71" t="s">
        <v>4638</v>
      </c>
      <c r="L1381" s="52" t="s">
        <v>2063</v>
      </c>
      <c r="M1381" s="72">
        <v>4148</v>
      </c>
      <c r="N1381" s="52" t="s">
        <v>2259</v>
      </c>
      <c r="O1381" s="52" t="s">
        <v>2260</v>
      </c>
      <c r="P1381" s="52"/>
      <c r="Q1381" s="52"/>
      <c r="R1381" s="52"/>
      <c r="S1381" s="52"/>
      <c r="T1381" s="52"/>
      <c r="U1381" s="52"/>
      <c r="V1381" s="52"/>
      <c r="W1381" s="52"/>
    </row>
    <row r="1382" spans="1:23" hidden="1" x14ac:dyDescent="0.35">
      <c r="A1382" s="52" t="s">
        <v>78</v>
      </c>
      <c r="B1382" s="52" t="s">
        <v>79</v>
      </c>
      <c r="C1382" s="3">
        <v>20</v>
      </c>
      <c r="D1382" s="52" t="s">
        <v>87</v>
      </c>
      <c r="E1382" s="52" t="s">
        <v>26</v>
      </c>
      <c r="F1382" s="52" t="s">
        <v>81</v>
      </c>
      <c r="G1382" s="52" t="s">
        <v>82</v>
      </c>
      <c r="H1382" s="4">
        <v>1</v>
      </c>
      <c r="I1382" s="2">
        <v>14.65</v>
      </c>
      <c r="J1382" s="52" t="s">
        <v>4639</v>
      </c>
      <c r="K1382" s="71" t="s">
        <v>4640</v>
      </c>
      <c r="L1382" s="52" t="s">
        <v>2063</v>
      </c>
      <c r="M1382" s="72">
        <v>7645</v>
      </c>
      <c r="N1382" s="52" t="s">
        <v>2066</v>
      </c>
      <c r="O1382" s="52" t="s">
        <v>2067</v>
      </c>
      <c r="P1382" s="52"/>
      <c r="Q1382" s="52"/>
      <c r="R1382" s="52"/>
      <c r="S1382" s="52"/>
      <c r="T1382" s="52"/>
      <c r="U1382" s="52"/>
      <c r="V1382" s="52"/>
      <c r="W1382" s="52"/>
    </row>
    <row r="1383" spans="1:23" hidden="1" x14ac:dyDescent="0.35">
      <c r="A1383" s="52" t="s">
        <v>78</v>
      </c>
      <c r="B1383" s="52" t="s">
        <v>79</v>
      </c>
      <c r="C1383" s="3">
        <v>10</v>
      </c>
      <c r="D1383" s="52" t="s">
        <v>2024</v>
      </c>
      <c r="E1383" s="52" t="s">
        <v>26</v>
      </c>
      <c r="F1383" s="52" t="s">
        <v>81</v>
      </c>
      <c r="G1383" s="52" t="s">
        <v>82</v>
      </c>
      <c r="H1383" s="4">
        <v>1</v>
      </c>
      <c r="I1383" s="2">
        <v>14.65</v>
      </c>
      <c r="J1383" s="52" t="s">
        <v>4641</v>
      </c>
      <c r="K1383" s="71" t="s">
        <v>4642</v>
      </c>
      <c r="L1383" s="52" t="s">
        <v>2063</v>
      </c>
      <c r="M1383" s="72">
        <v>4191</v>
      </c>
      <c r="N1383" s="52" t="s">
        <v>2072</v>
      </c>
      <c r="O1383" s="52" t="s">
        <v>2073</v>
      </c>
      <c r="P1383" s="52"/>
      <c r="Q1383" s="52"/>
      <c r="R1383" s="52"/>
      <c r="S1383" s="52"/>
      <c r="T1383" s="52"/>
      <c r="U1383" s="52"/>
      <c r="V1383" s="52"/>
      <c r="W1383" s="52"/>
    </row>
    <row r="1384" spans="1:23" hidden="1" x14ac:dyDescent="0.35">
      <c r="A1384" s="52" t="s">
        <v>78</v>
      </c>
      <c r="B1384" s="52" t="s">
        <v>79</v>
      </c>
      <c r="C1384" s="3">
        <v>20</v>
      </c>
      <c r="D1384" s="52" t="s">
        <v>84</v>
      </c>
      <c r="E1384" s="52" t="s">
        <v>26</v>
      </c>
      <c r="F1384" s="52" t="s">
        <v>81</v>
      </c>
      <c r="G1384" s="52" t="s">
        <v>82</v>
      </c>
      <c r="H1384" s="4">
        <v>1</v>
      </c>
      <c r="I1384" s="2">
        <v>14.65</v>
      </c>
      <c r="J1384" s="52" t="s">
        <v>4643</v>
      </c>
      <c r="K1384" s="71" t="s">
        <v>4644</v>
      </c>
      <c r="L1384" s="52" t="s">
        <v>2063</v>
      </c>
      <c r="M1384" s="72">
        <v>4371</v>
      </c>
      <c r="N1384" s="52" t="s">
        <v>2072</v>
      </c>
      <c r="O1384" s="52" t="s">
        <v>2073</v>
      </c>
      <c r="P1384" s="52"/>
      <c r="Q1384" s="52"/>
      <c r="R1384" s="52"/>
      <c r="S1384" s="52"/>
      <c r="T1384" s="52"/>
      <c r="U1384" s="52"/>
      <c r="V1384" s="52"/>
      <c r="W1384" s="52"/>
    </row>
    <row r="1385" spans="1:23" hidden="1" x14ac:dyDescent="0.35">
      <c r="A1385" s="52" t="s">
        <v>78</v>
      </c>
      <c r="B1385" s="52" t="s">
        <v>79</v>
      </c>
      <c r="C1385" s="3">
        <v>10</v>
      </c>
      <c r="D1385" s="52" t="s">
        <v>83</v>
      </c>
      <c r="E1385" s="52" t="s">
        <v>26</v>
      </c>
      <c r="F1385" s="52" t="s">
        <v>81</v>
      </c>
      <c r="G1385" s="52" t="s">
        <v>82</v>
      </c>
      <c r="H1385" s="4">
        <v>1</v>
      </c>
      <c r="I1385" s="2">
        <v>14.65</v>
      </c>
      <c r="J1385" s="52" t="s">
        <v>4645</v>
      </c>
      <c r="K1385" s="71" t="s">
        <v>4646</v>
      </c>
      <c r="L1385" s="52" t="s">
        <v>2063</v>
      </c>
      <c r="M1385" s="72">
        <v>3403</v>
      </c>
      <c r="N1385" s="52" t="s">
        <v>2066</v>
      </c>
      <c r="O1385" s="52" t="s">
        <v>2067</v>
      </c>
      <c r="P1385" s="52"/>
      <c r="Q1385" s="52"/>
      <c r="R1385" s="52"/>
      <c r="S1385" s="52"/>
      <c r="T1385" s="52"/>
      <c r="U1385" s="52"/>
      <c r="V1385" s="52"/>
      <c r="W1385" s="52"/>
    </row>
    <row r="1386" spans="1:23" hidden="1" x14ac:dyDescent="0.35">
      <c r="A1386" s="52" t="s">
        <v>78</v>
      </c>
      <c r="B1386" s="52" t="s">
        <v>79</v>
      </c>
      <c r="C1386" s="3">
        <v>211</v>
      </c>
      <c r="D1386" s="52" t="s">
        <v>87</v>
      </c>
      <c r="E1386" s="52" t="s">
        <v>26</v>
      </c>
      <c r="F1386" s="52" t="s">
        <v>81</v>
      </c>
      <c r="G1386" s="52" t="s">
        <v>82</v>
      </c>
      <c r="H1386" s="4">
        <v>1</v>
      </c>
      <c r="I1386" s="2">
        <v>14.65</v>
      </c>
      <c r="J1386" s="52" t="s">
        <v>4647</v>
      </c>
      <c r="K1386" s="71" t="s">
        <v>4648</v>
      </c>
      <c r="L1386" s="52" t="s">
        <v>2063</v>
      </c>
      <c r="M1386" s="72">
        <v>1473</v>
      </c>
      <c r="N1386" s="52" t="s">
        <v>2158</v>
      </c>
      <c r="O1386" s="52" t="s">
        <v>2159</v>
      </c>
      <c r="P1386" s="52"/>
      <c r="Q1386" s="52"/>
      <c r="R1386" s="52"/>
      <c r="S1386" s="52"/>
      <c r="T1386" s="52"/>
      <c r="U1386" s="52"/>
      <c r="V1386" s="52"/>
      <c r="W1386" s="52"/>
    </row>
    <row r="1387" spans="1:23" hidden="1" x14ac:dyDescent="0.35">
      <c r="A1387" s="52" t="s">
        <v>78</v>
      </c>
      <c r="B1387" s="52" t="s">
        <v>79</v>
      </c>
      <c r="C1387" s="3">
        <v>20</v>
      </c>
      <c r="D1387" s="52" t="s">
        <v>2022</v>
      </c>
      <c r="E1387" s="52" t="s">
        <v>26</v>
      </c>
      <c r="F1387" s="52" t="s">
        <v>81</v>
      </c>
      <c r="G1387" s="52" t="s">
        <v>82</v>
      </c>
      <c r="H1387" s="4">
        <v>1</v>
      </c>
      <c r="I1387" s="2">
        <v>14.65</v>
      </c>
      <c r="J1387" s="52" t="s">
        <v>4649</v>
      </c>
      <c r="K1387" s="71" t="s">
        <v>4650</v>
      </c>
      <c r="L1387" s="52" t="s">
        <v>2063</v>
      </c>
      <c r="M1387" s="72">
        <v>3994</v>
      </c>
      <c r="N1387" s="52" t="s">
        <v>2072</v>
      </c>
      <c r="O1387" s="52" t="s">
        <v>2073</v>
      </c>
      <c r="P1387" s="52"/>
      <c r="Q1387" s="52"/>
      <c r="R1387" s="52"/>
      <c r="S1387" s="52"/>
      <c r="T1387" s="52"/>
      <c r="U1387" s="52"/>
      <c r="V1387" s="52"/>
      <c r="W1387" s="52"/>
    </row>
    <row r="1388" spans="1:23" hidden="1" x14ac:dyDescent="0.35">
      <c r="A1388" s="52" t="s">
        <v>78</v>
      </c>
      <c r="B1388" s="52" t="s">
        <v>79</v>
      </c>
      <c r="C1388" s="3">
        <v>10</v>
      </c>
      <c r="D1388" s="52" t="s">
        <v>2020</v>
      </c>
      <c r="E1388" s="52" t="s">
        <v>26</v>
      </c>
      <c r="F1388" s="52" t="s">
        <v>81</v>
      </c>
      <c r="G1388" s="52" t="s">
        <v>82</v>
      </c>
      <c r="H1388" s="4">
        <v>1</v>
      </c>
      <c r="I1388" s="2">
        <v>14.65</v>
      </c>
      <c r="J1388" s="52" t="s">
        <v>4651</v>
      </c>
      <c r="K1388" s="71" t="s">
        <v>4652</v>
      </c>
      <c r="L1388" s="52" t="s">
        <v>2063</v>
      </c>
      <c r="M1388" s="72">
        <v>2104</v>
      </c>
      <c r="N1388" s="52" t="s">
        <v>2066</v>
      </c>
      <c r="O1388" s="52" t="s">
        <v>2067</v>
      </c>
      <c r="P1388" s="52"/>
      <c r="Q1388" s="52"/>
      <c r="R1388" s="52"/>
      <c r="S1388" s="52"/>
      <c r="T1388" s="52"/>
      <c r="U1388" s="52"/>
      <c r="V1388" s="52"/>
      <c r="W1388" s="52"/>
    </row>
    <row r="1389" spans="1:23" x14ac:dyDescent="0.35">
      <c r="A1389" s="52" t="s">
        <v>78</v>
      </c>
      <c r="B1389" s="52" t="s">
        <v>79</v>
      </c>
      <c r="C1389" s="3">
        <v>10</v>
      </c>
      <c r="D1389" s="52" t="s">
        <v>80</v>
      </c>
      <c r="E1389" s="52" t="s">
        <v>26</v>
      </c>
      <c r="F1389" s="52" t="s">
        <v>81</v>
      </c>
      <c r="G1389" s="52" t="s">
        <v>82</v>
      </c>
      <c r="H1389" s="4">
        <v>1</v>
      </c>
      <c r="I1389" s="2">
        <v>14.65</v>
      </c>
      <c r="J1389" s="52" t="s">
        <v>4653</v>
      </c>
      <c r="K1389" s="71" t="s">
        <v>4654</v>
      </c>
      <c r="L1389" s="52" t="s">
        <v>2063</v>
      </c>
      <c r="M1389" s="72">
        <v>3817</v>
      </c>
      <c r="N1389" s="52" t="s">
        <v>2259</v>
      </c>
      <c r="O1389" s="52" t="s">
        <v>2260</v>
      </c>
      <c r="P1389" s="52"/>
      <c r="Q1389" s="52"/>
      <c r="R1389" s="52"/>
      <c r="S1389" s="52"/>
      <c r="T1389" s="52"/>
      <c r="U1389" s="52"/>
      <c r="V1389" s="52"/>
      <c r="W1389" s="52"/>
    </row>
    <row r="1390" spans="1:23" hidden="1" x14ac:dyDescent="0.35">
      <c r="A1390" s="52" t="s">
        <v>78</v>
      </c>
      <c r="B1390" s="52" t="s">
        <v>79</v>
      </c>
      <c r="C1390" s="3">
        <v>20</v>
      </c>
      <c r="D1390" s="52" t="s">
        <v>2022</v>
      </c>
      <c r="E1390" s="52" t="s">
        <v>26</v>
      </c>
      <c r="F1390" s="52" t="s">
        <v>81</v>
      </c>
      <c r="G1390" s="52" t="s">
        <v>82</v>
      </c>
      <c r="H1390" s="4">
        <v>1</v>
      </c>
      <c r="I1390" s="2">
        <v>14.65</v>
      </c>
      <c r="J1390" s="52" t="s">
        <v>4655</v>
      </c>
      <c r="K1390" s="71" t="s">
        <v>4656</v>
      </c>
      <c r="L1390" s="52" t="s">
        <v>2063</v>
      </c>
      <c r="M1390" s="72">
        <v>2774</v>
      </c>
      <c r="N1390" s="52" t="s">
        <v>2066</v>
      </c>
      <c r="O1390" s="52" t="s">
        <v>2067</v>
      </c>
      <c r="P1390" s="52"/>
      <c r="Q1390" s="52"/>
      <c r="R1390" s="52"/>
      <c r="S1390" s="52"/>
      <c r="T1390" s="52"/>
      <c r="U1390" s="52"/>
      <c r="V1390" s="52"/>
      <c r="W1390" s="52"/>
    </row>
    <row r="1391" spans="1:23" hidden="1" x14ac:dyDescent="0.35">
      <c r="A1391" s="52" t="s">
        <v>78</v>
      </c>
      <c r="B1391" s="52" t="s">
        <v>79</v>
      </c>
      <c r="C1391" s="3">
        <v>20</v>
      </c>
      <c r="D1391" s="52" t="s">
        <v>2020</v>
      </c>
      <c r="E1391" s="52" t="s">
        <v>26</v>
      </c>
      <c r="F1391" s="52" t="s">
        <v>81</v>
      </c>
      <c r="G1391" s="52" t="s">
        <v>82</v>
      </c>
      <c r="H1391" s="4">
        <v>1</v>
      </c>
      <c r="I1391" s="2">
        <v>14.65</v>
      </c>
      <c r="J1391" s="52" t="s">
        <v>4657</v>
      </c>
      <c r="K1391" s="71" t="s">
        <v>4658</v>
      </c>
      <c r="L1391" s="52" t="s">
        <v>2063</v>
      </c>
      <c r="M1391" s="72">
        <v>9481</v>
      </c>
      <c r="N1391" s="52"/>
      <c r="O1391" s="52"/>
      <c r="P1391" s="52"/>
      <c r="Q1391" s="52"/>
      <c r="R1391" s="52"/>
      <c r="S1391" s="52"/>
      <c r="T1391" s="52"/>
      <c r="U1391" s="52"/>
      <c r="V1391" s="52"/>
      <c r="W1391" s="52"/>
    </row>
    <row r="1392" spans="1:23" hidden="1" x14ac:dyDescent="0.35">
      <c r="A1392" s="52" t="s">
        <v>78</v>
      </c>
      <c r="B1392" s="52" t="s">
        <v>79</v>
      </c>
      <c r="C1392" s="3">
        <v>20</v>
      </c>
      <c r="D1392" s="52" t="s">
        <v>2021</v>
      </c>
      <c r="E1392" s="52" t="s">
        <v>26</v>
      </c>
      <c r="F1392" s="52" t="s">
        <v>81</v>
      </c>
      <c r="G1392" s="52" t="s">
        <v>82</v>
      </c>
      <c r="H1392" s="4">
        <v>1</v>
      </c>
      <c r="I1392" s="2">
        <v>14.65</v>
      </c>
      <c r="J1392" s="52" t="s">
        <v>4659</v>
      </c>
      <c r="K1392" s="71" t="s">
        <v>4660</v>
      </c>
      <c r="L1392" s="52" t="s">
        <v>2095</v>
      </c>
      <c r="M1392" s="72">
        <v>4354</v>
      </c>
      <c r="N1392" s="52"/>
      <c r="O1392" s="52"/>
      <c r="P1392" s="52"/>
      <c r="Q1392" s="52"/>
      <c r="R1392" s="52"/>
      <c r="S1392" s="52"/>
      <c r="T1392" s="52"/>
      <c r="U1392" s="52"/>
      <c r="V1392" s="52"/>
      <c r="W1392" s="52"/>
    </row>
    <row r="1393" spans="1:23" hidden="1" x14ac:dyDescent="0.35">
      <c r="A1393" s="52" t="s">
        <v>78</v>
      </c>
      <c r="B1393" s="52" t="s">
        <v>79</v>
      </c>
      <c r="C1393" s="3">
        <v>10</v>
      </c>
      <c r="D1393" s="52" t="s">
        <v>2024</v>
      </c>
      <c r="E1393" s="52" t="s">
        <v>26</v>
      </c>
      <c r="F1393" s="52" t="s">
        <v>81</v>
      </c>
      <c r="G1393" s="52" t="s">
        <v>82</v>
      </c>
      <c r="H1393" s="4">
        <v>1</v>
      </c>
      <c r="I1393" s="2">
        <v>14.65</v>
      </c>
      <c r="J1393" s="52" t="s">
        <v>4661</v>
      </c>
      <c r="K1393" s="71" t="s">
        <v>4662</v>
      </c>
      <c r="L1393" s="52" t="s">
        <v>2063</v>
      </c>
      <c r="M1393" s="72">
        <v>6963</v>
      </c>
      <c r="N1393" s="52" t="s">
        <v>2066</v>
      </c>
      <c r="O1393" s="52" t="s">
        <v>2067</v>
      </c>
      <c r="P1393" s="52"/>
      <c r="Q1393" s="52"/>
      <c r="R1393" s="52"/>
      <c r="S1393" s="52"/>
      <c r="T1393" s="52"/>
      <c r="U1393" s="52"/>
      <c r="V1393" s="52"/>
      <c r="W1393" s="52"/>
    </row>
    <row r="1394" spans="1:23" hidden="1" x14ac:dyDescent="0.35">
      <c r="A1394" s="52" t="s">
        <v>78</v>
      </c>
      <c r="B1394" s="52" t="s">
        <v>79</v>
      </c>
      <c r="C1394" s="3">
        <v>20</v>
      </c>
      <c r="D1394" s="52" t="s">
        <v>83</v>
      </c>
      <c r="E1394" s="52" t="s">
        <v>26</v>
      </c>
      <c r="F1394" s="52" t="s">
        <v>81</v>
      </c>
      <c r="G1394" s="52" t="s">
        <v>82</v>
      </c>
      <c r="H1394" s="4">
        <v>1</v>
      </c>
      <c r="I1394" s="2">
        <v>14.65</v>
      </c>
      <c r="J1394" s="52" t="s">
        <v>4663</v>
      </c>
      <c r="K1394" s="71" t="s">
        <v>4664</v>
      </c>
      <c r="L1394" s="52" t="s">
        <v>2063</v>
      </c>
      <c r="M1394" s="72">
        <v>1368</v>
      </c>
      <c r="N1394" s="52" t="s">
        <v>2066</v>
      </c>
      <c r="O1394" s="52" t="s">
        <v>2067</v>
      </c>
      <c r="P1394" s="52"/>
      <c r="Q1394" s="52"/>
      <c r="R1394" s="52"/>
      <c r="S1394" s="52"/>
      <c r="T1394" s="52"/>
      <c r="U1394" s="52"/>
      <c r="V1394" s="52"/>
      <c r="W1394" s="52"/>
    </row>
    <row r="1395" spans="1:23" hidden="1" x14ac:dyDescent="0.35">
      <c r="A1395" s="52" t="s">
        <v>78</v>
      </c>
      <c r="B1395" s="52" t="s">
        <v>79</v>
      </c>
      <c r="C1395" s="3">
        <v>20</v>
      </c>
      <c r="D1395" s="52" t="s">
        <v>80</v>
      </c>
      <c r="E1395" s="52" t="s">
        <v>26</v>
      </c>
      <c r="F1395" s="52" t="s">
        <v>81</v>
      </c>
      <c r="G1395" s="52" t="s">
        <v>82</v>
      </c>
      <c r="H1395" s="4">
        <v>1</v>
      </c>
      <c r="I1395" s="2">
        <v>14.65</v>
      </c>
      <c r="J1395" s="52" t="s">
        <v>4665</v>
      </c>
      <c r="K1395" s="71" t="s">
        <v>4666</v>
      </c>
      <c r="L1395" s="52" t="s">
        <v>2063</v>
      </c>
      <c r="M1395" s="72">
        <v>7951</v>
      </c>
      <c r="N1395" s="52" t="s">
        <v>2072</v>
      </c>
      <c r="O1395" s="52" t="s">
        <v>2073</v>
      </c>
      <c r="P1395" s="52"/>
      <c r="Q1395" s="52"/>
      <c r="R1395" s="52"/>
      <c r="S1395" s="52"/>
      <c r="T1395" s="52"/>
      <c r="U1395" s="52"/>
      <c r="V1395" s="52"/>
      <c r="W1395" s="52"/>
    </row>
    <row r="1396" spans="1:23" hidden="1" x14ac:dyDescent="0.35">
      <c r="A1396" s="52" t="s">
        <v>78</v>
      </c>
      <c r="B1396" s="52" t="s">
        <v>79</v>
      </c>
      <c r="C1396" s="3">
        <v>20</v>
      </c>
      <c r="D1396" s="52" t="s">
        <v>80</v>
      </c>
      <c r="E1396" s="52" t="s">
        <v>26</v>
      </c>
      <c r="F1396" s="52" t="s">
        <v>81</v>
      </c>
      <c r="G1396" s="52" t="s">
        <v>82</v>
      </c>
      <c r="H1396" s="4">
        <v>1</v>
      </c>
      <c r="I1396" s="2">
        <v>14.65</v>
      </c>
      <c r="J1396" s="52" t="s">
        <v>4667</v>
      </c>
      <c r="K1396" s="71" t="s">
        <v>4668</v>
      </c>
      <c r="L1396" s="52" t="s">
        <v>2095</v>
      </c>
      <c r="M1396" s="72">
        <v>6110</v>
      </c>
      <c r="N1396" s="52" t="s">
        <v>2072</v>
      </c>
      <c r="O1396" s="52" t="s">
        <v>2073</v>
      </c>
      <c r="P1396" s="52"/>
      <c r="Q1396" s="52"/>
      <c r="R1396" s="52"/>
      <c r="S1396" s="52"/>
      <c r="T1396" s="52"/>
      <c r="U1396" s="52"/>
      <c r="V1396" s="52"/>
      <c r="W1396" s="52"/>
    </row>
    <row r="1397" spans="1:23" x14ac:dyDescent="0.35">
      <c r="A1397" s="52" t="s">
        <v>78</v>
      </c>
      <c r="B1397" s="52" t="s">
        <v>79</v>
      </c>
      <c r="C1397" s="3">
        <v>20</v>
      </c>
      <c r="D1397" s="52" t="s">
        <v>80</v>
      </c>
      <c r="E1397" s="52" t="s">
        <v>26</v>
      </c>
      <c r="F1397" s="52" t="s">
        <v>81</v>
      </c>
      <c r="G1397" s="52" t="s">
        <v>82</v>
      </c>
      <c r="H1397" s="4">
        <v>1</v>
      </c>
      <c r="I1397" s="2">
        <v>14.65</v>
      </c>
      <c r="J1397" s="52" t="s">
        <v>4669</v>
      </c>
      <c r="K1397" s="71" t="s">
        <v>4670</v>
      </c>
      <c r="L1397" s="52" t="s">
        <v>2063</v>
      </c>
      <c r="M1397" s="72">
        <v>5785</v>
      </c>
      <c r="N1397" s="52" t="s">
        <v>2259</v>
      </c>
      <c r="O1397" s="52" t="s">
        <v>2260</v>
      </c>
      <c r="P1397" s="52"/>
      <c r="Q1397" s="52"/>
      <c r="R1397" s="52"/>
      <c r="S1397" s="52"/>
      <c r="T1397" s="52"/>
      <c r="U1397" s="52"/>
      <c r="V1397" s="52"/>
      <c r="W1397" s="52"/>
    </row>
    <row r="1398" spans="1:23" hidden="1" x14ac:dyDescent="0.35">
      <c r="A1398" s="52" t="s">
        <v>78</v>
      </c>
      <c r="B1398" s="52" t="s">
        <v>79</v>
      </c>
      <c r="C1398" s="3">
        <v>20</v>
      </c>
      <c r="D1398" s="52" t="s">
        <v>2023</v>
      </c>
      <c r="E1398" s="52" t="s">
        <v>26</v>
      </c>
      <c r="F1398" s="52" t="s">
        <v>81</v>
      </c>
      <c r="G1398" s="52" t="s">
        <v>82</v>
      </c>
      <c r="H1398" s="4">
        <v>1</v>
      </c>
      <c r="I1398" s="2">
        <v>14.65</v>
      </c>
      <c r="J1398" s="52" t="s">
        <v>4671</v>
      </c>
      <c r="K1398" s="71" t="s">
        <v>4672</v>
      </c>
      <c r="L1398" s="52" t="s">
        <v>2063</v>
      </c>
      <c r="M1398" s="72">
        <v>805</v>
      </c>
      <c r="N1398" s="52" t="s">
        <v>2072</v>
      </c>
      <c r="O1398" s="52" t="s">
        <v>2073</v>
      </c>
      <c r="P1398" s="52"/>
      <c r="Q1398" s="52"/>
      <c r="R1398" s="52"/>
      <c r="S1398" s="52"/>
      <c r="T1398" s="52"/>
      <c r="U1398" s="52"/>
      <c r="V1398" s="52"/>
      <c r="W1398" s="52"/>
    </row>
    <row r="1399" spans="1:23" hidden="1" x14ac:dyDescent="0.35">
      <c r="A1399" s="52" t="s">
        <v>78</v>
      </c>
      <c r="B1399" s="52" t="s">
        <v>79</v>
      </c>
      <c r="C1399" s="3">
        <v>20</v>
      </c>
      <c r="D1399" s="52" t="s">
        <v>2019</v>
      </c>
      <c r="E1399" s="52" t="s">
        <v>26</v>
      </c>
      <c r="F1399" s="52" t="s">
        <v>81</v>
      </c>
      <c r="G1399" s="52" t="s">
        <v>82</v>
      </c>
      <c r="H1399" s="4">
        <v>1</v>
      </c>
      <c r="I1399" s="2">
        <v>14.65</v>
      </c>
      <c r="J1399" s="52" t="s">
        <v>4673</v>
      </c>
      <c r="K1399" s="71" t="s">
        <v>4674</v>
      </c>
      <c r="L1399" s="52" t="s">
        <v>2063</v>
      </c>
      <c r="M1399" s="72">
        <v>7568</v>
      </c>
      <c r="N1399" s="52" t="s">
        <v>2072</v>
      </c>
      <c r="O1399" s="52" t="s">
        <v>2073</v>
      </c>
      <c r="P1399" s="52"/>
      <c r="Q1399" s="52"/>
      <c r="R1399" s="52"/>
      <c r="S1399" s="52"/>
      <c r="T1399" s="52"/>
      <c r="U1399" s="52"/>
      <c r="V1399" s="52"/>
      <c r="W1399" s="52"/>
    </row>
    <row r="1400" spans="1:23" hidden="1" x14ac:dyDescent="0.35">
      <c r="A1400" s="52" t="s">
        <v>78</v>
      </c>
      <c r="B1400" s="52" t="s">
        <v>79</v>
      </c>
      <c r="C1400" s="3">
        <v>10</v>
      </c>
      <c r="D1400" s="52" t="s">
        <v>2022</v>
      </c>
      <c r="E1400" s="52" t="s">
        <v>26</v>
      </c>
      <c r="F1400" s="52" t="s">
        <v>81</v>
      </c>
      <c r="G1400" s="52" t="s">
        <v>82</v>
      </c>
      <c r="H1400" s="4">
        <v>1</v>
      </c>
      <c r="I1400" s="2">
        <v>14.65</v>
      </c>
      <c r="J1400" s="52" t="s">
        <v>4675</v>
      </c>
      <c r="K1400" s="71" t="s">
        <v>4676</v>
      </c>
      <c r="L1400" s="52" t="s">
        <v>2063</v>
      </c>
      <c r="M1400" s="72">
        <v>9444</v>
      </c>
      <c r="N1400" s="52" t="s">
        <v>2066</v>
      </c>
      <c r="O1400" s="52" t="s">
        <v>2067</v>
      </c>
      <c r="P1400" s="52"/>
      <c r="Q1400" s="52"/>
      <c r="R1400" s="52"/>
      <c r="S1400" s="52"/>
      <c r="T1400" s="52"/>
      <c r="U1400" s="52"/>
      <c r="V1400" s="52"/>
      <c r="W1400" s="52"/>
    </row>
    <row r="1401" spans="1:23" hidden="1" x14ac:dyDescent="0.35">
      <c r="A1401" s="52" t="s">
        <v>78</v>
      </c>
      <c r="B1401" s="52" t="s">
        <v>79</v>
      </c>
      <c r="C1401" s="3">
        <v>212</v>
      </c>
      <c r="D1401" s="52" t="s">
        <v>2024</v>
      </c>
      <c r="E1401" s="52" t="s">
        <v>26</v>
      </c>
      <c r="F1401" s="52" t="s">
        <v>81</v>
      </c>
      <c r="G1401" s="52" t="s">
        <v>82</v>
      </c>
      <c r="H1401" s="4">
        <v>1</v>
      </c>
      <c r="I1401" s="2">
        <v>14.65</v>
      </c>
      <c r="J1401" s="52" t="s">
        <v>4677</v>
      </c>
      <c r="K1401" s="71" t="s">
        <v>4678</v>
      </c>
      <c r="L1401" s="52" t="s">
        <v>2063</v>
      </c>
      <c r="M1401" s="72">
        <v>3601</v>
      </c>
      <c r="N1401" s="52" t="s">
        <v>2072</v>
      </c>
      <c r="O1401" s="52" t="s">
        <v>2073</v>
      </c>
      <c r="P1401" s="52"/>
      <c r="Q1401" s="52"/>
      <c r="R1401" s="52"/>
      <c r="S1401" s="52"/>
      <c r="T1401" s="52"/>
      <c r="U1401" s="52"/>
      <c r="V1401" s="52"/>
      <c r="W1401" s="52"/>
    </row>
    <row r="1402" spans="1:23" hidden="1" x14ac:dyDescent="0.35">
      <c r="A1402" s="52" t="s">
        <v>78</v>
      </c>
      <c r="B1402" s="52" t="s">
        <v>79</v>
      </c>
      <c r="C1402" s="3">
        <v>10</v>
      </c>
      <c r="D1402" s="52" t="s">
        <v>80</v>
      </c>
      <c r="E1402" s="52" t="s">
        <v>26</v>
      </c>
      <c r="F1402" s="52" t="s">
        <v>81</v>
      </c>
      <c r="G1402" s="52" t="s">
        <v>82</v>
      </c>
      <c r="H1402" s="4">
        <v>1</v>
      </c>
      <c r="I1402" s="2">
        <v>14.65</v>
      </c>
      <c r="J1402" s="52" t="s">
        <v>3352</v>
      </c>
      <c r="K1402" s="71" t="s">
        <v>4679</v>
      </c>
      <c r="L1402" s="52" t="s">
        <v>2063</v>
      </c>
      <c r="M1402" s="72">
        <v>6200</v>
      </c>
      <c r="N1402" s="52" t="s">
        <v>2066</v>
      </c>
      <c r="O1402" s="52" t="s">
        <v>2067</v>
      </c>
      <c r="P1402" s="52"/>
      <c r="Q1402" s="52"/>
      <c r="R1402" s="52"/>
      <c r="S1402" s="52"/>
      <c r="T1402" s="52"/>
      <c r="U1402" s="52"/>
      <c r="V1402" s="52"/>
      <c r="W1402" s="52"/>
    </row>
    <row r="1403" spans="1:23" hidden="1" x14ac:dyDescent="0.35">
      <c r="A1403" s="52" t="s">
        <v>78</v>
      </c>
      <c r="B1403" s="52" t="s">
        <v>79</v>
      </c>
      <c r="C1403" s="3">
        <v>10</v>
      </c>
      <c r="D1403" s="52" t="s">
        <v>87</v>
      </c>
      <c r="E1403" s="52" t="s">
        <v>26</v>
      </c>
      <c r="F1403" s="52" t="s">
        <v>81</v>
      </c>
      <c r="G1403" s="52" t="s">
        <v>82</v>
      </c>
      <c r="H1403" s="4">
        <v>1</v>
      </c>
      <c r="I1403" s="2">
        <v>14.65</v>
      </c>
      <c r="J1403" s="52" t="s">
        <v>4680</v>
      </c>
      <c r="K1403" s="71" t="s">
        <v>4681</v>
      </c>
      <c r="L1403" s="52" t="s">
        <v>2063</v>
      </c>
      <c r="M1403" s="72">
        <v>3043</v>
      </c>
      <c r="N1403" s="52" t="s">
        <v>2072</v>
      </c>
      <c r="O1403" s="52" t="s">
        <v>2073</v>
      </c>
      <c r="P1403" s="52"/>
      <c r="Q1403" s="52"/>
      <c r="R1403" s="52"/>
      <c r="S1403" s="52"/>
      <c r="T1403" s="52"/>
      <c r="U1403" s="52"/>
      <c r="V1403" s="52"/>
      <c r="W1403" s="52"/>
    </row>
    <row r="1404" spans="1:23" hidden="1" x14ac:dyDescent="0.35">
      <c r="A1404" s="52" t="s">
        <v>78</v>
      </c>
      <c r="B1404" s="52" t="s">
        <v>79</v>
      </c>
      <c r="C1404" s="3">
        <v>20</v>
      </c>
      <c r="D1404" s="52" t="s">
        <v>86</v>
      </c>
      <c r="E1404" s="52" t="s">
        <v>26</v>
      </c>
      <c r="F1404" s="52" t="s">
        <v>81</v>
      </c>
      <c r="G1404" s="52" t="s">
        <v>82</v>
      </c>
      <c r="H1404" s="4">
        <v>1</v>
      </c>
      <c r="I1404" s="2">
        <v>14.65</v>
      </c>
      <c r="J1404" s="52" t="s">
        <v>4682</v>
      </c>
      <c r="K1404" s="71" t="s">
        <v>4683</v>
      </c>
      <c r="L1404" s="52" t="s">
        <v>2063</v>
      </c>
      <c r="M1404" s="72">
        <v>4216</v>
      </c>
      <c r="N1404" s="52" t="s">
        <v>2072</v>
      </c>
      <c r="O1404" s="52" t="s">
        <v>2073</v>
      </c>
      <c r="P1404" s="52"/>
      <c r="Q1404" s="52"/>
      <c r="R1404" s="52"/>
      <c r="S1404" s="52"/>
      <c r="T1404" s="52"/>
      <c r="U1404" s="52"/>
      <c r="V1404" s="52"/>
      <c r="W1404" s="52"/>
    </row>
    <row r="1405" spans="1:23" hidden="1" x14ac:dyDescent="0.35">
      <c r="A1405" s="52" t="s">
        <v>78</v>
      </c>
      <c r="B1405" s="52" t="s">
        <v>79</v>
      </c>
      <c r="C1405" s="3">
        <v>211</v>
      </c>
      <c r="D1405" s="52" t="s">
        <v>2023</v>
      </c>
      <c r="E1405" s="52" t="s">
        <v>26</v>
      </c>
      <c r="F1405" s="52" t="s">
        <v>81</v>
      </c>
      <c r="G1405" s="52" t="s">
        <v>82</v>
      </c>
      <c r="H1405" s="4">
        <v>1</v>
      </c>
      <c r="I1405" s="2">
        <v>14.65</v>
      </c>
      <c r="J1405" s="52" t="s">
        <v>4684</v>
      </c>
      <c r="K1405" s="71" t="s">
        <v>4685</v>
      </c>
      <c r="L1405" s="52" t="s">
        <v>2063</v>
      </c>
      <c r="M1405" s="72">
        <v>3221</v>
      </c>
      <c r="N1405" s="52" t="s">
        <v>2066</v>
      </c>
      <c r="O1405" s="52" t="s">
        <v>2067</v>
      </c>
      <c r="P1405" s="52"/>
      <c r="Q1405" s="52"/>
      <c r="R1405" s="52"/>
      <c r="S1405" s="52"/>
      <c r="T1405" s="52"/>
      <c r="U1405" s="52"/>
      <c r="V1405" s="52"/>
      <c r="W1405" s="52"/>
    </row>
    <row r="1406" spans="1:23" hidden="1" x14ac:dyDescent="0.35">
      <c r="A1406" s="52" t="s">
        <v>78</v>
      </c>
      <c r="B1406" s="52" t="s">
        <v>79</v>
      </c>
      <c r="C1406" s="3">
        <v>10</v>
      </c>
      <c r="D1406" s="52" t="s">
        <v>86</v>
      </c>
      <c r="E1406" s="52" t="s">
        <v>26</v>
      </c>
      <c r="F1406" s="52" t="s">
        <v>81</v>
      </c>
      <c r="G1406" s="52" t="s">
        <v>82</v>
      </c>
      <c r="H1406" s="4">
        <v>1</v>
      </c>
      <c r="I1406" s="2">
        <v>14.65</v>
      </c>
      <c r="J1406" s="52" t="s">
        <v>4686</v>
      </c>
      <c r="K1406" s="71" t="s">
        <v>4687</v>
      </c>
      <c r="L1406" s="52" t="s">
        <v>2063</v>
      </c>
      <c r="M1406" s="72">
        <v>2845</v>
      </c>
      <c r="N1406" s="52" t="s">
        <v>2066</v>
      </c>
      <c r="O1406" s="52" t="s">
        <v>2067</v>
      </c>
      <c r="P1406" s="52"/>
      <c r="Q1406" s="52"/>
      <c r="R1406" s="52"/>
      <c r="S1406" s="52"/>
      <c r="T1406" s="52"/>
      <c r="U1406" s="52"/>
      <c r="V1406" s="52"/>
      <c r="W1406" s="52"/>
    </row>
    <row r="1407" spans="1:23" hidden="1" x14ac:dyDescent="0.35">
      <c r="A1407" s="52" t="s">
        <v>78</v>
      </c>
      <c r="B1407" s="52" t="s">
        <v>79</v>
      </c>
      <c r="C1407" s="3">
        <v>10</v>
      </c>
      <c r="D1407" s="52" t="s">
        <v>80</v>
      </c>
      <c r="E1407" s="52" t="s">
        <v>26</v>
      </c>
      <c r="F1407" s="52" t="s">
        <v>81</v>
      </c>
      <c r="G1407" s="52" t="s">
        <v>82</v>
      </c>
      <c r="H1407" s="4">
        <v>1</v>
      </c>
      <c r="I1407" s="2">
        <v>14.65</v>
      </c>
      <c r="J1407" s="52" t="s">
        <v>4688</v>
      </c>
      <c r="K1407" s="71" t="s">
        <v>4689</v>
      </c>
      <c r="L1407" s="52" t="s">
        <v>2095</v>
      </c>
      <c r="M1407" s="72">
        <v>8191</v>
      </c>
      <c r="N1407" s="52"/>
      <c r="O1407" s="52"/>
      <c r="P1407" s="52"/>
      <c r="Q1407" s="52"/>
      <c r="R1407" s="52"/>
      <c r="S1407" s="52"/>
      <c r="T1407" s="52"/>
      <c r="U1407" s="52"/>
      <c r="V1407" s="52"/>
      <c r="W1407" s="52"/>
    </row>
    <row r="1408" spans="1:23" hidden="1" x14ac:dyDescent="0.35">
      <c r="A1408" s="52" t="s">
        <v>78</v>
      </c>
      <c r="B1408" s="52" t="s">
        <v>79</v>
      </c>
      <c r="C1408" s="3">
        <v>20</v>
      </c>
      <c r="D1408" s="52" t="s">
        <v>83</v>
      </c>
      <c r="E1408" s="52" t="s">
        <v>26</v>
      </c>
      <c r="F1408" s="52" t="s">
        <v>81</v>
      </c>
      <c r="G1408" s="52" t="s">
        <v>82</v>
      </c>
      <c r="H1408" s="4">
        <v>1</v>
      </c>
      <c r="I1408" s="2">
        <v>14.65</v>
      </c>
      <c r="J1408" s="52" t="s">
        <v>4690</v>
      </c>
      <c r="K1408" s="71" t="s">
        <v>4691</v>
      </c>
      <c r="L1408" s="52" t="s">
        <v>2063</v>
      </c>
      <c r="M1408" s="72">
        <v>5532</v>
      </c>
      <c r="N1408" s="52" t="s">
        <v>2066</v>
      </c>
      <c r="O1408" s="52" t="s">
        <v>2067</v>
      </c>
      <c r="P1408" s="52"/>
      <c r="Q1408" s="52"/>
      <c r="R1408" s="52"/>
      <c r="S1408" s="52"/>
      <c r="T1408" s="52"/>
      <c r="U1408" s="52"/>
      <c r="V1408" s="52"/>
      <c r="W1408" s="52"/>
    </row>
    <row r="1409" spans="1:23" hidden="1" x14ac:dyDescent="0.35">
      <c r="A1409" s="52" t="s">
        <v>78</v>
      </c>
      <c r="B1409" s="52" t="s">
        <v>79</v>
      </c>
      <c r="C1409" s="3">
        <v>20</v>
      </c>
      <c r="D1409" s="52" t="s">
        <v>87</v>
      </c>
      <c r="E1409" s="52" t="s">
        <v>26</v>
      </c>
      <c r="F1409" s="52" t="s">
        <v>81</v>
      </c>
      <c r="G1409" s="52" t="s">
        <v>82</v>
      </c>
      <c r="H1409" s="4">
        <v>1</v>
      </c>
      <c r="I1409" s="2">
        <v>14.65</v>
      </c>
      <c r="J1409" s="52" t="s">
        <v>4692</v>
      </c>
      <c r="K1409" s="71" t="s">
        <v>4693</v>
      </c>
      <c r="L1409" s="52" t="s">
        <v>2063</v>
      </c>
      <c r="M1409" s="72">
        <v>2280</v>
      </c>
      <c r="N1409" s="52" t="s">
        <v>2072</v>
      </c>
      <c r="O1409" s="52" t="s">
        <v>2073</v>
      </c>
      <c r="P1409" s="52"/>
      <c r="Q1409" s="52"/>
      <c r="R1409" s="52"/>
      <c r="S1409" s="52"/>
      <c r="T1409" s="52"/>
      <c r="U1409" s="52"/>
      <c r="V1409" s="52"/>
      <c r="W1409" s="52"/>
    </row>
    <row r="1410" spans="1:23" hidden="1" x14ac:dyDescent="0.35">
      <c r="A1410" s="52" t="s">
        <v>78</v>
      </c>
      <c r="B1410" s="52" t="s">
        <v>79</v>
      </c>
      <c r="C1410" s="3">
        <v>20</v>
      </c>
      <c r="D1410" s="52" t="s">
        <v>80</v>
      </c>
      <c r="E1410" s="52" t="s">
        <v>26</v>
      </c>
      <c r="F1410" s="52" t="s">
        <v>81</v>
      </c>
      <c r="G1410" s="52" t="s">
        <v>82</v>
      </c>
      <c r="H1410" s="4">
        <v>1</v>
      </c>
      <c r="I1410" s="2">
        <v>14.65</v>
      </c>
      <c r="J1410" s="52" t="s">
        <v>3716</v>
      </c>
      <c r="K1410" s="71" t="s">
        <v>4694</v>
      </c>
      <c r="L1410" s="52" t="s">
        <v>2063</v>
      </c>
      <c r="M1410" s="72">
        <v>385</v>
      </c>
      <c r="N1410" s="52"/>
      <c r="O1410" s="52"/>
      <c r="P1410" s="52"/>
      <c r="Q1410" s="52"/>
      <c r="R1410" s="52"/>
      <c r="S1410" s="52"/>
      <c r="T1410" s="52"/>
      <c r="U1410" s="52"/>
      <c r="V1410" s="52"/>
      <c r="W1410" s="52"/>
    </row>
    <row r="1411" spans="1:23" hidden="1" x14ac:dyDescent="0.35">
      <c r="A1411" s="52" t="s">
        <v>78</v>
      </c>
      <c r="B1411" s="52" t="s">
        <v>79</v>
      </c>
      <c r="C1411" s="3">
        <v>211</v>
      </c>
      <c r="D1411" s="52" t="s">
        <v>2021</v>
      </c>
      <c r="E1411" s="52" t="s">
        <v>26</v>
      </c>
      <c r="F1411" s="52" t="s">
        <v>81</v>
      </c>
      <c r="G1411" s="52" t="s">
        <v>82</v>
      </c>
      <c r="H1411" s="4">
        <v>1</v>
      </c>
      <c r="I1411" s="2">
        <v>14.65</v>
      </c>
      <c r="J1411" s="52" t="s">
        <v>4695</v>
      </c>
      <c r="K1411" s="71" t="s">
        <v>4696</v>
      </c>
      <c r="L1411" s="52" t="s">
        <v>2063</v>
      </c>
      <c r="M1411" s="72">
        <v>7990</v>
      </c>
      <c r="N1411" s="52" t="s">
        <v>2072</v>
      </c>
      <c r="O1411" s="52" t="s">
        <v>2073</v>
      </c>
      <c r="P1411" s="52"/>
      <c r="Q1411" s="52"/>
      <c r="R1411" s="52"/>
      <c r="S1411" s="52"/>
      <c r="T1411" s="52"/>
      <c r="U1411" s="52"/>
      <c r="V1411" s="52"/>
      <c r="W1411" s="52"/>
    </row>
    <row r="1412" spans="1:23" hidden="1" x14ac:dyDescent="0.35">
      <c r="A1412" s="52" t="s">
        <v>78</v>
      </c>
      <c r="B1412" s="52" t="s">
        <v>79</v>
      </c>
      <c r="C1412" s="3">
        <v>20</v>
      </c>
      <c r="D1412" s="52" t="s">
        <v>87</v>
      </c>
      <c r="E1412" s="52" t="s">
        <v>26</v>
      </c>
      <c r="F1412" s="52" t="s">
        <v>81</v>
      </c>
      <c r="G1412" s="52" t="s">
        <v>82</v>
      </c>
      <c r="H1412" s="4">
        <v>1</v>
      </c>
      <c r="I1412" s="2">
        <v>14.65</v>
      </c>
      <c r="J1412" s="52" t="s">
        <v>4697</v>
      </c>
      <c r="K1412" s="71" t="s">
        <v>4698</v>
      </c>
      <c r="L1412" s="52" t="s">
        <v>2063</v>
      </c>
      <c r="M1412" s="72">
        <v>8473</v>
      </c>
      <c r="N1412" s="52"/>
      <c r="O1412" s="52"/>
      <c r="P1412" s="52"/>
      <c r="Q1412" s="52"/>
      <c r="R1412" s="52"/>
      <c r="S1412" s="52"/>
      <c r="T1412" s="52"/>
      <c r="U1412" s="52"/>
      <c r="V1412" s="52"/>
      <c r="W1412" s="52"/>
    </row>
    <row r="1413" spans="1:23" hidden="1" x14ac:dyDescent="0.35">
      <c r="A1413" s="52" t="s">
        <v>78</v>
      </c>
      <c r="B1413" s="52" t="s">
        <v>79</v>
      </c>
      <c r="C1413" s="3">
        <v>10</v>
      </c>
      <c r="D1413" s="52" t="s">
        <v>2023</v>
      </c>
      <c r="E1413" s="52" t="s">
        <v>26</v>
      </c>
      <c r="F1413" s="52" t="s">
        <v>81</v>
      </c>
      <c r="G1413" s="52" t="s">
        <v>82</v>
      </c>
      <c r="H1413" s="4">
        <v>1</v>
      </c>
      <c r="I1413" s="2">
        <v>14.65</v>
      </c>
      <c r="J1413" s="52" t="s">
        <v>4699</v>
      </c>
      <c r="K1413" s="71" t="s">
        <v>4700</v>
      </c>
      <c r="L1413" s="52" t="s">
        <v>2063</v>
      </c>
      <c r="M1413" s="72">
        <v>2790</v>
      </c>
      <c r="N1413" s="52" t="s">
        <v>2066</v>
      </c>
      <c r="O1413" s="52" t="s">
        <v>2067</v>
      </c>
      <c r="P1413" s="52"/>
      <c r="Q1413" s="52"/>
      <c r="R1413" s="52"/>
      <c r="S1413" s="52"/>
      <c r="T1413" s="52"/>
      <c r="U1413" s="52"/>
      <c r="V1413" s="52"/>
      <c r="W1413" s="52"/>
    </row>
    <row r="1414" spans="1:23" hidden="1" x14ac:dyDescent="0.35">
      <c r="A1414" s="52" t="s">
        <v>78</v>
      </c>
      <c r="B1414" s="52" t="s">
        <v>79</v>
      </c>
      <c r="C1414" s="3">
        <v>10</v>
      </c>
      <c r="D1414" s="52" t="s">
        <v>85</v>
      </c>
      <c r="E1414" s="52" t="s">
        <v>26</v>
      </c>
      <c r="F1414" s="52" t="s">
        <v>81</v>
      </c>
      <c r="G1414" s="52" t="s">
        <v>82</v>
      </c>
      <c r="H1414" s="4">
        <v>1</v>
      </c>
      <c r="I1414" s="2">
        <v>14.65</v>
      </c>
      <c r="J1414" s="52" t="s">
        <v>4701</v>
      </c>
      <c r="K1414" s="71" t="s">
        <v>4702</v>
      </c>
      <c r="L1414" s="52" t="s">
        <v>2063</v>
      </c>
      <c r="M1414" s="72">
        <v>1092</v>
      </c>
      <c r="N1414" s="52" t="s">
        <v>2158</v>
      </c>
      <c r="O1414" s="52" t="s">
        <v>2159</v>
      </c>
      <c r="P1414" s="52"/>
      <c r="Q1414" s="52"/>
      <c r="R1414" s="52"/>
      <c r="S1414" s="52"/>
      <c r="T1414" s="52"/>
      <c r="U1414" s="52"/>
      <c r="V1414" s="52"/>
      <c r="W1414" s="52"/>
    </row>
    <row r="1415" spans="1:23" hidden="1" x14ac:dyDescent="0.35">
      <c r="A1415" s="52" t="s">
        <v>78</v>
      </c>
      <c r="B1415" s="52" t="s">
        <v>79</v>
      </c>
      <c r="C1415" s="3">
        <v>10</v>
      </c>
      <c r="D1415" s="52" t="s">
        <v>2023</v>
      </c>
      <c r="E1415" s="52" t="s">
        <v>26</v>
      </c>
      <c r="F1415" s="52" t="s">
        <v>81</v>
      </c>
      <c r="G1415" s="52" t="s">
        <v>82</v>
      </c>
      <c r="H1415" s="4">
        <v>1</v>
      </c>
      <c r="I1415" s="2">
        <v>14.65</v>
      </c>
      <c r="J1415" s="52" t="s">
        <v>4703</v>
      </c>
      <c r="K1415" s="71" t="s">
        <v>4704</v>
      </c>
      <c r="L1415" s="52" t="s">
        <v>2063</v>
      </c>
      <c r="M1415" s="72">
        <v>310</v>
      </c>
      <c r="N1415" s="52" t="s">
        <v>2066</v>
      </c>
      <c r="O1415" s="52" t="s">
        <v>2067</v>
      </c>
      <c r="P1415" s="52"/>
      <c r="Q1415" s="52"/>
      <c r="R1415" s="52"/>
      <c r="S1415" s="52"/>
      <c r="T1415" s="52"/>
      <c r="U1415" s="52"/>
      <c r="V1415" s="52"/>
      <c r="W1415" s="52"/>
    </row>
    <row r="1416" spans="1:23" x14ac:dyDescent="0.35">
      <c r="A1416" s="52" t="s">
        <v>78</v>
      </c>
      <c r="B1416" s="52" t="s">
        <v>79</v>
      </c>
      <c r="C1416" s="3">
        <v>10</v>
      </c>
      <c r="D1416" s="52" t="s">
        <v>2023</v>
      </c>
      <c r="E1416" s="52" t="s">
        <v>26</v>
      </c>
      <c r="F1416" s="52" t="s">
        <v>81</v>
      </c>
      <c r="G1416" s="52" t="s">
        <v>82</v>
      </c>
      <c r="H1416" s="4">
        <v>1</v>
      </c>
      <c r="I1416" s="2">
        <v>14.65</v>
      </c>
      <c r="J1416" s="52" t="s">
        <v>4705</v>
      </c>
      <c r="K1416" s="71" t="s">
        <v>4706</v>
      </c>
      <c r="L1416" s="52" t="s">
        <v>2063</v>
      </c>
      <c r="M1416" s="72">
        <v>4583</v>
      </c>
      <c r="N1416" s="52" t="s">
        <v>2076</v>
      </c>
      <c r="O1416" s="52" t="s">
        <v>2077</v>
      </c>
      <c r="P1416" s="52"/>
      <c r="Q1416" s="52"/>
      <c r="R1416" s="52"/>
      <c r="S1416" s="52"/>
      <c r="T1416" s="52"/>
      <c r="U1416" s="52"/>
      <c r="V1416" s="52"/>
      <c r="W1416" s="52"/>
    </row>
    <row r="1417" spans="1:23" hidden="1" x14ac:dyDescent="0.35">
      <c r="A1417" s="52" t="s">
        <v>78</v>
      </c>
      <c r="B1417" s="52" t="s">
        <v>79</v>
      </c>
      <c r="C1417" s="3">
        <v>20</v>
      </c>
      <c r="D1417" s="52" t="s">
        <v>2022</v>
      </c>
      <c r="E1417" s="52" t="s">
        <v>26</v>
      </c>
      <c r="F1417" s="52" t="s">
        <v>81</v>
      </c>
      <c r="G1417" s="52" t="s">
        <v>82</v>
      </c>
      <c r="H1417" s="4">
        <v>1</v>
      </c>
      <c r="I1417" s="2">
        <v>14.65</v>
      </c>
      <c r="J1417" s="52" t="s">
        <v>4707</v>
      </c>
      <c r="K1417" s="71" t="s">
        <v>4708</v>
      </c>
      <c r="L1417" s="52" t="s">
        <v>2063</v>
      </c>
      <c r="M1417" s="72">
        <v>1744</v>
      </c>
      <c r="N1417" s="52" t="s">
        <v>2072</v>
      </c>
      <c r="O1417" s="52" t="s">
        <v>2073</v>
      </c>
      <c r="P1417" s="52"/>
      <c r="Q1417" s="52"/>
      <c r="R1417" s="52"/>
      <c r="S1417" s="52"/>
      <c r="T1417" s="52"/>
      <c r="U1417" s="52"/>
      <c r="V1417" s="52"/>
      <c r="W1417" s="52"/>
    </row>
    <row r="1418" spans="1:23" hidden="1" x14ac:dyDescent="0.35">
      <c r="A1418" s="52" t="s">
        <v>78</v>
      </c>
      <c r="B1418" s="52" t="s">
        <v>79</v>
      </c>
      <c r="C1418" s="3">
        <v>211</v>
      </c>
      <c r="D1418" s="52" t="s">
        <v>85</v>
      </c>
      <c r="E1418" s="52" t="s">
        <v>26</v>
      </c>
      <c r="F1418" s="52" t="s">
        <v>81</v>
      </c>
      <c r="G1418" s="52" t="s">
        <v>82</v>
      </c>
      <c r="H1418" s="4">
        <v>1</v>
      </c>
      <c r="I1418" s="2">
        <v>14.65</v>
      </c>
      <c r="J1418" s="52" t="s">
        <v>4709</v>
      </c>
      <c r="K1418" s="71" t="s">
        <v>4710</v>
      </c>
      <c r="L1418" s="52" t="s">
        <v>2063</v>
      </c>
      <c r="M1418" s="72">
        <v>5048</v>
      </c>
      <c r="N1418" s="52" t="s">
        <v>3580</v>
      </c>
      <c r="O1418" s="52" t="s">
        <v>3581</v>
      </c>
      <c r="P1418" s="52"/>
      <c r="Q1418" s="52"/>
      <c r="R1418" s="52"/>
      <c r="S1418" s="52"/>
      <c r="T1418" s="52"/>
      <c r="U1418" s="52"/>
      <c r="V1418" s="52"/>
      <c r="W1418" s="52"/>
    </row>
    <row r="1419" spans="1:23" hidden="1" x14ac:dyDescent="0.35">
      <c r="A1419" s="52" t="s">
        <v>78</v>
      </c>
      <c r="B1419" s="52" t="s">
        <v>79</v>
      </c>
      <c r="C1419" s="3">
        <v>20</v>
      </c>
      <c r="D1419" s="52" t="s">
        <v>2020</v>
      </c>
      <c r="E1419" s="52" t="s">
        <v>26</v>
      </c>
      <c r="F1419" s="52" t="s">
        <v>81</v>
      </c>
      <c r="G1419" s="52" t="s">
        <v>82</v>
      </c>
      <c r="H1419" s="4">
        <v>1</v>
      </c>
      <c r="I1419" s="2">
        <v>14.65</v>
      </c>
      <c r="J1419" s="52" t="s">
        <v>4711</v>
      </c>
      <c r="K1419" s="71" t="s">
        <v>4712</v>
      </c>
      <c r="L1419" s="52" t="s">
        <v>2063</v>
      </c>
      <c r="M1419" s="72">
        <v>2726</v>
      </c>
      <c r="N1419" s="52" t="s">
        <v>2072</v>
      </c>
      <c r="O1419" s="52" t="s">
        <v>2073</v>
      </c>
      <c r="P1419" s="52"/>
      <c r="Q1419" s="52"/>
      <c r="R1419" s="52"/>
      <c r="S1419" s="52"/>
      <c r="T1419" s="52"/>
      <c r="U1419" s="52"/>
      <c r="V1419" s="52"/>
      <c r="W1419" s="52"/>
    </row>
    <row r="1420" spans="1:23" hidden="1" x14ac:dyDescent="0.35">
      <c r="A1420" s="52" t="s">
        <v>78</v>
      </c>
      <c r="B1420" s="52" t="s">
        <v>79</v>
      </c>
      <c r="C1420" s="3">
        <v>20</v>
      </c>
      <c r="D1420" s="52" t="s">
        <v>2024</v>
      </c>
      <c r="E1420" s="52" t="s">
        <v>26</v>
      </c>
      <c r="F1420" s="52" t="s">
        <v>81</v>
      </c>
      <c r="G1420" s="52" t="s">
        <v>82</v>
      </c>
      <c r="H1420" s="4">
        <v>1</v>
      </c>
      <c r="I1420" s="2">
        <v>14.65</v>
      </c>
      <c r="J1420" s="52" t="s">
        <v>4713</v>
      </c>
      <c r="K1420" s="71" t="s">
        <v>4714</v>
      </c>
      <c r="L1420" s="52" t="s">
        <v>2063</v>
      </c>
      <c r="M1420" s="72">
        <v>5603</v>
      </c>
      <c r="N1420" s="52" t="s">
        <v>2158</v>
      </c>
      <c r="O1420" s="52" t="s">
        <v>2159</v>
      </c>
      <c r="P1420" s="52"/>
      <c r="Q1420" s="52"/>
      <c r="R1420" s="52"/>
      <c r="S1420" s="52"/>
      <c r="T1420" s="52"/>
      <c r="U1420" s="52"/>
      <c r="V1420" s="52"/>
      <c r="W1420" s="52"/>
    </row>
    <row r="1421" spans="1:23" hidden="1" x14ac:dyDescent="0.35">
      <c r="A1421" s="52" t="s">
        <v>78</v>
      </c>
      <c r="B1421" s="52" t="s">
        <v>79</v>
      </c>
      <c r="C1421" s="3">
        <v>20</v>
      </c>
      <c r="D1421" s="52" t="s">
        <v>2022</v>
      </c>
      <c r="E1421" s="52" t="s">
        <v>26</v>
      </c>
      <c r="F1421" s="52" t="s">
        <v>81</v>
      </c>
      <c r="G1421" s="52" t="s">
        <v>82</v>
      </c>
      <c r="H1421" s="4">
        <v>1</v>
      </c>
      <c r="I1421" s="2">
        <v>14.65</v>
      </c>
      <c r="J1421" s="52" t="s">
        <v>4715</v>
      </c>
      <c r="K1421" s="71" t="s">
        <v>4716</v>
      </c>
      <c r="L1421" s="52" t="s">
        <v>2063</v>
      </c>
      <c r="M1421" s="72">
        <v>9595</v>
      </c>
      <c r="N1421" s="52" t="s">
        <v>2072</v>
      </c>
      <c r="O1421" s="52" t="s">
        <v>2073</v>
      </c>
      <c r="P1421" s="52"/>
      <c r="Q1421" s="52"/>
      <c r="R1421" s="52"/>
      <c r="S1421" s="52"/>
      <c r="T1421" s="52"/>
      <c r="U1421" s="52"/>
      <c r="V1421" s="52"/>
      <c r="W1421" s="52"/>
    </row>
    <row r="1422" spans="1:23" hidden="1" x14ac:dyDescent="0.35">
      <c r="A1422" s="52" t="s">
        <v>78</v>
      </c>
      <c r="B1422" s="52" t="s">
        <v>79</v>
      </c>
      <c r="C1422" s="3">
        <v>10</v>
      </c>
      <c r="D1422" s="52" t="s">
        <v>80</v>
      </c>
      <c r="E1422" s="52" t="s">
        <v>26</v>
      </c>
      <c r="F1422" s="52" t="s">
        <v>81</v>
      </c>
      <c r="G1422" s="52" t="s">
        <v>82</v>
      </c>
      <c r="H1422" s="4">
        <v>1</v>
      </c>
      <c r="I1422" s="2">
        <v>14.65</v>
      </c>
      <c r="J1422" s="52" t="s">
        <v>4717</v>
      </c>
      <c r="K1422" s="71" t="s">
        <v>4718</v>
      </c>
      <c r="L1422" s="52" t="s">
        <v>2063</v>
      </c>
      <c r="M1422" s="72">
        <v>8359</v>
      </c>
      <c r="N1422" s="52"/>
      <c r="O1422" s="52"/>
      <c r="P1422" s="52"/>
      <c r="Q1422" s="52"/>
      <c r="R1422" s="52"/>
      <c r="S1422" s="52"/>
      <c r="T1422" s="52"/>
      <c r="U1422" s="52"/>
      <c r="V1422" s="52"/>
      <c r="W1422" s="52"/>
    </row>
    <row r="1423" spans="1:23" hidden="1" x14ac:dyDescent="0.35">
      <c r="A1423" s="52" t="s">
        <v>78</v>
      </c>
      <c r="B1423" s="52" t="s">
        <v>79</v>
      </c>
      <c r="C1423" s="3">
        <v>20</v>
      </c>
      <c r="D1423" s="52" t="s">
        <v>2023</v>
      </c>
      <c r="E1423" s="52" t="s">
        <v>26</v>
      </c>
      <c r="F1423" s="52" t="s">
        <v>81</v>
      </c>
      <c r="G1423" s="52" t="s">
        <v>82</v>
      </c>
      <c r="H1423" s="4">
        <v>1</v>
      </c>
      <c r="I1423" s="2">
        <v>14.65</v>
      </c>
      <c r="J1423" s="52" t="s">
        <v>4719</v>
      </c>
      <c r="K1423" s="71" t="s">
        <v>4720</v>
      </c>
      <c r="L1423" s="52" t="s">
        <v>2063</v>
      </c>
      <c r="M1423" s="72">
        <v>6851</v>
      </c>
      <c r="N1423" s="52" t="s">
        <v>2072</v>
      </c>
      <c r="O1423" s="52" t="s">
        <v>2073</v>
      </c>
      <c r="P1423" s="52"/>
      <c r="Q1423" s="52"/>
      <c r="R1423" s="52"/>
      <c r="S1423" s="52"/>
      <c r="T1423" s="52"/>
      <c r="U1423" s="52"/>
      <c r="V1423" s="52"/>
      <c r="W1423" s="52"/>
    </row>
    <row r="1424" spans="1:23" hidden="1" x14ac:dyDescent="0.35">
      <c r="A1424" s="52" t="s">
        <v>78</v>
      </c>
      <c r="B1424" s="52" t="s">
        <v>79</v>
      </c>
      <c r="C1424" s="3">
        <v>10</v>
      </c>
      <c r="D1424" s="52" t="s">
        <v>87</v>
      </c>
      <c r="E1424" s="52" t="s">
        <v>26</v>
      </c>
      <c r="F1424" s="52" t="s">
        <v>81</v>
      </c>
      <c r="G1424" s="52" t="s">
        <v>82</v>
      </c>
      <c r="H1424" s="4">
        <v>1</v>
      </c>
      <c r="I1424" s="2">
        <v>14.65</v>
      </c>
      <c r="J1424" s="52" t="s">
        <v>4721</v>
      </c>
      <c r="K1424" s="71" t="s">
        <v>4722</v>
      </c>
      <c r="L1424" s="52" t="s">
        <v>2063</v>
      </c>
      <c r="M1424" s="72">
        <v>9582</v>
      </c>
      <c r="N1424" s="52" t="s">
        <v>2072</v>
      </c>
      <c r="O1424" s="52" t="s">
        <v>2073</v>
      </c>
      <c r="P1424" s="52"/>
      <c r="Q1424" s="52"/>
      <c r="R1424" s="52"/>
      <c r="S1424" s="52"/>
      <c r="T1424" s="52"/>
      <c r="U1424" s="52"/>
      <c r="V1424" s="52"/>
      <c r="W1424" s="52"/>
    </row>
    <row r="1425" spans="1:23" hidden="1" x14ac:dyDescent="0.35">
      <c r="A1425" s="52" t="s">
        <v>78</v>
      </c>
      <c r="B1425" s="52" t="s">
        <v>79</v>
      </c>
      <c r="C1425" s="3">
        <v>10</v>
      </c>
      <c r="D1425" s="52" t="s">
        <v>2023</v>
      </c>
      <c r="E1425" s="52" t="s">
        <v>26</v>
      </c>
      <c r="F1425" s="52" t="s">
        <v>81</v>
      </c>
      <c r="G1425" s="52" t="s">
        <v>82</v>
      </c>
      <c r="H1425" s="4">
        <v>1</v>
      </c>
      <c r="I1425" s="2">
        <v>14.65</v>
      </c>
      <c r="J1425" s="52" t="s">
        <v>4723</v>
      </c>
      <c r="K1425" s="71" t="s">
        <v>4724</v>
      </c>
      <c r="L1425" s="52" t="s">
        <v>2063</v>
      </c>
      <c r="M1425" s="72">
        <v>8329</v>
      </c>
      <c r="N1425" s="52" t="s">
        <v>2072</v>
      </c>
      <c r="O1425" s="52" t="s">
        <v>2073</v>
      </c>
      <c r="P1425" s="52"/>
      <c r="Q1425" s="52"/>
      <c r="R1425" s="52"/>
      <c r="S1425" s="52"/>
      <c r="T1425" s="52"/>
      <c r="U1425" s="52"/>
      <c r="V1425" s="52"/>
      <c r="W1425" s="52"/>
    </row>
    <row r="1426" spans="1:23" hidden="1" x14ac:dyDescent="0.35">
      <c r="A1426" s="52" t="s">
        <v>78</v>
      </c>
      <c r="B1426" s="52" t="s">
        <v>79</v>
      </c>
      <c r="C1426" s="3">
        <v>20</v>
      </c>
      <c r="D1426" s="52" t="s">
        <v>2021</v>
      </c>
      <c r="E1426" s="52" t="s">
        <v>26</v>
      </c>
      <c r="F1426" s="52" t="s">
        <v>81</v>
      </c>
      <c r="G1426" s="52" t="s">
        <v>82</v>
      </c>
      <c r="H1426" s="4">
        <v>1</v>
      </c>
      <c r="I1426" s="2">
        <v>14.65</v>
      </c>
      <c r="J1426" s="52" t="s">
        <v>4725</v>
      </c>
      <c r="K1426" s="71" t="s">
        <v>4726</v>
      </c>
      <c r="L1426" s="52" t="s">
        <v>2063</v>
      </c>
      <c r="M1426" s="72">
        <v>4067</v>
      </c>
      <c r="N1426" s="52" t="s">
        <v>2072</v>
      </c>
      <c r="O1426" s="52" t="s">
        <v>2073</v>
      </c>
      <c r="P1426" s="52"/>
      <c r="Q1426" s="52"/>
      <c r="R1426" s="52"/>
      <c r="S1426" s="52"/>
      <c r="T1426" s="52"/>
      <c r="U1426" s="52"/>
      <c r="V1426" s="52"/>
      <c r="W1426" s="52"/>
    </row>
    <row r="1427" spans="1:23" hidden="1" x14ac:dyDescent="0.35">
      <c r="A1427" s="52" t="s">
        <v>78</v>
      </c>
      <c r="B1427" s="52" t="s">
        <v>79</v>
      </c>
      <c r="C1427" s="3">
        <v>20</v>
      </c>
      <c r="D1427" s="52" t="s">
        <v>87</v>
      </c>
      <c r="E1427" s="52" t="s">
        <v>26</v>
      </c>
      <c r="F1427" s="52" t="s">
        <v>81</v>
      </c>
      <c r="G1427" s="52" t="s">
        <v>82</v>
      </c>
      <c r="H1427" s="4">
        <v>1</v>
      </c>
      <c r="I1427" s="2">
        <v>14.65</v>
      </c>
      <c r="J1427" s="52" t="s">
        <v>4727</v>
      </c>
      <c r="K1427" s="71" t="s">
        <v>4728</v>
      </c>
      <c r="L1427" s="52" t="s">
        <v>2063</v>
      </c>
      <c r="M1427" s="72">
        <v>3520</v>
      </c>
      <c r="N1427" s="52" t="s">
        <v>2066</v>
      </c>
      <c r="O1427" s="52" t="s">
        <v>2067</v>
      </c>
      <c r="P1427" s="52"/>
      <c r="Q1427" s="52"/>
      <c r="R1427" s="52"/>
      <c r="S1427" s="52"/>
      <c r="T1427" s="52"/>
      <c r="U1427" s="52"/>
      <c r="V1427" s="52"/>
      <c r="W1427" s="52"/>
    </row>
    <row r="1428" spans="1:23" hidden="1" x14ac:dyDescent="0.35">
      <c r="A1428" s="52" t="s">
        <v>78</v>
      </c>
      <c r="B1428" s="52" t="s">
        <v>79</v>
      </c>
      <c r="C1428" s="3">
        <v>20</v>
      </c>
      <c r="D1428" s="52" t="s">
        <v>2020</v>
      </c>
      <c r="E1428" s="52" t="s">
        <v>26</v>
      </c>
      <c r="F1428" s="52" t="s">
        <v>81</v>
      </c>
      <c r="G1428" s="52" t="s">
        <v>82</v>
      </c>
      <c r="H1428" s="4">
        <v>1</v>
      </c>
      <c r="I1428" s="2">
        <v>14.65</v>
      </c>
      <c r="J1428" s="52" t="s">
        <v>4729</v>
      </c>
      <c r="K1428" s="71" t="s">
        <v>4730</v>
      </c>
      <c r="L1428" s="52" t="s">
        <v>2063</v>
      </c>
      <c r="M1428" s="72">
        <v>9721</v>
      </c>
      <c r="N1428" s="52" t="s">
        <v>2072</v>
      </c>
      <c r="O1428" s="52" t="s">
        <v>2073</v>
      </c>
      <c r="P1428" s="52"/>
      <c r="Q1428" s="52"/>
      <c r="R1428" s="52"/>
      <c r="S1428" s="52"/>
      <c r="T1428" s="52"/>
      <c r="U1428" s="52"/>
      <c r="V1428" s="52"/>
      <c r="W1428" s="52"/>
    </row>
    <row r="1429" spans="1:23" hidden="1" x14ac:dyDescent="0.35">
      <c r="A1429" s="52" t="s">
        <v>78</v>
      </c>
      <c r="B1429" s="52" t="s">
        <v>79</v>
      </c>
      <c r="C1429" s="3">
        <v>20</v>
      </c>
      <c r="D1429" s="52" t="s">
        <v>2023</v>
      </c>
      <c r="E1429" s="52" t="s">
        <v>26</v>
      </c>
      <c r="F1429" s="52" t="s">
        <v>81</v>
      </c>
      <c r="G1429" s="52" t="s">
        <v>82</v>
      </c>
      <c r="H1429" s="4">
        <v>1</v>
      </c>
      <c r="I1429" s="2">
        <v>14.65</v>
      </c>
      <c r="J1429" s="52" t="s">
        <v>4731</v>
      </c>
      <c r="K1429" s="71" t="s">
        <v>4732</v>
      </c>
      <c r="L1429" s="52" t="s">
        <v>2063</v>
      </c>
      <c r="M1429" s="72">
        <v>57</v>
      </c>
      <c r="N1429" s="52" t="s">
        <v>2072</v>
      </c>
      <c r="O1429" s="52" t="s">
        <v>2073</v>
      </c>
      <c r="P1429" s="52"/>
      <c r="Q1429" s="52"/>
      <c r="R1429" s="52"/>
      <c r="S1429" s="52"/>
      <c r="T1429" s="52"/>
      <c r="U1429" s="52"/>
      <c r="V1429" s="52"/>
      <c r="W1429" s="52"/>
    </row>
    <row r="1430" spans="1:23" hidden="1" x14ac:dyDescent="0.35">
      <c r="A1430" s="52" t="s">
        <v>78</v>
      </c>
      <c r="B1430" s="52" t="s">
        <v>79</v>
      </c>
      <c r="C1430" s="3">
        <v>20</v>
      </c>
      <c r="D1430" s="52" t="s">
        <v>80</v>
      </c>
      <c r="E1430" s="52" t="s">
        <v>26</v>
      </c>
      <c r="F1430" s="52" t="s">
        <v>81</v>
      </c>
      <c r="G1430" s="52" t="s">
        <v>82</v>
      </c>
      <c r="H1430" s="4">
        <v>1</v>
      </c>
      <c r="I1430" s="2">
        <v>14.65</v>
      </c>
      <c r="J1430" s="52" t="s">
        <v>4733</v>
      </c>
      <c r="K1430" s="71" t="s">
        <v>4734</v>
      </c>
      <c r="L1430" s="52" t="s">
        <v>2095</v>
      </c>
      <c r="M1430" s="72">
        <v>739</v>
      </c>
      <c r="N1430" s="52"/>
      <c r="O1430" s="52"/>
      <c r="P1430" s="52"/>
      <c r="Q1430" s="52"/>
      <c r="R1430" s="52"/>
      <c r="S1430" s="52"/>
      <c r="T1430" s="52"/>
      <c r="U1430" s="52"/>
      <c r="V1430" s="52"/>
      <c r="W1430" s="52"/>
    </row>
    <row r="1431" spans="1:23" hidden="1" x14ac:dyDescent="0.35">
      <c r="A1431" s="52" t="s">
        <v>78</v>
      </c>
      <c r="B1431" s="52" t="s">
        <v>79</v>
      </c>
      <c r="C1431" s="3">
        <v>20</v>
      </c>
      <c r="D1431" s="52" t="s">
        <v>84</v>
      </c>
      <c r="E1431" s="52" t="s">
        <v>26</v>
      </c>
      <c r="F1431" s="52" t="s">
        <v>81</v>
      </c>
      <c r="G1431" s="52" t="s">
        <v>82</v>
      </c>
      <c r="H1431" s="4">
        <v>1</v>
      </c>
      <c r="I1431" s="2">
        <v>14.65</v>
      </c>
      <c r="J1431" s="52" t="s">
        <v>4735</v>
      </c>
      <c r="K1431" s="71" t="s">
        <v>4736</v>
      </c>
      <c r="L1431" s="52" t="s">
        <v>2063</v>
      </c>
      <c r="M1431" s="72">
        <v>2603</v>
      </c>
      <c r="N1431" s="52"/>
      <c r="O1431" s="52"/>
      <c r="P1431" s="52"/>
      <c r="Q1431" s="52"/>
      <c r="R1431" s="52"/>
      <c r="S1431" s="52"/>
      <c r="T1431" s="52"/>
      <c r="U1431" s="52"/>
      <c r="V1431" s="52"/>
      <c r="W1431" s="52"/>
    </row>
    <row r="1432" spans="1:23" hidden="1" x14ac:dyDescent="0.35">
      <c r="A1432" s="52" t="s">
        <v>78</v>
      </c>
      <c r="B1432" s="52" t="s">
        <v>79</v>
      </c>
      <c r="C1432" s="3">
        <v>20</v>
      </c>
      <c r="D1432" s="52" t="s">
        <v>2022</v>
      </c>
      <c r="E1432" s="52" t="s">
        <v>26</v>
      </c>
      <c r="F1432" s="52" t="s">
        <v>81</v>
      </c>
      <c r="G1432" s="52" t="s">
        <v>82</v>
      </c>
      <c r="H1432" s="4">
        <v>1</v>
      </c>
      <c r="I1432" s="2">
        <v>14.65</v>
      </c>
      <c r="J1432" s="52" t="s">
        <v>4737</v>
      </c>
      <c r="K1432" s="71" t="s">
        <v>4738</v>
      </c>
      <c r="L1432" s="52" t="s">
        <v>2063</v>
      </c>
      <c r="M1432" s="72">
        <v>5601</v>
      </c>
      <c r="N1432" s="52" t="s">
        <v>2072</v>
      </c>
      <c r="O1432" s="52" t="s">
        <v>2073</v>
      </c>
      <c r="P1432" s="52"/>
      <c r="Q1432" s="52"/>
      <c r="R1432" s="52"/>
      <c r="S1432" s="52"/>
      <c r="T1432" s="52"/>
      <c r="U1432" s="52"/>
      <c r="V1432" s="52"/>
      <c r="W1432" s="52"/>
    </row>
    <row r="1433" spans="1:23" x14ac:dyDescent="0.35">
      <c r="A1433" s="52" t="s">
        <v>78</v>
      </c>
      <c r="B1433" s="52" t="s">
        <v>79</v>
      </c>
      <c r="C1433" s="3">
        <v>20</v>
      </c>
      <c r="D1433" s="52" t="s">
        <v>2022</v>
      </c>
      <c r="E1433" s="52" t="s">
        <v>26</v>
      </c>
      <c r="F1433" s="52" t="s">
        <v>81</v>
      </c>
      <c r="G1433" s="52" t="s">
        <v>82</v>
      </c>
      <c r="H1433" s="4">
        <v>1</v>
      </c>
      <c r="I1433" s="2">
        <v>14.65</v>
      </c>
      <c r="J1433" s="52" t="s">
        <v>4739</v>
      </c>
      <c r="K1433" s="71" t="s">
        <v>4740</v>
      </c>
      <c r="L1433" s="52" t="s">
        <v>2063</v>
      </c>
      <c r="M1433" s="72">
        <v>6329</v>
      </c>
      <c r="N1433" s="52" t="s">
        <v>2259</v>
      </c>
      <c r="O1433" s="52" t="s">
        <v>2260</v>
      </c>
      <c r="P1433" s="52"/>
      <c r="Q1433" s="52"/>
      <c r="R1433" s="52"/>
      <c r="S1433" s="52"/>
      <c r="T1433" s="52"/>
      <c r="U1433" s="52"/>
      <c r="V1433" s="52"/>
      <c r="W1433" s="52"/>
    </row>
    <row r="1434" spans="1:23" hidden="1" x14ac:dyDescent="0.35">
      <c r="A1434" s="52" t="s">
        <v>78</v>
      </c>
      <c r="B1434" s="52" t="s">
        <v>79</v>
      </c>
      <c r="C1434" s="3">
        <v>10</v>
      </c>
      <c r="D1434" s="52" t="s">
        <v>2022</v>
      </c>
      <c r="E1434" s="52" t="s">
        <v>26</v>
      </c>
      <c r="F1434" s="52" t="s">
        <v>81</v>
      </c>
      <c r="G1434" s="52" t="s">
        <v>82</v>
      </c>
      <c r="H1434" s="4">
        <v>1</v>
      </c>
      <c r="I1434" s="2">
        <v>14.65</v>
      </c>
      <c r="J1434" s="52" t="s">
        <v>4741</v>
      </c>
      <c r="K1434" s="71" t="s">
        <v>4742</v>
      </c>
      <c r="L1434" s="52" t="s">
        <v>2063</v>
      </c>
      <c r="M1434" s="72">
        <v>9054</v>
      </c>
      <c r="N1434" s="52" t="s">
        <v>2072</v>
      </c>
      <c r="O1434" s="52" t="s">
        <v>2073</v>
      </c>
      <c r="P1434" s="52"/>
      <c r="Q1434" s="52"/>
      <c r="R1434" s="52"/>
      <c r="S1434" s="52"/>
      <c r="T1434" s="52"/>
      <c r="U1434" s="52"/>
      <c r="V1434" s="52"/>
      <c r="W1434" s="52"/>
    </row>
    <row r="1435" spans="1:23" hidden="1" x14ac:dyDescent="0.35">
      <c r="A1435" s="52" t="s">
        <v>78</v>
      </c>
      <c r="B1435" s="52" t="s">
        <v>79</v>
      </c>
      <c r="C1435" s="3">
        <v>10</v>
      </c>
      <c r="D1435" s="52" t="s">
        <v>2019</v>
      </c>
      <c r="E1435" s="52" t="s">
        <v>26</v>
      </c>
      <c r="F1435" s="52" t="s">
        <v>81</v>
      </c>
      <c r="G1435" s="52" t="s">
        <v>82</v>
      </c>
      <c r="H1435" s="4">
        <v>1</v>
      </c>
      <c r="I1435" s="2">
        <v>14.65</v>
      </c>
      <c r="J1435" s="52" t="s">
        <v>4743</v>
      </c>
      <c r="K1435" s="71" t="s">
        <v>4744</v>
      </c>
      <c r="L1435" s="52" t="s">
        <v>2095</v>
      </c>
      <c r="M1435" s="72">
        <v>5466</v>
      </c>
      <c r="N1435" s="52" t="s">
        <v>2072</v>
      </c>
      <c r="O1435" s="52" t="s">
        <v>2073</v>
      </c>
      <c r="P1435" s="52"/>
      <c r="Q1435" s="52"/>
      <c r="R1435" s="52"/>
      <c r="S1435" s="52"/>
      <c r="T1435" s="52"/>
      <c r="U1435" s="52"/>
      <c r="V1435" s="52"/>
      <c r="W1435" s="52"/>
    </row>
    <row r="1436" spans="1:23" x14ac:dyDescent="0.35">
      <c r="A1436" s="52" t="s">
        <v>78</v>
      </c>
      <c r="B1436" s="52" t="s">
        <v>79</v>
      </c>
      <c r="C1436" s="3">
        <v>10</v>
      </c>
      <c r="D1436" s="52" t="s">
        <v>2020</v>
      </c>
      <c r="E1436" s="52" t="s">
        <v>26</v>
      </c>
      <c r="F1436" s="52" t="s">
        <v>81</v>
      </c>
      <c r="G1436" s="52" t="s">
        <v>82</v>
      </c>
      <c r="H1436" s="4">
        <v>1</v>
      </c>
      <c r="I1436" s="2">
        <v>14.65</v>
      </c>
      <c r="J1436" s="52" t="s">
        <v>4745</v>
      </c>
      <c r="K1436" s="71" t="s">
        <v>4746</v>
      </c>
      <c r="L1436" s="52" t="s">
        <v>2063</v>
      </c>
      <c r="M1436" s="72">
        <v>5879</v>
      </c>
      <c r="N1436" s="52" t="s">
        <v>2259</v>
      </c>
      <c r="O1436" s="52" t="s">
        <v>2260</v>
      </c>
      <c r="P1436" s="52"/>
      <c r="Q1436" s="52"/>
      <c r="R1436" s="52"/>
      <c r="S1436" s="52"/>
      <c r="T1436" s="52"/>
      <c r="U1436" s="52"/>
      <c r="V1436" s="52"/>
      <c r="W1436" s="52"/>
    </row>
    <row r="1437" spans="1:23" hidden="1" x14ac:dyDescent="0.35">
      <c r="A1437" s="52" t="s">
        <v>78</v>
      </c>
      <c r="B1437" s="52" t="s">
        <v>79</v>
      </c>
      <c r="C1437" s="3">
        <v>20</v>
      </c>
      <c r="D1437" s="52" t="s">
        <v>87</v>
      </c>
      <c r="E1437" s="52" t="s">
        <v>26</v>
      </c>
      <c r="F1437" s="52" t="s">
        <v>81</v>
      </c>
      <c r="G1437" s="52" t="s">
        <v>82</v>
      </c>
      <c r="H1437" s="4">
        <v>1</v>
      </c>
      <c r="I1437" s="2">
        <v>14.65</v>
      </c>
      <c r="J1437" s="52" t="s">
        <v>4747</v>
      </c>
      <c r="K1437" s="71" t="s">
        <v>4748</v>
      </c>
      <c r="L1437" s="52" t="s">
        <v>2063</v>
      </c>
      <c r="M1437" s="72">
        <v>5726</v>
      </c>
      <c r="N1437" s="52" t="s">
        <v>2072</v>
      </c>
      <c r="O1437" s="52" t="s">
        <v>2073</v>
      </c>
      <c r="P1437" s="52"/>
      <c r="Q1437" s="52"/>
      <c r="R1437" s="52"/>
      <c r="S1437" s="52"/>
      <c r="T1437" s="52"/>
      <c r="U1437" s="52"/>
      <c r="V1437" s="52"/>
      <c r="W1437" s="52"/>
    </row>
    <row r="1438" spans="1:23" hidden="1" x14ac:dyDescent="0.35">
      <c r="A1438" s="52" t="s">
        <v>78</v>
      </c>
      <c r="B1438" s="52" t="s">
        <v>79</v>
      </c>
      <c r="C1438" s="3">
        <v>211</v>
      </c>
      <c r="D1438" s="52" t="s">
        <v>2021</v>
      </c>
      <c r="E1438" s="52" t="s">
        <v>26</v>
      </c>
      <c r="F1438" s="52" t="s">
        <v>81</v>
      </c>
      <c r="G1438" s="52" t="s">
        <v>82</v>
      </c>
      <c r="H1438" s="4">
        <v>1</v>
      </c>
      <c r="I1438" s="2">
        <v>14.65</v>
      </c>
      <c r="J1438" s="52" t="s">
        <v>4749</v>
      </c>
      <c r="K1438" s="71" t="s">
        <v>4750</v>
      </c>
      <c r="L1438" s="52" t="s">
        <v>2063</v>
      </c>
      <c r="M1438" s="72">
        <v>3502</v>
      </c>
      <c r="N1438" s="52"/>
      <c r="O1438" s="52"/>
      <c r="P1438" s="52"/>
      <c r="Q1438" s="52"/>
      <c r="R1438" s="52"/>
      <c r="S1438" s="52"/>
      <c r="T1438" s="52"/>
      <c r="U1438" s="52"/>
      <c r="V1438" s="52"/>
      <c r="W1438" s="52"/>
    </row>
    <row r="1439" spans="1:23" hidden="1" x14ac:dyDescent="0.35">
      <c r="A1439" s="52" t="s">
        <v>78</v>
      </c>
      <c r="B1439" s="52" t="s">
        <v>79</v>
      </c>
      <c r="C1439" s="3">
        <v>20</v>
      </c>
      <c r="D1439" s="52" t="s">
        <v>2022</v>
      </c>
      <c r="E1439" s="52" t="s">
        <v>26</v>
      </c>
      <c r="F1439" s="52" t="s">
        <v>81</v>
      </c>
      <c r="G1439" s="52" t="s">
        <v>82</v>
      </c>
      <c r="H1439" s="4">
        <v>1</v>
      </c>
      <c r="I1439" s="2">
        <v>14.65</v>
      </c>
      <c r="J1439" s="52" t="s">
        <v>4751</v>
      </c>
      <c r="K1439" s="71" t="s">
        <v>4752</v>
      </c>
      <c r="L1439" s="52" t="s">
        <v>2063</v>
      </c>
      <c r="M1439" s="72">
        <v>6253</v>
      </c>
      <c r="N1439" s="52" t="s">
        <v>2072</v>
      </c>
      <c r="O1439" s="52" t="s">
        <v>2073</v>
      </c>
      <c r="P1439" s="52"/>
      <c r="Q1439" s="52"/>
      <c r="R1439" s="52"/>
      <c r="S1439" s="52"/>
      <c r="T1439" s="52"/>
      <c r="U1439" s="52"/>
      <c r="V1439" s="52"/>
      <c r="W1439" s="52"/>
    </row>
    <row r="1440" spans="1:23" hidden="1" x14ac:dyDescent="0.35">
      <c r="A1440" s="52" t="s">
        <v>78</v>
      </c>
      <c r="B1440" s="52" t="s">
        <v>79</v>
      </c>
      <c r="C1440" s="3">
        <v>20</v>
      </c>
      <c r="D1440" s="52" t="s">
        <v>84</v>
      </c>
      <c r="E1440" s="52" t="s">
        <v>26</v>
      </c>
      <c r="F1440" s="52" t="s">
        <v>81</v>
      </c>
      <c r="G1440" s="52" t="s">
        <v>82</v>
      </c>
      <c r="H1440" s="4">
        <v>1</v>
      </c>
      <c r="I1440" s="2">
        <v>14.65</v>
      </c>
      <c r="J1440" s="52" t="s">
        <v>4753</v>
      </c>
      <c r="K1440" s="71" t="s">
        <v>4754</v>
      </c>
      <c r="L1440" s="52" t="s">
        <v>2063</v>
      </c>
      <c r="M1440" s="72">
        <v>8275</v>
      </c>
      <c r="N1440" s="52"/>
      <c r="O1440" s="52"/>
      <c r="P1440" s="52"/>
      <c r="Q1440" s="52"/>
      <c r="R1440" s="52"/>
      <c r="S1440" s="52"/>
      <c r="T1440" s="52"/>
      <c r="U1440" s="52"/>
      <c r="V1440" s="52"/>
      <c r="W1440" s="52"/>
    </row>
    <row r="1441" spans="1:23" hidden="1" x14ac:dyDescent="0.35">
      <c r="A1441" s="52" t="s">
        <v>78</v>
      </c>
      <c r="B1441" s="52" t="s">
        <v>79</v>
      </c>
      <c r="C1441" s="3">
        <v>211</v>
      </c>
      <c r="D1441" s="52" t="s">
        <v>85</v>
      </c>
      <c r="E1441" s="52" t="s">
        <v>26</v>
      </c>
      <c r="F1441" s="52" t="s">
        <v>81</v>
      </c>
      <c r="G1441" s="52" t="s">
        <v>82</v>
      </c>
      <c r="H1441" s="4">
        <v>1</v>
      </c>
      <c r="I1441" s="2">
        <v>14.65</v>
      </c>
      <c r="J1441" s="52" t="s">
        <v>4755</v>
      </c>
      <c r="K1441" s="71" t="s">
        <v>4756</v>
      </c>
      <c r="L1441" s="52" t="s">
        <v>2063</v>
      </c>
      <c r="M1441" s="72">
        <v>1301</v>
      </c>
      <c r="N1441" s="52" t="s">
        <v>2158</v>
      </c>
      <c r="O1441" s="52" t="s">
        <v>2159</v>
      </c>
      <c r="P1441" s="52"/>
      <c r="Q1441" s="52"/>
      <c r="R1441" s="52"/>
      <c r="S1441" s="52"/>
      <c r="T1441" s="52"/>
      <c r="U1441" s="52"/>
      <c r="V1441" s="52"/>
      <c r="W1441" s="52"/>
    </row>
    <row r="1442" spans="1:23" hidden="1" x14ac:dyDescent="0.35">
      <c r="A1442" s="52" t="s">
        <v>78</v>
      </c>
      <c r="B1442" s="52" t="s">
        <v>79</v>
      </c>
      <c r="C1442" s="3">
        <v>20</v>
      </c>
      <c r="D1442" s="52" t="s">
        <v>2019</v>
      </c>
      <c r="E1442" s="52" t="s">
        <v>26</v>
      </c>
      <c r="F1442" s="52" t="s">
        <v>81</v>
      </c>
      <c r="G1442" s="52" t="s">
        <v>82</v>
      </c>
      <c r="H1442" s="4">
        <v>1</v>
      </c>
      <c r="I1442" s="2">
        <v>14.65</v>
      </c>
      <c r="J1442" s="52" t="s">
        <v>4757</v>
      </c>
      <c r="K1442" s="71" t="s">
        <v>4758</v>
      </c>
      <c r="L1442" s="52" t="s">
        <v>2063</v>
      </c>
      <c r="M1442" s="72">
        <v>2764</v>
      </c>
      <c r="N1442" s="52" t="s">
        <v>2072</v>
      </c>
      <c r="O1442" s="52" t="s">
        <v>2073</v>
      </c>
      <c r="P1442" s="52"/>
      <c r="Q1442" s="52"/>
      <c r="R1442" s="52"/>
      <c r="S1442" s="52"/>
      <c r="T1442" s="52"/>
      <c r="U1442" s="52"/>
      <c r="V1442" s="52"/>
      <c r="W1442" s="52"/>
    </row>
    <row r="1443" spans="1:23" hidden="1" x14ac:dyDescent="0.35">
      <c r="A1443" s="52" t="s">
        <v>78</v>
      </c>
      <c r="B1443" s="52" t="s">
        <v>79</v>
      </c>
      <c r="C1443" s="3">
        <v>10</v>
      </c>
      <c r="D1443" s="52" t="s">
        <v>85</v>
      </c>
      <c r="E1443" s="52" t="s">
        <v>26</v>
      </c>
      <c r="F1443" s="52" t="s">
        <v>81</v>
      </c>
      <c r="G1443" s="52" t="s">
        <v>82</v>
      </c>
      <c r="H1443" s="4">
        <v>1</v>
      </c>
      <c r="I1443" s="2">
        <v>14.65</v>
      </c>
      <c r="J1443" s="52" t="s">
        <v>3645</v>
      </c>
      <c r="K1443" s="71" t="s">
        <v>4759</v>
      </c>
      <c r="L1443" s="52" t="s">
        <v>2063</v>
      </c>
      <c r="M1443" s="72">
        <v>1978</v>
      </c>
      <c r="N1443" s="52"/>
      <c r="O1443" s="52"/>
      <c r="P1443" s="52"/>
      <c r="Q1443" s="52"/>
      <c r="R1443" s="52"/>
      <c r="S1443" s="52"/>
      <c r="T1443" s="52"/>
      <c r="U1443" s="52"/>
      <c r="V1443" s="52"/>
      <c r="W1443" s="52"/>
    </row>
    <row r="1444" spans="1:23" x14ac:dyDescent="0.35">
      <c r="A1444" s="52" t="s">
        <v>78</v>
      </c>
      <c r="B1444" s="52" t="s">
        <v>79</v>
      </c>
      <c r="C1444" s="3">
        <v>10</v>
      </c>
      <c r="D1444" s="52" t="s">
        <v>2022</v>
      </c>
      <c r="E1444" s="52" t="s">
        <v>26</v>
      </c>
      <c r="F1444" s="52" t="s">
        <v>81</v>
      </c>
      <c r="G1444" s="52" t="s">
        <v>82</v>
      </c>
      <c r="H1444" s="4">
        <v>1</v>
      </c>
      <c r="I1444" s="2">
        <v>14.65</v>
      </c>
      <c r="J1444" s="52" t="s">
        <v>4760</v>
      </c>
      <c r="K1444" s="71" t="s">
        <v>4761</v>
      </c>
      <c r="L1444" s="52" t="s">
        <v>2063</v>
      </c>
      <c r="M1444" s="72">
        <v>1600</v>
      </c>
      <c r="N1444" s="52" t="s">
        <v>2259</v>
      </c>
      <c r="O1444" s="52" t="s">
        <v>2260</v>
      </c>
      <c r="P1444" s="52"/>
      <c r="Q1444" s="52"/>
      <c r="R1444" s="52"/>
      <c r="S1444" s="52"/>
      <c r="T1444" s="52"/>
      <c r="U1444" s="52"/>
      <c r="V1444" s="52"/>
      <c r="W1444" s="52"/>
    </row>
    <row r="1445" spans="1:23" hidden="1" x14ac:dyDescent="0.35">
      <c r="A1445" s="52" t="s">
        <v>78</v>
      </c>
      <c r="B1445" s="52" t="s">
        <v>79</v>
      </c>
      <c r="C1445" s="3">
        <v>20</v>
      </c>
      <c r="D1445" s="52" t="s">
        <v>2024</v>
      </c>
      <c r="E1445" s="52" t="s">
        <v>26</v>
      </c>
      <c r="F1445" s="52" t="s">
        <v>81</v>
      </c>
      <c r="G1445" s="52" t="s">
        <v>82</v>
      </c>
      <c r="H1445" s="4">
        <v>1</v>
      </c>
      <c r="I1445" s="2">
        <v>14.65</v>
      </c>
      <c r="J1445" s="52" t="s">
        <v>4762</v>
      </c>
      <c r="K1445" s="71" t="s">
        <v>4763</v>
      </c>
      <c r="L1445" s="52" t="s">
        <v>2063</v>
      </c>
      <c r="M1445" s="72">
        <v>4433</v>
      </c>
      <c r="N1445" s="52" t="s">
        <v>2072</v>
      </c>
      <c r="O1445" s="52" t="s">
        <v>2073</v>
      </c>
      <c r="P1445" s="52"/>
      <c r="Q1445" s="52"/>
      <c r="R1445" s="52"/>
      <c r="S1445" s="52"/>
      <c r="T1445" s="52"/>
      <c r="U1445" s="52"/>
      <c r="V1445" s="52"/>
      <c r="W1445" s="52"/>
    </row>
    <row r="1446" spans="1:23" hidden="1" x14ac:dyDescent="0.35">
      <c r="A1446" s="52" t="s">
        <v>78</v>
      </c>
      <c r="B1446" s="52" t="s">
        <v>79</v>
      </c>
      <c r="C1446" s="3">
        <v>20</v>
      </c>
      <c r="D1446" s="52" t="s">
        <v>83</v>
      </c>
      <c r="E1446" s="52" t="s">
        <v>26</v>
      </c>
      <c r="F1446" s="52" t="s">
        <v>81</v>
      </c>
      <c r="G1446" s="52" t="s">
        <v>82</v>
      </c>
      <c r="H1446" s="4">
        <v>1</v>
      </c>
      <c r="I1446" s="2">
        <v>14.65</v>
      </c>
      <c r="J1446" s="52" t="s">
        <v>3627</v>
      </c>
      <c r="K1446" s="71" t="s">
        <v>4764</v>
      </c>
      <c r="L1446" s="52" t="s">
        <v>2063</v>
      </c>
      <c r="M1446" s="72">
        <v>6226</v>
      </c>
      <c r="N1446" s="52" t="s">
        <v>2072</v>
      </c>
      <c r="O1446" s="52" t="s">
        <v>2073</v>
      </c>
      <c r="P1446" s="52"/>
      <c r="Q1446" s="52"/>
      <c r="R1446" s="52"/>
      <c r="S1446" s="52"/>
      <c r="T1446" s="52"/>
      <c r="U1446" s="52"/>
      <c r="V1446" s="52"/>
      <c r="W1446" s="52"/>
    </row>
    <row r="1447" spans="1:23" hidden="1" x14ac:dyDescent="0.35">
      <c r="A1447" s="52" t="s">
        <v>78</v>
      </c>
      <c r="B1447" s="52" t="s">
        <v>79</v>
      </c>
      <c r="C1447" s="3">
        <v>10</v>
      </c>
      <c r="D1447" s="52" t="s">
        <v>80</v>
      </c>
      <c r="E1447" s="52" t="s">
        <v>26</v>
      </c>
      <c r="F1447" s="52" t="s">
        <v>81</v>
      </c>
      <c r="G1447" s="52" t="s">
        <v>82</v>
      </c>
      <c r="H1447" s="4">
        <v>1</v>
      </c>
      <c r="I1447" s="2">
        <v>14.65</v>
      </c>
      <c r="J1447" s="52" t="s">
        <v>4765</v>
      </c>
      <c r="K1447" s="71" t="s">
        <v>4766</v>
      </c>
      <c r="L1447" s="52" t="s">
        <v>2095</v>
      </c>
      <c r="M1447" s="72">
        <v>8537</v>
      </c>
      <c r="N1447" s="52" t="s">
        <v>2072</v>
      </c>
      <c r="O1447" s="52" t="s">
        <v>2073</v>
      </c>
      <c r="P1447" s="52"/>
      <c r="Q1447" s="52"/>
      <c r="R1447" s="52"/>
      <c r="S1447" s="52"/>
      <c r="T1447" s="52"/>
      <c r="U1447" s="52"/>
      <c r="V1447" s="52"/>
      <c r="W1447" s="52"/>
    </row>
    <row r="1448" spans="1:23" hidden="1" x14ac:dyDescent="0.35">
      <c r="A1448" s="52" t="s">
        <v>78</v>
      </c>
      <c r="B1448" s="52" t="s">
        <v>79</v>
      </c>
      <c r="C1448" s="3">
        <v>10</v>
      </c>
      <c r="D1448" s="52" t="s">
        <v>86</v>
      </c>
      <c r="E1448" s="52" t="s">
        <v>26</v>
      </c>
      <c r="F1448" s="52" t="s">
        <v>81</v>
      </c>
      <c r="G1448" s="52" t="s">
        <v>82</v>
      </c>
      <c r="H1448" s="4">
        <v>1</v>
      </c>
      <c r="I1448" s="2">
        <v>14.65</v>
      </c>
      <c r="J1448" s="52" t="s">
        <v>4767</v>
      </c>
      <c r="K1448" s="71" t="s">
        <v>4768</v>
      </c>
      <c r="L1448" s="52" t="s">
        <v>2063</v>
      </c>
      <c r="M1448" s="72">
        <v>5135</v>
      </c>
      <c r="N1448" s="52" t="s">
        <v>2072</v>
      </c>
      <c r="O1448" s="52" t="s">
        <v>2073</v>
      </c>
      <c r="P1448" s="52"/>
      <c r="Q1448" s="52"/>
      <c r="R1448" s="52"/>
      <c r="S1448" s="52"/>
      <c r="T1448" s="52"/>
      <c r="U1448" s="52"/>
      <c r="V1448" s="52"/>
      <c r="W1448" s="52"/>
    </row>
    <row r="1449" spans="1:23" hidden="1" x14ac:dyDescent="0.35">
      <c r="A1449" s="52" t="s">
        <v>78</v>
      </c>
      <c r="B1449" s="52" t="s">
        <v>79</v>
      </c>
      <c r="C1449" s="3">
        <v>10</v>
      </c>
      <c r="D1449" s="52" t="s">
        <v>84</v>
      </c>
      <c r="E1449" s="52" t="s">
        <v>26</v>
      </c>
      <c r="F1449" s="52" t="s">
        <v>81</v>
      </c>
      <c r="G1449" s="52" t="s">
        <v>82</v>
      </c>
      <c r="H1449" s="4">
        <v>1</v>
      </c>
      <c r="I1449" s="2">
        <v>14.65</v>
      </c>
      <c r="J1449" s="52" t="s">
        <v>4769</v>
      </c>
      <c r="K1449" s="71" t="s">
        <v>4770</v>
      </c>
      <c r="L1449" s="52" t="s">
        <v>2063</v>
      </c>
      <c r="M1449" s="72">
        <v>7663</v>
      </c>
      <c r="N1449" s="52" t="s">
        <v>2158</v>
      </c>
      <c r="O1449" s="52" t="s">
        <v>2159</v>
      </c>
      <c r="P1449" s="52"/>
      <c r="Q1449" s="52"/>
      <c r="R1449" s="52"/>
      <c r="S1449" s="52"/>
      <c r="T1449" s="52"/>
      <c r="U1449" s="52"/>
      <c r="V1449" s="52"/>
      <c r="W1449" s="52"/>
    </row>
    <row r="1450" spans="1:23" hidden="1" x14ac:dyDescent="0.35">
      <c r="A1450" s="52" t="s">
        <v>78</v>
      </c>
      <c r="B1450" s="52" t="s">
        <v>79</v>
      </c>
      <c r="C1450" s="3">
        <v>20</v>
      </c>
      <c r="D1450" s="52" t="s">
        <v>84</v>
      </c>
      <c r="E1450" s="52" t="s">
        <v>26</v>
      </c>
      <c r="F1450" s="52" t="s">
        <v>81</v>
      </c>
      <c r="G1450" s="52" t="s">
        <v>82</v>
      </c>
      <c r="H1450" s="4">
        <v>1</v>
      </c>
      <c r="I1450" s="2">
        <v>14.65</v>
      </c>
      <c r="J1450" s="52" t="s">
        <v>4771</v>
      </c>
      <c r="K1450" s="71" t="s">
        <v>4772</v>
      </c>
      <c r="L1450" s="52" t="s">
        <v>2063</v>
      </c>
      <c r="M1450" s="72">
        <v>5540</v>
      </c>
      <c r="N1450" s="52" t="s">
        <v>2066</v>
      </c>
      <c r="O1450" s="52" t="s">
        <v>2067</v>
      </c>
      <c r="P1450" s="52"/>
      <c r="Q1450" s="52"/>
      <c r="R1450" s="52"/>
      <c r="S1450" s="52"/>
      <c r="T1450" s="52"/>
      <c r="U1450" s="52"/>
      <c r="V1450" s="52"/>
      <c r="W1450" s="52"/>
    </row>
    <row r="1451" spans="1:23" hidden="1" x14ac:dyDescent="0.35">
      <c r="A1451" s="52" t="s">
        <v>78</v>
      </c>
      <c r="B1451" s="52" t="s">
        <v>79</v>
      </c>
      <c r="C1451" s="3">
        <v>10</v>
      </c>
      <c r="D1451" s="52" t="s">
        <v>85</v>
      </c>
      <c r="E1451" s="52" t="s">
        <v>26</v>
      </c>
      <c r="F1451" s="52" t="s">
        <v>81</v>
      </c>
      <c r="G1451" s="52" t="s">
        <v>82</v>
      </c>
      <c r="H1451" s="4">
        <v>1</v>
      </c>
      <c r="I1451" s="2">
        <v>14.65</v>
      </c>
      <c r="J1451" s="52" t="s">
        <v>4773</v>
      </c>
      <c r="K1451" s="71" t="s">
        <v>4774</v>
      </c>
      <c r="L1451" s="52" t="s">
        <v>2063</v>
      </c>
      <c r="M1451" s="72">
        <v>2304</v>
      </c>
      <c r="N1451" s="52"/>
      <c r="O1451" s="52"/>
      <c r="P1451" s="52"/>
      <c r="Q1451" s="52"/>
      <c r="R1451" s="52"/>
      <c r="S1451" s="52"/>
      <c r="T1451" s="52"/>
      <c r="U1451" s="52"/>
      <c r="V1451" s="52"/>
      <c r="W1451" s="52"/>
    </row>
    <row r="1452" spans="1:23" hidden="1" x14ac:dyDescent="0.35">
      <c r="A1452" s="52" t="s">
        <v>78</v>
      </c>
      <c r="B1452" s="52" t="s">
        <v>79</v>
      </c>
      <c r="C1452" s="3">
        <v>20</v>
      </c>
      <c r="D1452" s="52" t="s">
        <v>2023</v>
      </c>
      <c r="E1452" s="52" t="s">
        <v>26</v>
      </c>
      <c r="F1452" s="52" t="s">
        <v>81</v>
      </c>
      <c r="G1452" s="52" t="s">
        <v>82</v>
      </c>
      <c r="H1452" s="4">
        <v>1</v>
      </c>
      <c r="I1452" s="2">
        <v>14.65</v>
      </c>
      <c r="J1452" s="52" t="s">
        <v>4775</v>
      </c>
      <c r="K1452" s="71" t="s">
        <v>4776</v>
      </c>
      <c r="L1452" s="52" t="s">
        <v>2063</v>
      </c>
      <c r="M1452" s="72">
        <v>6409</v>
      </c>
      <c r="N1452" s="52" t="s">
        <v>2072</v>
      </c>
      <c r="O1452" s="52" t="s">
        <v>2073</v>
      </c>
      <c r="P1452" s="52"/>
      <c r="Q1452" s="52"/>
      <c r="R1452" s="52"/>
      <c r="S1452" s="52"/>
      <c r="T1452" s="52"/>
      <c r="U1452" s="52"/>
      <c r="V1452" s="52"/>
      <c r="W1452" s="52"/>
    </row>
    <row r="1453" spans="1:23" hidden="1" x14ac:dyDescent="0.35">
      <c r="A1453" s="52" t="s">
        <v>78</v>
      </c>
      <c r="B1453" s="52" t="s">
        <v>79</v>
      </c>
      <c r="C1453" s="3">
        <v>20</v>
      </c>
      <c r="D1453" s="52" t="s">
        <v>87</v>
      </c>
      <c r="E1453" s="52" t="s">
        <v>26</v>
      </c>
      <c r="F1453" s="52" t="s">
        <v>81</v>
      </c>
      <c r="G1453" s="52" t="s">
        <v>82</v>
      </c>
      <c r="H1453" s="4">
        <v>1</v>
      </c>
      <c r="I1453" s="2">
        <v>14.65</v>
      </c>
      <c r="J1453" s="52" t="s">
        <v>4777</v>
      </c>
      <c r="K1453" s="71" t="s">
        <v>4778</v>
      </c>
      <c r="L1453" s="52" t="s">
        <v>2063</v>
      </c>
      <c r="M1453" s="72">
        <v>4743</v>
      </c>
      <c r="N1453" s="52" t="s">
        <v>2072</v>
      </c>
      <c r="O1453" s="52" t="s">
        <v>2073</v>
      </c>
      <c r="P1453" s="52"/>
      <c r="Q1453" s="52"/>
      <c r="R1453" s="52"/>
      <c r="S1453" s="52"/>
      <c r="T1453" s="52"/>
      <c r="U1453" s="52"/>
      <c r="V1453" s="52"/>
      <c r="W1453" s="52"/>
    </row>
    <row r="1454" spans="1:23" hidden="1" x14ac:dyDescent="0.35">
      <c r="A1454" s="52" t="s">
        <v>78</v>
      </c>
      <c r="B1454" s="52" t="s">
        <v>79</v>
      </c>
      <c r="C1454" s="3">
        <v>20</v>
      </c>
      <c r="D1454" s="52" t="s">
        <v>2019</v>
      </c>
      <c r="E1454" s="52" t="s">
        <v>26</v>
      </c>
      <c r="F1454" s="52" t="s">
        <v>81</v>
      </c>
      <c r="G1454" s="52" t="s">
        <v>82</v>
      </c>
      <c r="H1454" s="4">
        <v>1</v>
      </c>
      <c r="I1454" s="2">
        <v>14.65</v>
      </c>
      <c r="J1454" s="52" t="s">
        <v>3942</v>
      </c>
      <c r="K1454" s="71" t="s">
        <v>4779</v>
      </c>
      <c r="L1454" s="52" t="s">
        <v>2063</v>
      </c>
      <c r="M1454" s="72">
        <v>2690</v>
      </c>
      <c r="N1454" s="52"/>
      <c r="O1454" s="52"/>
      <c r="P1454" s="52"/>
      <c r="Q1454" s="52"/>
      <c r="R1454" s="52"/>
      <c r="S1454" s="52"/>
      <c r="T1454" s="52"/>
      <c r="U1454" s="52"/>
      <c r="V1454" s="52"/>
      <c r="W1454" s="52"/>
    </row>
    <row r="1455" spans="1:23" hidden="1" x14ac:dyDescent="0.35">
      <c r="A1455" s="52" t="s">
        <v>78</v>
      </c>
      <c r="B1455" s="52" t="s">
        <v>79</v>
      </c>
      <c r="C1455" s="3">
        <v>10</v>
      </c>
      <c r="D1455" s="52" t="s">
        <v>2019</v>
      </c>
      <c r="E1455" s="52" t="s">
        <v>26</v>
      </c>
      <c r="F1455" s="52" t="s">
        <v>81</v>
      </c>
      <c r="G1455" s="52" t="s">
        <v>82</v>
      </c>
      <c r="H1455" s="4">
        <v>1</v>
      </c>
      <c r="I1455" s="2">
        <v>14.65</v>
      </c>
      <c r="J1455" s="52" t="s">
        <v>4780</v>
      </c>
      <c r="K1455" s="71" t="s">
        <v>4781</v>
      </c>
      <c r="L1455" s="52" t="s">
        <v>2063</v>
      </c>
      <c r="M1455" s="72">
        <v>8170</v>
      </c>
      <c r="N1455" s="52" t="s">
        <v>2072</v>
      </c>
      <c r="O1455" s="52" t="s">
        <v>2073</v>
      </c>
      <c r="P1455" s="52"/>
      <c r="Q1455" s="52"/>
      <c r="R1455" s="52"/>
      <c r="S1455" s="52"/>
      <c r="T1455" s="52"/>
      <c r="U1455" s="52"/>
      <c r="V1455" s="52"/>
      <c r="W1455" s="52"/>
    </row>
    <row r="1456" spans="1:23" hidden="1" x14ac:dyDescent="0.35">
      <c r="A1456" s="52" t="s">
        <v>78</v>
      </c>
      <c r="B1456" s="52" t="s">
        <v>79</v>
      </c>
      <c r="C1456" s="3">
        <v>20</v>
      </c>
      <c r="D1456" s="52" t="s">
        <v>83</v>
      </c>
      <c r="E1456" s="52" t="s">
        <v>26</v>
      </c>
      <c r="F1456" s="52" t="s">
        <v>81</v>
      </c>
      <c r="G1456" s="52" t="s">
        <v>82</v>
      </c>
      <c r="H1456" s="4">
        <v>1</v>
      </c>
      <c r="I1456" s="2">
        <v>14.65</v>
      </c>
      <c r="J1456" s="52" t="s">
        <v>4782</v>
      </c>
      <c r="K1456" s="71" t="s">
        <v>4783</v>
      </c>
      <c r="L1456" s="52" t="s">
        <v>2063</v>
      </c>
      <c r="M1456" s="72">
        <v>5091</v>
      </c>
      <c r="N1456" s="52" t="s">
        <v>2158</v>
      </c>
      <c r="O1456" s="52" t="s">
        <v>2159</v>
      </c>
      <c r="P1456" s="52"/>
      <c r="Q1456" s="52"/>
      <c r="R1456" s="52"/>
      <c r="S1456" s="52"/>
      <c r="T1456" s="52"/>
      <c r="U1456" s="52"/>
      <c r="V1456" s="52"/>
      <c r="W1456" s="52"/>
    </row>
    <row r="1457" spans="1:23" hidden="1" x14ac:dyDescent="0.35">
      <c r="A1457" s="52" t="s">
        <v>78</v>
      </c>
      <c r="B1457" s="52" t="s">
        <v>79</v>
      </c>
      <c r="C1457" s="3">
        <v>10</v>
      </c>
      <c r="D1457" s="52" t="s">
        <v>2019</v>
      </c>
      <c r="E1457" s="52" t="s">
        <v>26</v>
      </c>
      <c r="F1457" s="52" t="s">
        <v>81</v>
      </c>
      <c r="G1457" s="52" t="s">
        <v>82</v>
      </c>
      <c r="H1457" s="4">
        <v>1</v>
      </c>
      <c r="I1457" s="2">
        <v>14.65</v>
      </c>
      <c r="J1457" s="52" t="s">
        <v>4784</v>
      </c>
      <c r="K1457" s="71" t="s">
        <v>4785</v>
      </c>
      <c r="L1457" s="52" t="s">
        <v>2063</v>
      </c>
      <c r="M1457" s="72">
        <v>1957</v>
      </c>
      <c r="N1457" s="52" t="s">
        <v>2158</v>
      </c>
      <c r="O1457" s="52" t="s">
        <v>2159</v>
      </c>
      <c r="P1457" s="52"/>
      <c r="Q1457" s="52"/>
      <c r="R1457" s="52"/>
      <c r="S1457" s="52"/>
      <c r="T1457" s="52"/>
      <c r="U1457" s="52"/>
      <c r="V1457" s="52"/>
      <c r="W1457" s="52"/>
    </row>
    <row r="1458" spans="1:23" hidden="1" x14ac:dyDescent="0.35">
      <c r="A1458" s="52" t="s">
        <v>78</v>
      </c>
      <c r="B1458" s="52" t="s">
        <v>79</v>
      </c>
      <c r="C1458" s="3">
        <v>20</v>
      </c>
      <c r="D1458" s="52" t="s">
        <v>2023</v>
      </c>
      <c r="E1458" s="52" t="s">
        <v>26</v>
      </c>
      <c r="F1458" s="52" t="s">
        <v>81</v>
      </c>
      <c r="G1458" s="52" t="s">
        <v>82</v>
      </c>
      <c r="H1458" s="4">
        <v>1</v>
      </c>
      <c r="I1458" s="2">
        <v>14.65</v>
      </c>
      <c r="J1458" s="52" t="s">
        <v>4786</v>
      </c>
      <c r="K1458" s="71" t="s">
        <v>4787</v>
      </c>
      <c r="L1458" s="52" t="s">
        <v>2063</v>
      </c>
      <c r="M1458" s="72">
        <v>6370</v>
      </c>
      <c r="N1458" s="52" t="s">
        <v>2072</v>
      </c>
      <c r="O1458" s="52" t="s">
        <v>2073</v>
      </c>
      <c r="P1458" s="52"/>
      <c r="Q1458" s="52"/>
      <c r="R1458" s="52"/>
      <c r="S1458" s="52"/>
      <c r="T1458" s="52"/>
      <c r="U1458" s="52"/>
      <c r="V1458" s="52"/>
      <c r="W1458" s="52"/>
    </row>
    <row r="1459" spans="1:23" hidden="1" x14ac:dyDescent="0.35">
      <c r="A1459" s="52" t="s">
        <v>78</v>
      </c>
      <c r="B1459" s="52" t="s">
        <v>79</v>
      </c>
      <c r="C1459" s="3">
        <v>20</v>
      </c>
      <c r="D1459" s="52" t="s">
        <v>2023</v>
      </c>
      <c r="E1459" s="52" t="s">
        <v>26</v>
      </c>
      <c r="F1459" s="52" t="s">
        <v>81</v>
      </c>
      <c r="G1459" s="52" t="s">
        <v>82</v>
      </c>
      <c r="H1459" s="4">
        <v>1</v>
      </c>
      <c r="I1459" s="2">
        <v>14.65</v>
      </c>
      <c r="J1459" s="52" t="s">
        <v>4788</v>
      </c>
      <c r="K1459" s="71" t="s">
        <v>4789</v>
      </c>
      <c r="L1459" s="52" t="s">
        <v>2063</v>
      </c>
      <c r="M1459" s="72">
        <v>1022</v>
      </c>
      <c r="N1459" s="52" t="s">
        <v>2072</v>
      </c>
      <c r="O1459" s="52" t="s">
        <v>2073</v>
      </c>
      <c r="P1459" s="52"/>
      <c r="Q1459" s="52"/>
      <c r="R1459" s="52"/>
      <c r="S1459" s="52"/>
      <c r="T1459" s="52"/>
      <c r="U1459" s="52"/>
      <c r="V1459" s="52"/>
      <c r="W1459" s="52"/>
    </row>
    <row r="1460" spans="1:23" hidden="1" x14ac:dyDescent="0.35">
      <c r="A1460" s="52" t="s">
        <v>78</v>
      </c>
      <c r="B1460" s="52" t="s">
        <v>79</v>
      </c>
      <c r="C1460" s="3">
        <v>10</v>
      </c>
      <c r="D1460" s="52" t="s">
        <v>85</v>
      </c>
      <c r="E1460" s="52" t="s">
        <v>26</v>
      </c>
      <c r="F1460" s="52" t="s">
        <v>81</v>
      </c>
      <c r="G1460" s="52" t="s">
        <v>82</v>
      </c>
      <c r="H1460" s="4">
        <v>1</v>
      </c>
      <c r="I1460" s="2">
        <v>14.65</v>
      </c>
      <c r="J1460" s="52" t="s">
        <v>4790</v>
      </c>
      <c r="K1460" s="71" t="s">
        <v>4791</v>
      </c>
      <c r="L1460" s="52" t="s">
        <v>2063</v>
      </c>
      <c r="M1460" s="72">
        <v>4496</v>
      </c>
      <c r="N1460" s="52" t="s">
        <v>2066</v>
      </c>
      <c r="O1460" s="52" t="s">
        <v>2067</v>
      </c>
      <c r="P1460" s="52"/>
      <c r="Q1460" s="52"/>
      <c r="R1460" s="52"/>
      <c r="S1460" s="52"/>
      <c r="T1460" s="52"/>
      <c r="U1460" s="52"/>
      <c r="V1460" s="52"/>
      <c r="W1460" s="52"/>
    </row>
    <row r="1461" spans="1:23" hidden="1" x14ac:dyDescent="0.35">
      <c r="A1461" s="52" t="s">
        <v>78</v>
      </c>
      <c r="B1461" s="52" t="s">
        <v>79</v>
      </c>
      <c r="C1461" s="3">
        <v>10</v>
      </c>
      <c r="D1461" s="52" t="s">
        <v>84</v>
      </c>
      <c r="E1461" s="52" t="s">
        <v>26</v>
      </c>
      <c r="F1461" s="52" t="s">
        <v>81</v>
      </c>
      <c r="G1461" s="52" t="s">
        <v>82</v>
      </c>
      <c r="H1461" s="4">
        <v>1</v>
      </c>
      <c r="I1461" s="2">
        <v>14.65</v>
      </c>
      <c r="J1461" s="52" t="s">
        <v>4792</v>
      </c>
      <c r="K1461" s="71" t="s">
        <v>4793</v>
      </c>
      <c r="L1461" s="52" t="s">
        <v>2063</v>
      </c>
      <c r="M1461" s="72">
        <v>3906</v>
      </c>
      <c r="N1461" s="52" t="s">
        <v>2158</v>
      </c>
      <c r="O1461" s="52" t="s">
        <v>2159</v>
      </c>
      <c r="P1461" s="52"/>
      <c r="Q1461" s="52"/>
      <c r="R1461" s="52"/>
      <c r="S1461" s="52"/>
      <c r="T1461" s="52"/>
      <c r="U1461" s="52"/>
      <c r="V1461" s="52"/>
      <c r="W1461" s="52"/>
    </row>
    <row r="1462" spans="1:23" hidden="1" x14ac:dyDescent="0.35">
      <c r="A1462" s="52" t="s">
        <v>78</v>
      </c>
      <c r="B1462" s="52" t="s">
        <v>79</v>
      </c>
      <c r="C1462" s="3">
        <v>20</v>
      </c>
      <c r="D1462" s="52" t="s">
        <v>80</v>
      </c>
      <c r="E1462" s="52" t="s">
        <v>26</v>
      </c>
      <c r="F1462" s="52" t="s">
        <v>81</v>
      </c>
      <c r="G1462" s="52" t="s">
        <v>82</v>
      </c>
      <c r="H1462" s="4">
        <v>1</v>
      </c>
      <c r="I1462" s="2">
        <v>14.65</v>
      </c>
      <c r="J1462" s="52" t="s">
        <v>4794</v>
      </c>
      <c r="K1462" s="71" t="s">
        <v>4795</v>
      </c>
      <c r="L1462" s="52" t="s">
        <v>2063</v>
      </c>
      <c r="M1462" s="72">
        <v>5283</v>
      </c>
      <c r="N1462" s="52" t="s">
        <v>2072</v>
      </c>
      <c r="O1462" s="52" t="s">
        <v>2073</v>
      </c>
      <c r="P1462" s="52"/>
      <c r="Q1462" s="52"/>
      <c r="R1462" s="52"/>
      <c r="S1462" s="52"/>
      <c r="T1462" s="52"/>
      <c r="U1462" s="52"/>
      <c r="V1462" s="52"/>
      <c r="W1462" s="52"/>
    </row>
    <row r="1463" spans="1:23" hidden="1" x14ac:dyDescent="0.35">
      <c r="A1463" s="52" t="s">
        <v>78</v>
      </c>
      <c r="B1463" s="52" t="s">
        <v>79</v>
      </c>
      <c r="C1463" s="3">
        <v>10</v>
      </c>
      <c r="D1463" s="52" t="s">
        <v>2020</v>
      </c>
      <c r="E1463" s="52" t="s">
        <v>26</v>
      </c>
      <c r="F1463" s="52" t="s">
        <v>81</v>
      </c>
      <c r="G1463" s="52" t="s">
        <v>82</v>
      </c>
      <c r="H1463" s="4">
        <v>1</v>
      </c>
      <c r="I1463" s="2">
        <v>14.65</v>
      </c>
      <c r="J1463" s="52" t="s">
        <v>4796</v>
      </c>
      <c r="K1463" s="71" t="s">
        <v>4797</v>
      </c>
      <c r="L1463" s="52" t="s">
        <v>2063</v>
      </c>
      <c r="M1463" s="72">
        <v>3354</v>
      </c>
      <c r="N1463" s="52" t="s">
        <v>2072</v>
      </c>
      <c r="O1463" s="52" t="s">
        <v>2073</v>
      </c>
      <c r="P1463" s="52"/>
      <c r="Q1463" s="52"/>
      <c r="R1463" s="52"/>
      <c r="S1463" s="52"/>
      <c r="T1463" s="52"/>
      <c r="U1463" s="52"/>
      <c r="V1463" s="52"/>
      <c r="W1463" s="52"/>
    </row>
    <row r="1464" spans="1:23" hidden="1" x14ac:dyDescent="0.35">
      <c r="A1464" s="52" t="s">
        <v>78</v>
      </c>
      <c r="B1464" s="52" t="s">
        <v>79</v>
      </c>
      <c r="C1464" s="3">
        <v>20</v>
      </c>
      <c r="D1464" s="52" t="s">
        <v>80</v>
      </c>
      <c r="E1464" s="52" t="s">
        <v>26</v>
      </c>
      <c r="F1464" s="52" t="s">
        <v>81</v>
      </c>
      <c r="G1464" s="52" t="s">
        <v>82</v>
      </c>
      <c r="H1464" s="4">
        <v>1</v>
      </c>
      <c r="I1464" s="2">
        <v>14.65</v>
      </c>
      <c r="J1464" s="52" t="s">
        <v>4798</v>
      </c>
      <c r="K1464" s="71" t="s">
        <v>4799</v>
      </c>
      <c r="L1464" s="52" t="s">
        <v>2095</v>
      </c>
      <c r="M1464" s="72">
        <v>2227</v>
      </c>
      <c r="N1464" s="52" t="s">
        <v>2304</v>
      </c>
      <c r="O1464" s="52" t="s">
        <v>2305</v>
      </c>
      <c r="P1464" s="52"/>
      <c r="Q1464" s="52"/>
      <c r="R1464" s="52"/>
      <c r="S1464" s="52"/>
      <c r="T1464" s="52"/>
      <c r="U1464" s="52"/>
      <c r="V1464" s="52"/>
      <c r="W1464" s="52"/>
    </row>
    <row r="1465" spans="1:23" x14ac:dyDescent="0.35">
      <c r="A1465" s="52" t="s">
        <v>78</v>
      </c>
      <c r="B1465" s="52" t="s">
        <v>79</v>
      </c>
      <c r="C1465" s="3">
        <v>211</v>
      </c>
      <c r="D1465" s="52" t="s">
        <v>87</v>
      </c>
      <c r="E1465" s="52" t="s">
        <v>26</v>
      </c>
      <c r="F1465" s="52" t="s">
        <v>81</v>
      </c>
      <c r="G1465" s="52" t="s">
        <v>82</v>
      </c>
      <c r="H1465" s="4">
        <v>1</v>
      </c>
      <c r="I1465" s="2">
        <v>14.65</v>
      </c>
      <c r="J1465" s="52" t="s">
        <v>4800</v>
      </c>
      <c r="K1465" s="71" t="s">
        <v>4801</v>
      </c>
      <c r="L1465" s="52" t="s">
        <v>2063</v>
      </c>
      <c r="M1465" s="72">
        <v>6050</v>
      </c>
      <c r="N1465" s="52" t="s">
        <v>2076</v>
      </c>
      <c r="O1465" s="52" t="s">
        <v>2077</v>
      </c>
      <c r="P1465" s="52"/>
      <c r="Q1465" s="52"/>
      <c r="R1465" s="52"/>
      <c r="S1465" s="52"/>
      <c r="T1465" s="52"/>
      <c r="U1465" s="52"/>
      <c r="V1465" s="52"/>
      <c r="W1465" s="52"/>
    </row>
    <row r="1466" spans="1:23" hidden="1" x14ac:dyDescent="0.35">
      <c r="A1466" s="52" t="s">
        <v>78</v>
      </c>
      <c r="B1466" s="52" t="s">
        <v>79</v>
      </c>
      <c r="C1466" s="3">
        <v>10</v>
      </c>
      <c r="D1466" s="52" t="s">
        <v>2021</v>
      </c>
      <c r="E1466" s="52" t="s">
        <v>26</v>
      </c>
      <c r="F1466" s="52" t="s">
        <v>81</v>
      </c>
      <c r="G1466" s="52" t="s">
        <v>82</v>
      </c>
      <c r="H1466" s="4">
        <v>1</v>
      </c>
      <c r="I1466" s="2">
        <v>14.65</v>
      </c>
      <c r="J1466" s="52" t="s">
        <v>4505</v>
      </c>
      <c r="K1466" s="71" t="s">
        <v>4802</v>
      </c>
      <c r="L1466" s="52" t="s">
        <v>2063</v>
      </c>
      <c r="M1466" s="72">
        <v>1174</v>
      </c>
      <c r="N1466" s="52" t="s">
        <v>2072</v>
      </c>
      <c r="O1466" s="52" t="s">
        <v>2073</v>
      </c>
      <c r="P1466" s="52"/>
      <c r="Q1466" s="52"/>
      <c r="R1466" s="52"/>
      <c r="S1466" s="52"/>
      <c r="T1466" s="52"/>
      <c r="U1466" s="52"/>
      <c r="V1466" s="52"/>
      <c r="W1466" s="52"/>
    </row>
    <row r="1467" spans="1:23" hidden="1" x14ac:dyDescent="0.35">
      <c r="A1467" s="52" t="s">
        <v>78</v>
      </c>
      <c r="B1467" s="52" t="s">
        <v>79</v>
      </c>
      <c r="C1467" s="3">
        <v>20</v>
      </c>
      <c r="D1467" s="52" t="s">
        <v>2021</v>
      </c>
      <c r="E1467" s="52" t="s">
        <v>26</v>
      </c>
      <c r="F1467" s="52" t="s">
        <v>81</v>
      </c>
      <c r="G1467" s="52" t="s">
        <v>82</v>
      </c>
      <c r="H1467" s="4">
        <v>1</v>
      </c>
      <c r="I1467" s="2">
        <v>14.65</v>
      </c>
      <c r="J1467" s="52" t="s">
        <v>4803</v>
      </c>
      <c r="K1467" s="71" t="s">
        <v>4804</v>
      </c>
      <c r="L1467" s="52" t="s">
        <v>2063</v>
      </c>
      <c r="M1467" s="72">
        <v>1096</v>
      </c>
      <c r="N1467" s="52" t="s">
        <v>2072</v>
      </c>
      <c r="O1467" s="52" t="s">
        <v>2073</v>
      </c>
      <c r="P1467" s="52"/>
      <c r="Q1467" s="52"/>
      <c r="R1467" s="52"/>
      <c r="S1467" s="52"/>
      <c r="T1467" s="52"/>
      <c r="U1467" s="52"/>
      <c r="V1467" s="52"/>
      <c r="W1467" s="52"/>
    </row>
    <row r="1468" spans="1:23" x14ac:dyDescent="0.35">
      <c r="A1468" s="52" t="s">
        <v>78</v>
      </c>
      <c r="B1468" s="52" t="s">
        <v>79</v>
      </c>
      <c r="C1468" s="3">
        <v>211</v>
      </c>
      <c r="D1468" s="52" t="s">
        <v>2019</v>
      </c>
      <c r="E1468" s="52" t="s">
        <v>26</v>
      </c>
      <c r="F1468" s="52" t="s">
        <v>81</v>
      </c>
      <c r="G1468" s="52" t="s">
        <v>82</v>
      </c>
      <c r="H1468" s="4">
        <v>1</v>
      </c>
      <c r="I1468" s="2">
        <v>14.65</v>
      </c>
      <c r="J1468" s="52" t="s">
        <v>4805</v>
      </c>
      <c r="K1468" s="71" t="s">
        <v>4806</v>
      </c>
      <c r="L1468" s="52" t="s">
        <v>2063</v>
      </c>
      <c r="M1468" s="72">
        <v>8393</v>
      </c>
      <c r="N1468" s="52" t="s">
        <v>2076</v>
      </c>
      <c r="O1468" s="52" t="s">
        <v>2077</v>
      </c>
      <c r="P1468" s="52"/>
      <c r="Q1468" s="52"/>
      <c r="R1468" s="52"/>
      <c r="S1468" s="52"/>
      <c r="T1468" s="52"/>
      <c r="U1468" s="52"/>
      <c r="V1468" s="52"/>
      <c r="W1468" s="52"/>
    </row>
    <row r="1469" spans="1:23" x14ac:dyDescent="0.35">
      <c r="A1469" s="52" t="s">
        <v>78</v>
      </c>
      <c r="B1469" s="52" t="s">
        <v>79</v>
      </c>
      <c r="C1469" s="3">
        <v>20</v>
      </c>
      <c r="D1469" s="52" t="s">
        <v>80</v>
      </c>
      <c r="E1469" s="52" t="s">
        <v>26</v>
      </c>
      <c r="F1469" s="52" t="s">
        <v>81</v>
      </c>
      <c r="G1469" s="52" t="s">
        <v>82</v>
      </c>
      <c r="H1469" s="4">
        <v>1</v>
      </c>
      <c r="I1469" s="2">
        <v>14.65</v>
      </c>
      <c r="J1469" s="52" t="s">
        <v>4807</v>
      </c>
      <c r="K1469" s="71" t="s">
        <v>4808</v>
      </c>
      <c r="L1469" s="52" t="s">
        <v>2063</v>
      </c>
      <c r="M1469" s="72">
        <v>6978</v>
      </c>
      <c r="N1469" s="52" t="s">
        <v>2076</v>
      </c>
      <c r="O1469" s="52" t="s">
        <v>2077</v>
      </c>
      <c r="P1469" s="52"/>
      <c r="Q1469" s="52"/>
      <c r="R1469" s="52"/>
      <c r="S1469" s="52"/>
      <c r="T1469" s="52"/>
      <c r="U1469" s="52"/>
      <c r="V1469" s="52"/>
      <c r="W1469" s="52"/>
    </row>
    <row r="1470" spans="1:23" x14ac:dyDescent="0.35">
      <c r="A1470" s="52" t="s">
        <v>78</v>
      </c>
      <c r="B1470" s="52" t="s">
        <v>79</v>
      </c>
      <c r="C1470" s="3">
        <v>20</v>
      </c>
      <c r="D1470" s="52" t="s">
        <v>2024</v>
      </c>
      <c r="E1470" s="52" t="s">
        <v>26</v>
      </c>
      <c r="F1470" s="52" t="s">
        <v>81</v>
      </c>
      <c r="G1470" s="52" t="s">
        <v>82</v>
      </c>
      <c r="H1470" s="4">
        <v>1</v>
      </c>
      <c r="I1470" s="2">
        <v>14.65</v>
      </c>
      <c r="J1470" s="52" t="s">
        <v>4809</v>
      </c>
      <c r="K1470" s="71" t="s">
        <v>4810</v>
      </c>
      <c r="L1470" s="52" t="s">
        <v>2063</v>
      </c>
      <c r="M1470" s="72">
        <v>6467</v>
      </c>
      <c r="N1470" s="52" t="s">
        <v>2076</v>
      </c>
      <c r="O1470" s="52" t="s">
        <v>2077</v>
      </c>
      <c r="P1470" s="52"/>
      <c r="Q1470" s="52"/>
      <c r="R1470" s="52"/>
      <c r="S1470" s="52"/>
      <c r="T1470" s="52"/>
      <c r="U1470" s="52"/>
      <c r="V1470" s="52"/>
      <c r="W1470" s="52"/>
    </row>
    <row r="1471" spans="1:23" hidden="1" x14ac:dyDescent="0.35">
      <c r="A1471" s="52" t="s">
        <v>78</v>
      </c>
      <c r="B1471" s="52" t="s">
        <v>79</v>
      </c>
      <c r="C1471" s="3">
        <v>212</v>
      </c>
      <c r="D1471" s="52" t="s">
        <v>83</v>
      </c>
      <c r="E1471" s="52" t="s">
        <v>26</v>
      </c>
      <c r="F1471" s="52" t="s">
        <v>81</v>
      </c>
      <c r="G1471" s="52" t="s">
        <v>82</v>
      </c>
      <c r="H1471" s="4">
        <v>1</v>
      </c>
      <c r="I1471" s="2">
        <v>14.65</v>
      </c>
      <c r="J1471" s="52" t="s">
        <v>4811</v>
      </c>
      <c r="K1471" s="71" t="s">
        <v>4812</v>
      </c>
      <c r="L1471" s="52" t="s">
        <v>2063</v>
      </c>
      <c r="M1471" s="72">
        <v>8707</v>
      </c>
      <c r="N1471" s="52" t="s">
        <v>2066</v>
      </c>
      <c r="O1471" s="52" t="s">
        <v>2067</v>
      </c>
      <c r="P1471" s="52"/>
      <c r="Q1471" s="52"/>
      <c r="R1471" s="52"/>
      <c r="S1471" s="52"/>
      <c r="T1471" s="52"/>
      <c r="U1471" s="52"/>
      <c r="V1471" s="52"/>
      <c r="W1471" s="52"/>
    </row>
    <row r="1472" spans="1:23" hidden="1" x14ac:dyDescent="0.35">
      <c r="A1472" s="52" t="s">
        <v>78</v>
      </c>
      <c r="B1472" s="52" t="s">
        <v>79</v>
      </c>
      <c r="C1472" s="3">
        <v>20</v>
      </c>
      <c r="D1472" s="52" t="s">
        <v>84</v>
      </c>
      <c r="E1472" s="52" t="s">
        <v>26</v>
      </c>
      <c r="F1472" s="52" t="s">
        <v>81</v>
      </c>
      <c r="G1472" s="52" t="s">
        <v>82</v>
      </c>
      <c r="H1472" s="4">
        <v>1</v>
      </c>
      <c r="I1472" s="2">
        <v>14.65</v>
      </c>
      <c r="J1472" s="52" t="s">
        <v>4813</v>
      </c>
      <c r="K1472" s="71" t="s">
        <v>4814</v>
      </c>
      <c r="L1472" s="52" t="s">
        <v>2095</v>
      </c>
      <c r="M1472" s="72">
        <v>3466</v>
      </c>
      <c r="N1472" s="52"/>
      <c r="O1472" s="52"/>
      <c r="P1472" s="52"/>
      <c r="Q1472" s="52"/>
      <c r="R1472" s="52"/>
      <c r="S1472" s="52"/>
      <c r="T1472" s="52"/>
      <c r="U1472" s="52"/>
      <c r="V1472" s="52"/>
      <c r="W1472" s="52"/>
    </row>
    <row r="1473" spans="1:23" hidden="1" x14ac:dyDescent="0.35">
      <c r="A1473" s="52" t="s">
        <v>78</v>
      </c>
      <c r="B1473" s="52" t="s">
        <v>79</v>
      </c>
      <c r="C1473" s="3">
        <v>20</v>
      </c>
      <c r="D1473" s="52" t="s">
        <v>2022</v>
      </c>
      <c r="E1473" s="52" t="s">
        <v>26</v>
      </c>
      <c r="F1473" s="52" t="s">
        <v>81</v>
      </c>
      <c r="G1473" s="52" t="s">
        <v>82</v>
      </c>
      <c r="H1473" s="4">
        <v>1</v>
      </c>
      <c r="I1473" s="2">
        <v>14.65</v>
      </c>
      <c r="J1473" s="52" t="s">
        <v>4815</v>
      </c>
      <c r="K1473" s="71" t="s">
        <v>4816</v>
      </c>
      <c r="L1473" s="52" t="s">
        <v>2063</v>
      </c>
      <c r="M1473" s="72">
        <v>1522</v>
      </c>
      <c r="N1473" s="52" t="s">
        <v>2158</v>
      </c>
      <c r="O1473" s="52" t="s">
        <v>2159</v>
      </c>
      <c r="P1473" s="52"/>
      <c r="Q1473" s="52"/>
      <c r="R1473" s="52"/>
      <c r="S1473" s="52"/>
      <c r="T1473" s="52"/>
      <c r="U1473" s="52"/>
      <c r="V1473" s="52"/>
      <c r="W1473" s="52"/>
    </row>
    <row r="1474" spans="1:23" hidden="1" x14ac:dyDescent="0.35">
      <c r="A1474" s="52" t="s">
        <v>78</v>
      </c>
      <c r="B1474" s="52" t="s">
        <v>79</v>
      </c>
      <c r="C1474" s="3">
        <v>10</v>
      </c>
      <c r="D1474" s="52" t="s">
        <v>2019</v>
      </c>
      <c r="E1474" s="52" t="s">
        <v>26</v>
      </c>
      <c r="F1474" s="52" t="s">
        <v>81</v>
      </c>
      <c r="G1474" s="52" t="s">
        <v>82</v>
      </c>
      <c r="H1474" s="4">
        <v>1</v>
      </c>
      <c r="I1474" s="2">
        <v>14.65</v>
      </c>
      <c r="J1474" s="52" t="s">
        <v>4817</v>
      </c>
      <c r="K1474" s="71" t="s">
        <v>4818</v>
      </c>
      <c r="L1474" s="52" t="s">
        <v>2095</v>
      </c>
      <c r="M1474" s="72">
        <v>2457</v>
      </c>
      <c r="N1474" s="52" t="s">
        <v>2066</v>
      </c>
      <c r="O1474" s="52" t="s">
        <v>2067</v>
      </c>
      <c r="P1474" s="52"/>
      <c r="Q1474" s="52"/>
      <c r="R1474" s="52"/>
      <c r="S1474" s="52"/>
      <c r="T1474" s="52"/>
      <c r="U1474" s="52"/>
      <c r="V1474" s="52"/>
      <c r="W1474" s="52"/>
    </row>
    <row r="1475" spans="1:23" hidden="1" x14ac:dyDescent="0.35">
      <c r="A1475" s="52" t="s">
        <v>78</v>
      </c>
      <c r="B1475" s="52" t="s">
        <v>79</v>
      </c>
      <c r="C1475" s="3">
        <v>10</v>
      </c>
      <c r="D1475" s="52" t="s">
        <v>80</v>
      </c>
      <c r="E1475" s="52" t="s">
        <v>26</v>
      </c>
      <c r="F1475" s="52" t="s">
        <v>81</v>
      </c>
      <c r="G1475" s="52" t="s">
        <v>82</v>
      </c>
      <c r="H1475" s="4">
        <v>1</v>
      </c>
      <c r="I1475" s="2">
        <v>14.65</v>
      </c>
      <c r="J1475" s="52" t="s">
        <v>4819</v>
      </c>
      <c r="K1475" s="71" t="s">
        <v>4820</v>
      </c>
      <c r="L1475" s="52" t="s">
        <v>2063</v>
      </c>
      <c r="M1475" s="72">
        <v>1936</v>
      </c>
      <c r="N1475" s="52" t="s">
        <v>2072</v>
      </c>
      <c r="O1475" s="52" t="s">
        <v>2073</v>
      </c>
      <c r="P1475" s="52"/>
      <c r="Q1475" s="52"/>
      <c r="R1475" s="52"/>
      <c r="S1475" s="52"/>
      <c r="T1475" s="52"/>
      <c r="U1475" s="52"/>
      <c r="V1475" s="52"/>
      <c r="W1475" s="52"/>
    </row>
    <row r="1476" spans="1:23" hidden="1" x14ac:dyDescent="0.35">
      <c r="A1476" s="52" t="s">
        <v>78</v>
      </c>
      <c r="B1476" s="52" t="s">
        <v>79</v>
      </c>
      <c r="C1476" s="3">
        <v>20</v>
      </c>
      <c r="D1476" s="52" t="s">
        <v>2020</v>
      </c>
      <c r="E1476" s="52" t="s">
        <v>26</v>
      </c>
      <c r="F1476" s="52" t="s">
        <v>81</v>
      </c>
      <c r="G1476" s="52" t="s">
        <v>82</v>
      </c>
      <c r="H1476" s="4">
        <v>1</v>
      </c>
      <c r="I1476" s="2">
        <v>14.65</v>
      </c>
      <c r="J1476" s="52" t="s">
        <v>4821</v>
      </c>
      <c r="K1476" s="71" t="s">
        <v>4822</v>
      </c>
      <c r="L1476" s="52" t="s">
        <v>2063</v>
      </c>
      <c r="M1476" s="72">
        <v>8593</v>
      </c>
      <c r="N1476" s="52" t="s">
        <v>2072</v>
      </c>
      <c r="O1476" s="52" t="s">
        <v>2073</v>
      </c>
      <c r="P1476" s="52"/>
      <c r="Q1476" s="52"/>
      <c r="R1476" s="52"/>
      <c r="S1476" s="52"/>
      <c r="T1476" s="52"/>
      <c r="U1476" s="52"/>
      <c r="V1476" s="52"/>
      <c r="W1476" s="52"/>
    </row>
    <row r="1477" spans="1:23" hidden="1" x14ac:dyDescent="0.35">
      <c r="A1477" s="52" t="s">
        <v>78</v>
      </c>
      <c r="B1477" s="52" t="s">
        <v>79</v>
      </c>
      <c r="C1477" s="3">
        <v>20</v>
      </c>
      <c r="D1477" s="52" t="s">
        <v>2019</v>
      </c>
      <c r="E1477" s="52" t="s">
        <v>26</v>
      </c>
      <c r="F1477" s="52" t="s">
        <v>81</v>
      </c>
      <c r="G1477" s="52" t="s">
        <v>82</v>
      </c>
      <c r="H1477" s="4">
        <v>1</v>
      </c>
      <c r="I1477" s="2">
        <v>14.65</v>
      </c>
      <c r="J1477" s="52" t="s">
        <v>3738</v>
      </c>
      <c r="K1477" s="71" t="s">
        <v>4823</v>
      </c>
      <c r="L1477" s="52" t="s">
        <v>2063</v>
      </c>
      <c r="M1477" s="72">
        <v>4408</v>
      </c>
      <c r="N1477" s="52" t="s">
        <v>2072</v>
      </c>
      <c r="O1477" s="52" t="s">
        <v>2073</v>
      </c>
      <c r="P1477" s="52"/>
      <c r="Q1477" s="52"/>
      <c r="R1477" s="52"/>
      <c r="S1477" s="52"/>
      <c r="T1477" s="52"/>
      <c r="U1477" s="52"/>
      <c r="V1477" s="52"/>
      <c r="W1477" s="52"/>
    </row>
    <row r="1478" spans="1:23" hidden="1" x14ac:dyDescent="0.35">
      <c r="A1478" s="52" t="s">
        <v>78</v>
      </c>
      <c r="B1478" s="52" t="s">
        <v>79</v>
      </c>
      <c r="C1478" s="3">
        <v>10</v>
      </c>
      <c r="D1478" s="52" t="s">
        <v>2019</v>
      </c>
      <c r="E1478" s="52" t="s">
        <v>26</v>
      </c>
      <c r="F1478" s="52" t="s">
        <v>81</v>
      </c>
      <c r="G1478" s="52" t="s">
        <v>82</v>
      </c>
      <c r="H1478" s="4">
        <v>1</v>
      </c>
      <c r="I1478" s="2">
        <v>14.65</v>
      </c>
      <c r="J1478" s="52" t="s">
        <v>4824</v>
      </c>
      <c r="K1478" s="71" t="s">
        <v>4825</v>
      </c>
      <c r="L1478" s="52" t="s">
        <v>2063</v>
      </c>
      <c r="M1478" s="72">
        <v>6112</v>
      </c>
      <c r="N1478" s="52" t="s">
        <v>2072</v>
      </c>
      <c r="O1478" s="52" t="s">
        <v>2073</v>
      </c>
      <c r="P1478" s="52"/>
      <c r="Q1478" s="52"/>
      <c r="R1478" s="52"/>
      <c r="S1478" s="52"/>
      <c r="T1478" s="52"/>
      <c r="U1478" s="52"/>
      <c r="V1478" s="52"/>
      <c r="W1478" s="52"/>
    </row>
    <row r="1479" spans="1:23" hidden="1" x14ac:dyDescent="0.35">
      <c r="A1479" s="52" t="s">
        <v>78</v>
      </c>
      <c r="B1479" s="52" t="s">
        <v>79</v>
      </c>
      <c r="C1479" s="3">
        <v>10</v>
      </c>
      <c r="D1479" s="52" t="s">
        <v>85</v>
      </c>
      <c r="E1479" s="52" t="s">
        <v>26</v>
      </c>
      <c r="F1479" s="52" t="s">
        <v>81</v>
      </c>
      <c r="G1479" s="52" t="s">
        <v>82</v>
      </c>
      <c r="H1479" s="4">
        <v>1</v>
      </c>
      <c r="I1479" s="2">
        <v>14.65</v>
      </c>
      <c r="J1479" s="52" t="s">
        <v>4826</v>
      </c>
      <c r="K1479" s="71" t="s">
        <v>4827</v>
      </c>
      <c r="L1479" s="52" t="s">
        <v>2063</v>
      </c>
      <c r="M1479" s="72">
        <v>1594</v>
      </c>
      <c r="N1479" s="52" t="s">
        <v>2072</v>
      </c>
      <c r="O1479" s="52" t="s">
        <v>2073</v>
      </c>
      <c r="P1479" s="52"/>
      <c r="Q1479" s="52"/>
      <c r="R1479" s="52"/>
      <c r="S1479" s="52"/>
      <c r="T1479" s="52"/>
      <c r="U1479" s="52"/>
      <c r="V1479" s="52"/>
      <c r="W1479" s="52"/>
    </row>
    <row r="1480" spans="1:23" hidden="1" x14ac:dyDescent="0.35">
      <c r="A1480" s="52" t="s">
        <v>78</v>
      </c>
      <c r="B1480" s="52" t="s">
        <v>79</v>
      </c>
      <c r="C1480" s="3">
        <v>10</v>
      </c>
      <c r="D1480" s="52" t="s">
        <v>84</v>
      </c>
      <c r="E1480" s="52" t="s">
        <v>26</v>
      </c>
      <c r="F1480" s="52" t="s">
        <v>81</v>
      </c>
      <c r="G1480" s="52" t="s">
        <v>82</v>
      </c>
      <c r="H1480" s="4">
        <v>1</v>
      </c>
      <c r="I1480" s="2">
        <v>14.65</v>
      </c>
      <c r="J1480" s="52" t="s">
        <v>4378</v>
      </c>
      <c r="K1480" s="71" t="s">
        <v>4828</v>
      </c>
      <c r="L1480" s="52" t="s">
        <v>2063</v>
      </c>
      <c r="M1480" s="72">
        <v>4679</v>
      </c>
      <c r="N1480" s="52" t="s">
        <v>2066</v>
      </c>
      <c r="O1480" s="52" t="s">
        <v>2067</v>
      </c>
      <c r="P1480" s="52"/>
      <c r="Q1480" s="52"/>
      <c r="R1480" s="52"/>
      <c r="S1480" s="52"/>
      <c r="T1480" s="52"/>
      <c r="U1480" s="52"/>
      <c r="V1480" s="52"/>
      <c r="W1480" s="52"/>
    </row>
    <row r="1481" spans="1:23" hidden="1" x14ac:dyDescent="0.35">
      <c r="A1481" s="52" t="s">
        <v>78</v>
      </c>
      <c r="B1481" s="52" t="s">
        <v>79</v>
      </c>
      <c r="C1481" s="3">
        <v>211</v>
      </c>
      <c r="D1481" s="52" t="s">
        <v>2023</v>
      </c>
      <c r="E1481" s="52" t="s">
        <v>26</v>
      </c>
      <c r="F1481" s="52" t="s">
        <v>81</v>
      </c>
      <c r="G1481" s="52" t="s">
        <v>82</v>
      </c>
      <c r="H1481" s="4">
        <v>1</v>
      </c>
      <c r="I1481" s="2">
        <v>14.65</v>
      </c>
      <c r="J1481" s="52" t="s">
        <v>4829</v>
      </c>
      <c r="K1481" s="71" t="s">
        <v>4830</v>
      </c>
      <c r="L1481" s="52" t="s">
        <v>2063</v>
      </c>
      <c r="M1481" s="72">
        <v>4282</v>
      </c>
      <c r="N1481" s="52" t="s">
        <v>2066</v>
      </c>
      <c r="O1481" s="52" t="s">
        <v>2067</v>
      </c>
      <c r="P1481" s="52"/>
      <c r="Q1481" s="52"/>
      <c r="R1481" s="52"/>
      <c r="S1481" s="52"/>
      <c r="T1481" s="52"/>
      <c r="U1481" s="52"/>
      <c r="V1481" s="52"/>
      <c r="W1481" s="52"/>
    </row>
    <row r="1482" spans="1:23" x14ac:dyDescent="0.35">
      <c r="A1482" s="52" t="s">
        <v>78</v>
      </c>
      <c r="B1482" s="52" t="s">
        <v>79</v>
      </c>
      <c r="C1482" s="3">
        <v>20</v>
      </c>
      <c r="D1482" s="52" t="s">
        <v>2022</v>
      </c>
      <c r="E1482" s="52" t="s">
        <v>26</v>
      </c>
      <c r="F1482" s="52" t="s">
        <v>81</v>
      </c>
      <c r="G1482" s="52" t="s">
        <v>82</v>
      </c>
      <c r="H1482" s="4">
        <v>1</v>
      </c>
      <c r="I1482" s="2">
        <v>14.65</v>
      </c>
      <c r="J1482" s="52" t="s">
        <v>4831</v>
      </c>
      <c r="K1482" s="71" t="s">
        <v>4832</v>
      </c>
      <c r="L1482" s="52" t="s">
        <v>2063</v>
      </c>
      <c r="M1482" s="72">
        <v>4290</v>
      </c>
      <c r="N1482" s="52" t="s">
        <v>2076</v>
      </c>
      <c r="O1482" s="52" t="s">
        <v>2077</v>
      </c>
      <c r="P1482" s="52" t="s">
        <v>2076</v>
      </c>
      <c r="Q1482" s="52" t="s">
        <v>2077</v>
      </c>
      <c r="R1482" s="52"/>
      <c r="S1482" s="52"/>
      <c r="T1482" s="52"/>
      <c r="U1482" s="52"/>
      <c r="V1482" s="52"/>
      <c r="W1482" s="52"/>
    </row>
    <row r="1483" spans="1:23" hidden="1" x14ac:dyDescent="0.35">
      <c r="A1483" s="52" t="s">
        <v>78</v>
      </c>
      <c r="B1483" s="52" t="s">
        <v>79</v>
      </c>
      <c r="C1483" s="3">
        <v>20</v>
      </c>
      <c r="D1483" s="52" t="s">
        <v>80</v>
      </c>
      <c r="E1483" s="52" t="s">
        <v>26</v>
      </c>
      <c r="F1483" s="52" t="s">
        <v>81</v>
      </c>
      <c r="G1483" s="52" t="s">
        <v>82</v>
      </c>
      <c r="H1483" s="4">
        <v>1</v>
      </c>
      <c r="I1483" s="2">
        <v>14.65</v>
      </c>
      <c r="J1483" s="52" t="s">
        <v>4833</v>
      </c>
      <c r="K1483" s="71" t="s">
        <v>4834</v>
      </c>
      <c r="L1483" s="52" t="s">
        <v>2063</v>
      </c>
      <c r="M1483" s="72">
        <v>985</v>
      </c>
      <c r="N1483" s="52" t="s">
        <v>2195</v>
      </c>
      <c r="O1483" s="52" t="s">
        <v>2196</v>
      </c>
      <c r="P1483" s="52"/>
      <c r="Q1483" s="52"/>
      <c r="R1483" s="52"/>
      <c r="S1483" s="52"/>
      <c r="T1483" s="52"/>
      <c r="U1483" s="52"/>
      <c r="V1483" s="52"/>
      <c r="W1483" s="52"/>
    </row>
    <row r="1484" spans="1:23" hidden="1" x14ac:dyDescent="0.35">
      <c r="A1484" s="52" t="s">
        <v>78</v>
      </c>
      <c r="B1484" s="52" t="s">
        <v>79</v>
      </c>
      <c r="C1484" s="3">
        <v>10</v>
      </c>
      <c r="D1484" s="52" t="s">
        <v>83</v>
      </c>
      <c r="E1484" s="52" t="s">
        <v>26</v>
      </c>
      <c r="F1484" s="52" t="s">
        <v>81</v>
      </c>
      <c r="G1484" s="52" t="s">
        <v>82</v>
      </c>
      <c r="H1484" s="4">
        <v>1</v>
      </c>
      <c r="I1484" s="2">
        <v>14.65</v>
      </c>
      <c r="J1484" s="52" t="s">
        <v>4835</v>
      </c>
      <c r="K1484" s="71" t="s">
        <v>4836</v>
      </c>
      <c r="L1484" s="52" t="s">
        <v>2063</v>
      </c>
      <c r="M1484" s="72">
        <v>3643</v>
      </c>
      <c r="N1484" s="52" t="s">
        <v>2072</v>
      </c>
      <c r="O1484" s="52" t="s">
        <v>2073</v>
      </c>
      <c r="P1484" s="52"/>
      <c r="Q1484" s="52"/>
      <c r="R1484" s="52"/>
      <c r="S1484" s="52"/>
      <c r="T1484" s="52"/>
      <c r="U1484" s="52"/>
      <c r="V1484" s="52"/>
      <c r="W1484" s="52"/>
    </row>
    <row r="1485" spans="1:23" hidden="1" x14ac:dyDescent="0.35">
      <c r="A1485" s="52" t="s">
        <v>78</v>
      </c>
      <c r="B1485" s="52" t="s">
        <v>79</v>
      </c>
      <c r="C1485" s="3">
        <v>10</v>
      </c>
      <c r="D1485" s="52" t="s">
        <v>85</v>
      </c>
      <c r="E1485" s="52" t="s">
        <v>26</v>
      </c>
      <c r="F1485" s="52" t="s">
        <v>81</v>
      </c>
      <c r="G1485" s="52" t="s">
        <v>82</v>
      </c>
      <c r="H1485" s="4">
        <v>1</v>
      </c>
      <c r="I1485" s="2">
        <v>14.65</v>
      </c>
      <c r="J1485" s="52" t="s">
        <v>4837</v>
      </c>
      <c r="K1485" s="71" t="s">
        <v>4838</v>
      </c>
      <c r="L1485" s="52" t="s">
        <v>2063</v>
      </c>
      <c r="M1485" s="72">
        <v>1821</v>
      </c>
      <c r="N1485" s="52" t="s">
        <v>2072</v>
      </c>
      <c r="O1485" s="52" t="s">
        <v>2073</v>
      </c>
      <c r="P1485" s="52"/>
      <c r="Q1485" s="52"/>
      <c r="R1485" s="52"/>
      <c r="S1485" s="52"/>
      <c r="T1485" s="52"/>
      <c r="U1485" s="52"/>
      <c r="V1485" s="52"/>
      <c r="W1485" s="52"/>
    </row>
    <row r="1486" spans="1:23" hidden="1" x14ac:dyDescent="0.35">
      <c r="A1486" s="52" t="s">
        <v>78</v>
      </c>
      <c r="B1486" s="52" t="s">
        <v>79</v>
      </c>
      <c r="C1486" s="3">
        <v>20</v>
      </c>
      <c r="D1486" s="52" t="s">
        <v>83</v>
      </c>
      <c r="E1486" s="52" t="s">
        <v>26</v>
      </c>
      <c r="F1486" s="52" t="s">
        <v>81</v>
      </c>
      <c r="G1486" s="52" t="s">
        <v>82</v>
      </c>
      <c r="H1486" s="4">
        <v>1</v>
      </c>
      <c r="I1486" s="2">
        <v>14.65</v>
      </c>
      <c r="J1486" s="52" t="s">
        <v>4839</v>
      </c>
      <c r="K1486" s="71" t="s">
        <v>4840</v>
      </c>
      <c r="L1486" s="52" t="s">
        <v>2063</v>
      </c>
      <c r="M1486" s="72">
        <v>6893</v>
      </c>
      <c r="N1486" s="52" t="s">
        <v>2072</v>
      </c>
      <c r="O1486" s="52" t="s">
        <v>2073</v>
      </c>
      <c r="P1486" s="52"/>
      <c r="Q1486" s="52"/>
      <c r="R1486" s="52"/>
      <c r="S1486" s="52"/>
      <c r="T1486" s="52"/>
      <c r="U1486" s="52"/>
      <c r="V1486" s="52"/>
      <c r="W1486" s="52"/>
    </row>
    <row r="1487" spans="1:23" hidden="1" x14ac:dyDescent="0.35">
      <c r="A1487" s="52" t="s">
        <v>78</v>
      </c>
      <c r="B1487" s="52" t="s">
        <v>79</v>
      </c>
      <c r="C1487" s="3">
        <v>20</v>
      </c>
      <c r="D1487" s="52" t="s">
        <v>2021</v>
      </c>
      <c r="E1487" s="52" t="s">
        <v>26</v>
      </c>
      <c r="F1487" s="52" t="s">
        <v>81</v>
      </c>
      <c r="G1487" s="52" t="s">
        <v>82</v>
      </c>
      <c r="H1487" s="4">
        <v>1</v>
      </c>
      <c r="I1487" s="2">
        <v>14.65</v>
      </c>
      <c r="J1487" s="52" t="s">
        <v>4841</v>
      </c>
      <c r="K1487" s="71" t="s">
        <v>4842</v>
      </c>
      <c r="L1487" s="52" t="s">
        <v>2063</v>
      </c>
      <c r="M1487" s="72">
        <v>4202</v>
      </c>
      <c r="N1487" s="52"/>
      <c r="O1487" s="52"/>
      <c r="P1487" s="52"/>
      <c r="Q1487" s="52"/>
      <c r="R1487" s="52"/>
      <c r="S1487" s="52"/>
      <c r="T1487" s="52"/>
      <c r="U1487" s="52"/>
      <c r="V1487" s="52"/>
      <c r="W1487" s="52"/>
    </row>
    <row r="1488" spans="1:23" x14ac:dyDescent="0.35">
      <c r="A1488" s="52" t="s">
        <v>78</v>
      </c>
      <c r="B1488" s="52" t="s">
        <v>79</v>
      </c>
      <c r="C1488" s="3">
        <v>20</v>
      </c>
      <c r="D1488" s="52" t="s">
        <v>2023</v>
      </c>
      <c r="E1488" s="52" t="s">
        <v>26</v>
      </c>
      <c r="F1488" s="52" t="s">
        <v>81</v>
      </c>
      <c r="G1488" s="52" t="s">
        <v>82</v>
      </c>
      <c r="H1488" s="4">
        <v>1</v>
      </c>
      <c r="I1488" s="2">
        <v>14.65</v>
      </c>
      <c r="J1488" s="52" t="s">
        <v>4843</v>
      </c>
      <c r="K1488" s="71" t="s">
        <v>4844</v>
      </c>
      <c r="L1488" s="52" t="s">
        <v>2063</v>
      </c>
      <c r="M1488" s="72">
        <v>1196</v>
      </c>
      <c r="N1488" s="52" t="s">
        <v>2259</v>
      </c>
      <c r="O1488" s="52" t="s">
        <v>2260</v>
      </c>
      <c r="P1488" s="52"/>
      <c r="Q1488" s="52"/>
      <c r="R1488" s="52"/>
      <c r="S1488" s="52"/>
      <c r="T1488" s="52"/>
      <c r="U1488" s="52"/>
      <c r="V1488" s="52"/>
      <c r="W1488" s="52"/>
    </row>
    <row r="1489" spans="1:23" x14ac:dyDescent="0.35">
      <c r="A1489" s="52" t="s">
        <v>78</v>
      </c>
      <c r="B1489" s="52" t="s">
        <v>79</v>
      </c>
      <c r="C1489" s="3">
        <v>10</v>
      </c>
      <c r="D1489" s="52" t="s">
        <v>84</v>
      </c>
      <c r="E1489" s="52" t="s">
        <v>26</v>
      </c>
      <c r="F1489" s="52" t="s">
        <v>81</v>
      </c>
      <c r="G1489" s="52" t="s">
        <v>82</v>
      </c>
      <c r="H1489" s="4">
        <v>1</v>
      </c>
      <c r="I1489" s="2">
        <v>14.65</v>
      </c>
      <c r="J1489" s="52" t="s">
        <v>4845</v>
      </c>
      <c r="K1489" s="71" t="s">
        <v>4846</v>
      </c>
      <c r="L1489" s="52" t="s">
        <v>2063</v>
      </c>
      <c r="M1489" s="72">
        <v>5868</v>
      </c>
      <c r="N1489" s="52" t="s">
        <v>2076</v>
      </c>
      <c r="O1489" s="52" t="s">
        <v>2077</v>
      </c>
      <c r="P1489" s="52"/>
      <c r="Q1489" s="52"/>
      <c r="R1489" s="52"/>
      <c r="S1489" s="52"/>
      <c r="T1489" s="52"/>
      <c r="U1489" s="52"/>
      <c r="V1489" s="52"/>
      <c r="W1489" s="52"/>
    </row>
    <row r="1490" spans="1:23" hidden="1" x14ac:dyDescent="0.35">
      <c r="A1490" s="52" t="s">
        <v>78</v>
      </c>
      <c r="B1490" s="52" t="s">
        <v>79</v>
      </c>
      <c r="C1490" s="3">
        <v>10</v>
      </c>
      <c r="D1490" s="52" t="s">
        <v>2021</v>
      </c>
      <c r="E1490" s="52" t="s">
        <v>26</v>
      </c>
      <c r="F1490" s="52" t="s">
        <v>81</v>
      </c>
      <c r="G1490" s="52" t="s">
        <v>82</v>
      </c>
      <c r="H1490" s="4">
        <v>1</v>
      </c>
      <c r="I1490" s="2">
        <v>14.65</v>
      </c>
      <c r="J1490" s="52" t="s">
        <v>4847</v>
      </c>
      <c r="K1490" s="71" t="s">
        <v>4848</v>
      </c>
      <c r="L1490" s="52" t="s">
        <v>2063</v>
      </c>
      <c r="M1490" s="72">
        <v>2640</v>
      </c>
      <c r="N1490" s="52" t="s">
        <v>2158</v>
      </c>
      <c r="O1490" s="52" t="s">
        <v>2159</v>
      </c>
      <c r="P1490" s="52"/>
      <c r="Q1490" s="52"/>
      <c r="R1490" s="52"/>
      <c r="S1490" s="52"/>
      <c r="T1490" s="52"/>
      <c r="U1490" s="52"/>
      <c r="V1490" s="52"/>
      <c r="W1490" s="52"/>
    </row>
    <row r="1491" spans="1:23" hidden="1" x14ac:dyDescent="0.35">
      <c r="A1491" s="52" t="s">
        <v>78</v>
      </c>
      <c r="B1491" s="52" t="s">
        <v>79</v>
      </c>
      <c r="C1491" s="3">
        <v>10</v>
      </c>
      <c r="D1491" s="52" t="s">
        <v>2021</v>
      </c>
      <c r="E1491" s="52" t="s">
        <v>26</v>
      </c>
      <c r="F1491" s="52" t="s">
        <v>81</v>
      </c>
      <c r="G1491" s="52" t="s">
        <v>82</v>
      </c>
      <c r="H1491" s="4">
        <v>1</v>
      </c>
      <c r="I1491" s="2">
        <v>14.65</v>
      </c>
      <c r="J1491" s="52" t="s">
        <v>4042</v>
      </c>
      <c r="K1491" s="71" t="s">
        <v>4849</v>
      </c>
      <c r="L1491" s="52" t="s">
        <v>2063</v>
      </c>
      <c r="M1491" s="72">
        <v>4471</v>
      </c>
      <c r="N1491" s="52"/>
      <c r="O1491" s="52"/>
      <c r="P1491" s="52"/>
      <c r="Q1491" s="52"/>
      <c r="R1491" s="52"/>
      <c r="S1491" s="52"/>
      <c r="T1491" s="52"/>
      <c r="U1491" s="52"/>
      <c r="V1491" s="52"/>
      <c r="W1491" s="52"/>
    </row>
    <row r="1492" spans="1:23" hidden="1" x14ac:dyDescent="0.35">
      <c r="A1492" s="52" t="s">
        <v>78</v>
      </c>
      <c r="B1492" s="52" t="s">
        <v>79</v>
      </c>
      <c r="C1492" s="3">
        <v>10</v>
      </c>
      <c r="D1492" s="52" t="s">
        <v>86</v>
      </c>
      <c r="E1492" s="52" t="s">
        <v>26</v>
      </c>
      <c r="F1492" s="52" t="s">
        <v>81</v>
      </c>
      <c r="G1492" s="52" t="s">
        <v>82</v>
      </c>
      <c r="H1492" s="4">
        <v>1</v>
      </c>
      <c r="I1492" s="2">
        <v>14.65</v>
      </c>
      <c r="J1492" s="52" t="s">
        <v>3667</v>
      </c>
      <c r="K1492" s="71" t="s">
        <v>4850</v>
      </c>
      <c r="L1492" s="52" t="s">
        <v>2063</v>
      </c>
      <c r="M1492" s="72">
        <v>5595</v>
      </c>
      <c r="N1492" s="52" t="s">
        <v>2066</v>
      </c>
      <c r="O1492" s="52" t="s">
        <v>2067</v>
      </c>
      <c r="P1492" s="52"/>
      <c r="Q1492" s="52"/>
      <c r="R1492" s="52"/>
      <c r="S1492" s="52"/>
      <c r="T1492" s="52"/>
      <c r="U1492" s="52"/>
      <c r="V1492" s="52"/>
      <c r="W1492" s="52"/>
    </row>
    <row r="1493" spans="1:23" hidden="1" x14ac:dyDescent="0.35">
      <c r="A1493" s="52" t="s">
        <v>78</v>
      </c>
      <c r="B1493" s="52" t="s">
        <v>79</v>
      </c>
      <c r="C1493" s="3">
        <v>20</v>
      </c>
      <c r="D1493" s="52" t="s">
        <v>80</v>
      </c>
      <c r="E1493" s="52" t="s">
        <v>26</v>
      </c>
      <c r="F1493" s="52" t="s">
        <v>81</v>
      </c>
      <c r="G1493" s="52" t="s">
        <v>82</v>
      </c>
      <c r="H1493" s="4">
        <v>1</v>
      </c>
      <c r="I1493" s="2">
        <v>14.65</v>
      </c>
      <c r="J1493" s="52" t="s">
        <v>4851</v>
      </c>
      <c r="K1493" s="71" t="s">
        <v>4852</v>
      </c>
      <c r="L1493" s="52" t="s">
        <v>2063</v>
      </c>
      <c r="M1493" s="72">
        <v>5700</v>
      </c>
      <c r="N1493" s="52" t="s">
        <v>2072</v>
      </c>
      <c r="O1493" s="52" t="s">
        <v>2073</v>
      </c>
      <c r="P1493" s="52"/>
      <c r="Q1493" s="52"/>
      <c r="R1493" s="52"/>
      <c r="S1493" s="52"/>
      <c r="T1493" s="52"/>
      <c r="U1493" s="52"/>
      <c r="V1493" s="52"/>
      <c r="W1493" s="52"/>
    </row>
    <row r="1494" spans="1:23" hidden="1" x14ac:dyDescent="0.35">
      <c r="A1494" s="52" t="s">
        <v>78</v>
      </c>
      <c r="B1494" s="52" t="s">
        <v>79</v>
      </c>
      <c r="C1494" s="3">
        <v>20</v>
      </c>
      <c r="D1494" s="52" t="s">
        <v>80</v>
      </c>
      <c r="E1494" s="52" t="s">
        <v>26</v>
      </c>
      <c r="F1494" s="52" t="s">
        <v>81</v>
      </c>
      <c r="G1494" s="52" t="s">
        <v>82</v>
      </c>
      <c r="H1494" s="4">
        <v>1</v>
      </c>
      <c r="I1494" s="2">
        <v>14.65</v>
      </c>
      <c r="J1494" s="52" t="s">
        <v>4853</v>
      </c>
      <c r="K1494" s="71" t="s">
        <v>4854</v>
      </c>
      <c r="L1494" s="52" t="s">
        <v>2063</v>
      </c>
      <c r="M1494" s="72">
        <v>1333</v>
      </c>
      <c r="N1494" s="52" t="s">
        <v>2072</v>
      </c>
      <c r="O1494" s="52" t="s">
        <v>2073</v>
      </c>
      <c r="P1494" s="52"/>
      <c r="Q1494" s="52"/>
      <c r="R1494" s="52"/>
      <c r="S1494" s="52"/>
      <c r="T1494" s="52"/>
      <c r="U1494" s="52"/>
      <c r="V1494" s="52"/>
      <c r="W1494" s="52"/>
    </row>
    <row r="1495" spans="1:23" hidden="1" x14ac:dyDescent="0.35">
      <c r="A1495" s="52" t="s">
        <v>78</v>
      </c>
      <c r="B1495" s="52" t="s">
        <v>79</v>
      </c>
      <c r="C1495" s="3">
        <v>211</v>
      </c>
      <c r="D1495" s="52" t="s">
        <v>87</v>
      </c>
      <c r="E1495" s="52" t="s">
        <v>26</v>
      </c>
      <c r="F1495" s="52" t="s">
        <v>81</v>
      </c>
      <c r="G1495" s="52" t="s">
        <v>82</v>
      </c>
      <c r="H1495" s="4">
        <v>1</v>
      </c>
      <c r="I1495" s="2">
        <v>14.65</v>
      </c>
      <c r="J1495" s="52" t="s">
        <v>4855</v>
      </c>
      <c r="K1495" s="71" t="s">
        <v>4856</v>
      </c>
      <c r="L1495" s="52" t="s">
        <v>2063</v>
      </c>
      <c r="M1495" s="72">
        <v>4740</v>
      </c>
      <c r="N1495" s="52" t="s">
        <v>2154</v>
      </c>
      <c r="O1495" s="52" t="s">
        <v>2155</v>
      </c>
      <c r="P1495" s="52"/>
      <c r="Q1495" s="52"/>
      <c r="R1495" s="52"/>
      <c r="S1495" s="52"/>
      <c r="T1495" s="52"/>
      <c r="U1495" s="52"/>
      <c r="V1495" s="52"/>
      <c r="W1495" s="52"/>
    </row>
    <row r="1496" spans="1:23" hidden="1" x14ac:dyDescent="0.35">
      <c r="A1496" s="52" t="s">
        <v>78</v>
      </c>
      <c r="B1496" s="52" t="s">
        <v>79</v>
      </c>
      <c r="C1496" s="3">
        <v>10</v>
      </c>
      <c r="D1496" s="52" t="s">
        <v>85</v>
      </c>
      <c r="E1496" s="52" t="s">
        <v>26</v>
      </c>
      <c r="F1496" s="52" t="s">
        <v>81</v>
      </c>
      <c r="G1496" s="52" t="s">
        <v>82</v>
      </c>
      <c r="H1496" s="4">
        <v>1</v>
      </c>
      <c r="I1496" s="2">
        <v>14.65</v>
      </c>
      <c r="J1496" s="52" t="s">
        <v>4857</v>
      </c>
      <c r="K1496" s="71" t="s">
        <v>4858</v>
      </c>
      <c r="L1496" s="52" t="s">
        <v>2063</v>
      </c>
      <c r="M1496" s="72">
        <v>1801</v>
      </c>
      <c r="N1496" s="52"/>
      <c r="O1496" s="52"/>
      <c r="P1496" s="52"/>
      <c r="Q1496" s="52"/>
      <c r="R1496" s="52"/>
      <c r="S1496" s="52"/>
      <c r="T1496" s="52"/>
      <c r="U1496" s="52"/>
      <c r="V1496" s="52"/>
      <c r="W1496" s="52"/>
    </row>
    <row r="1497" spans="1:23" hidden="1" x14ac:dyDescent="0.35">
      <c r="A1497" s="52" t="s">
        <v>78</v>
      </c>
      <c r="B1497" s="52" t="s">
        <v>79</v>
      </c>
      <c r="C1497" s="3">
        <v>10</v>
      </c>
      <c r="D1497" s="52" t="s">
        <v>80</v>
      </c>
      <c r="E1497" s="52" t="s">
        <v>26</v>
      </c>
      <c r="F1497" s="52" t="s">
        <v>81</v>
      </c>
      <c r="G1497" s="52" t="s">
        <v>82</v>
      </c>
      <c r="H1497" s="4">
        <v>1</v>
      </c>
      <c r="I1497" s="2">
        <v>14.65</v>
      </c>
      <c r="J1497" s="52" t="s">
        <v>4378</v>
      </c>
      <c r="K1497" s="71" t="s">
        <v>4859</v>
      </c>
      <c r="L1497" s="52" t="s">
        <v>2063</v>
      </c>
      <c r="M1497" s="72">
        <v>546</v>
      </c>
      <c r="N1497" s="52" t="s">
        <v>2066</v>
      </c>
      <c r="O1497" s="52" t="s">
        <v>2067</v>
      </c>
      <c r="P1497" s="52"/>
      <c r="Q1497" s="52"/>
      <c r="R1497" s="52"/>
      <c r="S1497" s="52"/>
      <c r="T1497" s="52"/>
      <c r="U1497" s="52"/>
      <c r="V1497" s="52"/>
      <c r="W1497" s="52"/>
    </row>
    <row r="1498" spans="1:23" hidden="1" x14ac:dyDescent="0.35">
      <c r="A1498" s="52" t="s">
        <v>78</v>
      </c>
      <c r="B1498" s="52" t="s">
        <v>79</v>
      </c>
      <c r="C1498" s="3">
        <v>211</v>
      </c>
      <c r="D1498" s="52" t="s">
        <v>86</v>
      </c>
      <c r="E1498" s="52" t="s">
        <v>26</v>
      </c>
      <c r="F1498" s="52" t="s">
        <v>81</v>
      </c>
      <c r="G1498" s="52" t="s">
        <v>82</v>
      </c>
      <c r="H1498" s="4">
        <v>1</v>
      </c>
      <c r="I1498" s="2">
        <v>14.65</v>
      </c>
      <c r="J1498" s="52" t="s">
        <v>4860</v>
      </c>
      <c r="K1498" s="71" t="s">
        <v>4861</v>
      </c>
      <c r="L1498" s="52" t="s">
        <v>2063</v>
      </c>
      <c r="M1498" s="72">
        <v>2542</v>
      </c>
      <c r="N1498" s="52"/>
      <c r="O1498" s="52"/>
      <c r="P1498" s="52"/>
      <c r="Q1498" s="52"/>
      <c r="R1498" s="52"/>
      <c r="S1498" s="52"/>
      <c r="T1498" s="52"/>
      <c r="U1498" s="52"/>
      <c r="V1498" s="52"/>
      <c r="W1498" s="52"/>
    </row>
    <row r="1499" spans="1:23" x14ac:dyDescent="0.35">
      <c r="A1499" s="52" t="s">
        <v>78</v>
      </c>
      <c r="B1499" s="52" t="s">
        <v>79</v>
      </c>
      <c r="C1499" s="3">
        <v>10</v>
      </c>
      <c r="D1499" s="52" t="s">
        <v>83</v>
      </c>
      <c r="E1499" s="52" t="s">
        <v>26</v>
      </c>
      <c r="F1499" s="52" t="s">
        <v>81</v>
      </c>
      <c r="G1499" s="52" t="s">
        <v>82</v>
      </c>
      <c r="H1499" s="4">
        <v>1</v>
      </c>
      <c r="I1499" s="2">
        <v>14.65</v>
      </c>
      <c r="J1499" s="52" t="s">
        <v>4862</v>
      </c>
      <c r="K1499" s="71" t="s">
        <v>4863</v>
      </c>
      <c r="L1499" s="52" t="s">
        <v>2063</v>
      </c>
      <c r="M1499" s="72">
        <v>2933</v>
      </c>
      <c r="N1499" s="52" t="s">
        <v>2076</v>
      </c>
      <c r="O1499" s="52" t="s">
        <v>2077</v>
      </c>
      <c r="P1499" s="52"/>
      <c r="Q1499" s="52"/>
      <c r="R1499" s="52"/>
      <c r="S1499" s="52"/>
      <c r="T1499" s="52"/>
      <c r="U1499" s="52"/>
      <c r="V1499" s="52"/>
      <c r="W1499" s="52"/>
    </row>
    <row r="1500" spans="1:23" hidden="1" x14ac:dyDescent="0.35">
      <c r="A1500" s="52" t="s">
        <v>78</v>
      </c>
      <c r="B1500" s="52" t="s">
        <v>79</v>
      </c>
      <c r="C1500" s="3">
        <v>20</v>
      </c>
      <c r="D1500" s="52" t="s">
        <v>2024</v>
      </c>
      <c r="E1500" s="52" t="s">
        <v>26</v>
      </c>
      <c r="F1500" s="52" t="s">
        <v>81</v>
      </c>
      <c r="G1500" s="52" t="s">
        <v>82</v>
      </c>
      <c r="H1500" s="4">
        <v>1</v>
      </c>
      <c r="I1500" s="2">
        <v>14.65</v>
      </c>
      <c r="J1500" s="52" t="s">
        <v>3698</v>
      </c>
      <c r="K1500" s="71" t="s">
        <v>4864</v>
      </c>
      <c r="L1500" s="52" t="s">
        <v>2063</v>
      </c>
      <c r="M1500" s="72">
        <v>9833</v>
      </c>
      <c r="N1500" s="52" t="s">
        <v>2066</v>
      </c>
      <c r="O1500" s="52" t="s">
        <v>2067</v>
      </c>
      <c r="P1500" s="52"/>
      <c r="Q1500" s="52"/>
      <c r="R1500" s="52"/>
      <c r="S1500" s="52"/>
      <c r="T1500" s="52"/>
      <c r="U1500" s="52"/>
      <c r="V1500" s="52"/>
      <c r="W1500" s="52"/>
    </row>
    <row r="1501" spans="1:23" x14ac:dyDescent="0.35">
      <c r="A1501" s="52" t="s">
        <v>78</v>
      </c>
      <c r="B1501" s="52" t="s">
        <v>79</v>
      </c>
      <c r="C1501" s="3">
        <v>212</v>
      </c>
      <c r="D1501" s="52" t="s">
        <v>83</v>
      </c>
      <c r="E1501" s="52" t="s">
        <v>26</v>
      </c>
      <c r="F1501" s="52" t="s">
        <v>81</v>
      </c>
      <c r="G1501" s="52" t="s">
        <v>82</v>
      </c>
      <c r="H1501" s="4">
        <v>1</v>
      </c>
      <c r="I1501" s="2">
        <v>14.65</v>
      </c>
      <c r="J1501" s="52" t="s">
        <v>4865</v>
      </c>
      <c r="K1501" s="71" t="s">
        <v>4866</v>
      </c>
      <c r="L1501" s="52" t="s">
        <v>2063</v>
      </c>
      <c r="M1501" s="72">
        <v>7383</v>
      </c>
      <c r="N1501" s="52" t="s">
        <v>2076</v>
      </c>
      <c r="O1501" s="52" t="s">
        <v>2077</v>
      </c>
      <c r="P1501" s="52"/>
      <c r="Q1501" s="52"/>
      <c r="R1501" s="52"/>
      <c r="S1501" s="52"/>
      <c r="T1501" s="52"/>
      <c r="U1501" s="52"/>
      <c r="V1501" s="52"/>
      <c r="W1501" s="52"/>
    </row>
    <row r="1502" spans="1:23" x14ac:dyDescent="0.35">
      <c r="A1502" s="52" t="s">
        <v>78</v>
      </c>
      <c r="B1502" s="52" t="s">
        <v>79</v>
      </c>
      <c r="C1502" s="3">
        <v>20</v>
      </c>
      <c r="D1502" s="52" t="s">
        <v>2022</v>
      </c>
      <c r="E1502" s="52" t="s">
        <v>26</v>
      </c>
      <c r="F1502" s="52" t="s">
        <v>81</v>
      </c>
      <c r="G1502" s="52" t="s">
        <v>82</v>
      </c>
      <c r="H1502" s="4">
        <v>1</v>
      </c>
      <c r="I1502" s="2">
        <v>14.65</v>
      </c>
      <c r="J1502" s="52" t="s">
        <v>4867</v>
      </c>
      <c r="K1502" s="71" t="s">
        <v>4868</v>
      </c>
      <c r="L1502" s="52" t="s">
        <v>2063</v>
      </c>
      <c r="M1502" s="72">
        <v>3201</v>
      </c>
      <c r="N1502" s="52" t="s">
        <v>2076</v>
      </c>
      <c r="O1502" s="52" t="s">
        <v>2077</v>
      </c>
      <c r="P1502" s="52"/>
      <c r="Q1502" s="52"/>
      <c r="R1502" s="52"/>
      <c r="S1502" s="52"/>
      <c r="T1502" s="52"/>
      <c r="U1502" s="52"/>
      <c r="V1502" s="52"/>
      <c r="W1502" s="52"/>
    </row>
    <row r="1503" spans="1:23" hidden="1" x14ac:dyDescent="0.35">
      <c r="A1503" s="52" t="s">
        <v>78</v>
      </c>
      <c r="B1503" s="52" t="s">
        <v>79</v>
      </c>
      <c r="C1503" s="3">
        <v>20</v>
      </c>
      <c r="D1503" s="52" t="s">
        <v>2019</v>
      </c>
      <c r="E1503" s="52" t="s">
        <v>26</v>
      </c>
      <c r="F1503" s="52" t="s">
        <v>81</v>
      </c>
      <c r="G1503" s="52" t="s">
        <v>82</v>
      </c>
      <c r="H1503" s="4">
        <v>1</v>
      </c>
      <c r="I1503" s="2">
        <v>14.65</v>
      </c>
      <c r="J1503" s="52" t="s">
        <v>4869</v>
      </c>
      <c r="K1503" s="71" t="s">
        <v>4870</v>
      </c>
      <c r="L1503" s="52" t="s">
        <v>2063</v>
      </c>
      <c r="M1503" s="72">
        <v>2639</v>
      </c>
      <c r="N1503" s="52" t="s">
        <v>2072</v>
      </c>
      <c r="O1503" s="52" t="s">
        <v>2073</v>
      </c>
      <c r="P1503" s="52"/>
      <c r="Q1503" s="52"/>
      <c r="R1503" s="52"/>
      <c r="S1503" s="52"/>
      <c r="T1503" s="52"/>
      <c r="U1503" s="52"/>
      <c r="V1503" s="52"/>
      <c r="W1503" s="52"/>
    </row>
    <row r="1504" spans="1:23" hidden="1" x14ac:dyDescent="0.35">
      <c r="A1504" s="52" t="s">
        <v>78</v>
      </c>
      <c r="B1504" s="52" t="s">
        <v>79</v>
      </c>
      <c r="C1504" s="3">
        <v>20</v>
      </c>
      <c r="D1504" s="52" t="s">
        <v>85</v>
      </c>
      <c r="E1504" s="52" t="s">
        <v>26</v>
      </c>
      <c r="F1504" s="52" t="s">
        <v>81</v>
      </c>
      <c r="G1504" s="52" t="s">
        <v>82</v>
      </c>
      <c r="H1504" s="4">
        <v>1</v>
      </c>
      <c r="I1504" s="2">
        <v>14.65</v>
      </c>
      <c r="J1504" s="52" t="s">
        <v>4871</v>
      </c>
      <c r="K1504" s="71" t="s">
        <v>4872</v>
      </c>
      <c r="L1504" s="52" t="s">
        <v>2063</v>
      </c>
      <c r="M1504" s="72">
        <v>4300</v>
      </c>
      <c r="N1504" s="52" t="s">
        <v>2072</v>
      </c>
      <c r="O1504" s="52" t="s">
        <v>2073</v>
      </c>
      <c r="P1504" s="52"/>
      <c r="Q1504" s="52"/>
      <c r="R1504" s="52"/>
      <c r="S1504" s="52"/>
      <c r="T1504" s="52"/>
      <c r="U1504" s="52"/>
      <c r="V1504" s="52"/>
      <c r="W1504" s="52"/>
    </row>
    <row r="1505" spans="1:23" hidden="1" x14ac:dyDescent="0.35">
      <c r="A1505" s="52" t="s">
        <v>78</v>
      </c>
      <c r="B1505" s="52" t="s">
        <v>79</v>
      </c>
      <c r="C1505" s="3">
        <v>10</v>
      </c>
      <c r="D1505" s="52" t="s">
        <v>2020</v>
      </c>
      <c r="E1505" s="52" t="s">
        <v>26</v>
      </c>
      <c r="F1505" s="52" t="s">
        <v>81</v>
      </c>
      <c r="G1505" s="52" t="s">
        <v>82</v>
      </c>
      <c r="H1505" s="4">
        <v>1</v>
      </c>
      <c r="I1505" s="2">
        <v>14.65</v>
      </c>
      <c r="J1505" s="52" t="s">
        <v>3410</v>
      </c>
      <c r="K1505" s="71" t="s">
        <v>4873</v>
      </c>
      <c r="L1505" s="52" t="s">
        <v>2095</v>
      </c>
      <c r="M1505" s="72">
        <v>2366</v>
      </c>
      <c r="N1505" s="52" t="s">
        <v>2072</v>
      </c>
      <c r="O1505" s="52" t="s">
        <v>2073</v>
      </c>
      <c r="P1505" s="52"/>
      <c r="Q1505" s="52"/>
      <c r="R1505" s="52"/>
      <c r="S1505" s="52"/>
      <c r="T1505" s="52"/>
      <c r="U1505" s="52"/>
      <c r="V1505" s="52"/>
      <c r="W1505" s="52"/>
    </row>
    <row r="1506" spans="1:23" hidden="1" x14ac:dyDescent="0.35">
      <c r="A1506" s="52" t="s">
        <v>78</v>
      </c>
      <c r="B1506" s="52" t="s">
        <v>79</v>
      </c>
      <c r="C1506" s="3">
        <v>20</v>
      </c>
      <c r="D1506" s="52" t="s">
        <v>2021</v>
      </c>
      <c r="E1506" s="52" t="s">
        <v>26</v>
      </c>
      <c r="F1506" s="52" t="s">
        <v>81</v>
      </c>
      <c r="G1506" s="52" t="s">
        <v>82</v>
      </c>
      <c r="H1506" s="4">
        <v>1</v>
      </c>
      <c r="I1506" s="2">
        <v>14.65</v>
      </c>
      <c r="J1506" s="52" t="s">
        <v>3615</v>
      </c>
      <c r="K1506" s="71" t="s">
        <v>4874</v>
      </c>
      <c r="L1506" s="52" t="s">
        <v>2095</v>
      </c>
      <c r="M1506" s="72">
        <v>5631</v>
      </c>
      <c r="N1506" s="52" t="s">
        <v>2072</v>
      </c>
      <c r="O1506" s="52" t="s">
        <v>2073</v>
      </c>
      <c r="P1506" s="52"/>
      <c r="Q1506" s="52"/>
      <c r="R1506" s="52"/>
      <c r="S1506" s="52"/>
      <c r="T1506" s="52"/>
      <c r="U1506" s="52"/>
      <c r="V1506" s="52"/>
      <c r="W1506" s="52"/>
    </row>
    <row r="1507" spans="1:23" hidden="1" x14ac:dyDescent="0.35">
      <c r="A1507" s="52" t="s">
        <v>78</v>
      </c>
      <c r="B1507" s="52" t="s">
        <v>79</v>
      </c>
      <c r="C1507" s="3">
        <v>20</v>
      </c>
      <c r="D1507" s="52" t="s">
        <v>80</v>
      </c>
      <c r="E1507" s="52" t="s">
        <v>26</v>
      </c>
      <c r="F1507" s="52" t="s">
        <v>81</v>
      </c>
      <c r="G1507" s="52" t="s">
        <v>82</v>
      </c>
      <c r="H1507" s="4">
        <v>1</v>
      </c>
      <c r="I1507" s="2">
        <v>14.65</v>
      </c>
      <c r="J1507" s="52" t="s">
        <v>4544</v>
      </c>
      <c r="K1507" s="71" t="s">
        <v>4875</v>
      </c>
      <c r="L1507" s="52" t="s">
        <v>2063</v>
      </c>
      <c r="M1507" s="72">
        <v>1160</v>
      </c>
      <c r="N1507" s="52" t="s">
        <v>2066</v>
      </c>
      <c r="O1507" s="52" t="s">
        <v>2067</v>
      </c>
      <c r="P1507" s="52"/>
      <c r="Q1507" s="52"/>
      <c r="R1507" s="52"/>
      <c r="S1507" s="52"/>
      <c r="T1507" s="52"/>
      <c r="U1507" s="52"/>
      <c r="V1507" s="52"/>
      <c r="W1507" s="52"/>
    </row>
    <row r="1508" spans="1:23" hidden="1" x14ac:dyDescent="0.35">
      <c r="A1508" s="52" t="s">
        <v>78</v>
      </c>
      <c r="B1508" s="52" t="s">
        <v>79</v>
      </c>
      <c r="C1508" s="3">
        <v>20</v>
      </c>
      <c r="D1508" s="52" t="s">
        <v>2019</v>
      </c>
      <c r="E1508" s="52" t="s">
        <v>26</v>
      </c>
      <c r="F1508" s="52" t="s">
        <v>81</v>
      </c>
      <c r="G1508" s="52" t="s">
        <v>82</v>
      </c>
      <c r="H1508" s="4">
        <v>1</v>
      </c>
      <c r="I1508" s="2">
        <v>14.65</v>
      </c>
      <c r="J1508" s="52" t="s">
        <v>4643</v>
      </c>
      <c r="K1508" s="71" t="s">
        <v>4876</v>
      </c>
      <c r="L1508" s="52" t="s">
        <v>2063</v>
      </c>
      <c r="M1508" s="72">
        <v>9286</v>
      </c>
      <c r="N1508" s="52" t="s">
        <v>2158</v>
      </c>
      <c r="O1508" s="52" t="s">
        <v>2159</v>
      </c>
      <c r="P1508" s="52"/>
      <c r="Q1508" s="52"/>
      <c r="R1508" s="52"/>
      <c r="S1508" s="52"/>
      <c r="T1508" s="52"/>
      <c r="U1508" s="52"/>
      <c r="V1508" s="52"/>
      <c r="W1508" s="52"/>
    </row>
    <row r="1509" spans="1:23" hidden="1" x14ac:dyDescent="0.35">
      <c r="A1509" s="52" t="s">
        <v>78</v>
      </c>
      <c r="B1509" s="52" t="s">
        <v>79</v>
      </c>
      <c r="C1509" s="3">
        <v>10</v>
      </c>
      <c r="D1509" s="52" t="s">
        <v>2021</v>
      </c>
      <c r="E1509" s="52" t="s">
        <v>26</v>
      </c>
      <c r="F1509" s="52" t="s">
        <v>81</v>
      </c>
      <c r="G1509" s="52" t="s">
        <v>82</v>
      </c>
      <c r="H1509" s="4">
        <v>1</v>
      </c>
      <c r="I1509" s="2">
        <v>14.65</v>
      </c>
      <c r="J1509" s="52" t="s">
        <v>4877</v>
      </c>
      <c r="K1509" s="71" t="s">
        <v>4878</v>
      </c>
      <c r="L1509" s="52" t="s">
        <v>2063</v>
      </c>
      <c r="M1509" s="72">
        <v>3677</v>
      </c>
      <c r="N1509" s="52"/>
      <c r="O1509" s="52"/>
      <c r="P1509" s="52"/>
      <c r="Q1509" s="52"/>
      <c r="R1509" s="52"/>
      <c r="S1509" s="52"/>
      <c r="T1509" s="52"/>
      <c r="U1509" s="52"/>
      <c r="V1509" s="52"/>
      <c r="W1509" s="52"/>
    </row>
    <row r="1510" spans="1:23" hidden="1" x14ac:dyDescent="0.35">
      <c r="A1510" s="52" t="s">
        <v>78</v>
      </c>
      <c r="B1510" s="52" t="s">
        <v>79</v>
      </c>
      <c r="C1510" s="3">
        <v>20</v>
      </c>
      <c r="D1510" s="52" t="s">
        <v>84</v>
      </c>
      <c r="E1510" s="52" t="s">
        <v>26</v>
      </c>
      <c r="F1510" s="52" t="s">
        <v>81</v>
      </c>
      <c r="G1510" s="52" t="s">
        <v>82</v>
      </c>
      <c r="H1510" s="4">
        <v>1</v>
      </c>
      <c r="I1510" s="2">
        <v>14.65</v>
      </c>
      <c r="J1510" s="52" t="s">
        <v>4879</v>
      </c>
      <c r="K1510" s="71" t="s">
        <v>4880</v>
      </c>
      <c r="L1510" s="52" t="s">
        <v>2063</v>
      </c>
      <c r="M1510" s="72">
        <v>6422</v>
      </c>
      <c r="N1510" s="52" t="s">
        <v>2072</v>
      </c>
      <c r="O1510" s="52" t="s">
        <v>2073</v>
      </c>
      <c r="P1510" s="52"/>
      <c r="Q1510" s="52"/>
      <c r="R1510" s="52"/>
      <c r="S1510" s="52"/>
      <c r="T1510" s="52"/>
      <c r="U1510" s="52"/>
      <c r="V1510" s="52"/>
      <c r="W1510" s="52"/>
    </row>
    <row r="1511" spans="1:23" hidden="1" x14ac:dyDescent="0.35">
      <c r="A1511" s="52" t="s">
        <v>78</v>
      </c>
      <c r="B1511" s="52" t="s">
        <v>79</v>
      </c>
      <c r="C1511" s="3">
        <v>10</v>
      </c>
      <c r="D1511" s="52" t="s">
        <v>2020</v>
      </c>
      <c r="E1511" s="52" t="s">
        <v>26</v>
      </c>
      <c r="F1511" s="52" t="s">
        <v>81</v>
      </c>
      <c r="G1511" s="52" t="s">
        <v>82</v>
      </c>
      <c r="H1511" s="4">
        <v>1</v>
      </c>
      <c r="I1511" s="2">
        <v>14.65</v>
      </c>
      <c r="J1511" s="52" t="s">
        <v>4881</v>
      </c>
      <c r="K1511" s="71" t="s">
        <v>4882</v>
      </c>
      <c r="L1511" s="52" t="s">
        <v>2063</v>
      </c>
      <c r="M1511" s="72">
        <v>8506</v>
      </c>
      <c r="N1511" s="52"/>
      <c r="O1511" s="52"/>
      <c r="P1511" s="52"/>
      <c r="Q1511" s="52"/>
      <c r="R1511" s="52"/>
      <c r="S1511" s="52"/>
      <c r="T1511" s="52"/>
      <c r="U1511" s="52"/>
      <c r="V1511" s="52"/>
      <c r="W1511" s="52"/>
    </row>
    <row r="1512" spans="1:23" hidden="1" x14ac:dyDescent="0.35">
      <c r="A1512" s="52" t="s">
        <v>78</v>
      </c>
      <c r="B1512" s="52" t="s">
        <v>79</v>
      </c>
      <c r="C1512" s="3">
        <v>10</v>
      </c>
      <c r="D1512" s="52" t="s">
        <v>2022</v>
      </c>
      <c r="E1512" s="52" t="s">
        <v>26</v>
      </c>
      <c r="F1512" s="52" t="s">
        <v>81</v>
      </c>
      <c r="G1512" s="52" t="s">
        <v>82</v>
      </c>
      <c r="H1512" s="4">
        <v>1</v>
      </c>
      <c r="I1512" s="2">
        <v>14.65</v>
      </c>
      <c r="J1512" s="52" t="s">
        <v>4883</v>
      </c>
      <c r="K1512" s="71" t="s">
        <v>4884</v>
      </c>
      <c r="L1512" s="52" t="s">
        <v>2063</v>
      </c>
      <c r="M1512" s="72">
        <v>8054</v>
      </c>
      <c r="N1512" s="52" t="s">
        <v>2066</v>
      </c>
      <c r="O1512" s="52" t="s">
        <v>2067</v>
      </c>
      <c r="P1512" s="52"/>
      <c r="Q1512" s="52"/>
      <c r="R1512" s="52"/>
      <c r="S1512" s="52"/>
      <c r="T1512" s="52"/>
      <c r="U1512" s="52"/>
      <c r="V1512" s="52"/>
      <c r="W1512" s="52"/>
    </row>
    <row r="1513" spans="1:23" hidden="1" x14ac:dyDescent="0.35">
      <c r="A1513" s="52" t="s">
        <v>78</v>
      </c>
      <c r="B1513" s="52" t="s">
        <v>79</v>
      </c>
      <c r="C1513" s="3">
        <v>10</v>
      </c>
      <c r="D1513" s="52" t="s">
        <v>2021</v>
      </c>
      <c r="E1513" s="52" t="s">
        <v>26</v>
      </c>
      <c r="F1513" s="52" t="s">
        <v>81</v>
      </c>
      <c r="G1513" s="52" t="s">
        <v>82</v>
      </c>
      <c r="H1513" s="4">
        <v>1</v>
      </c>
      <c r="I1513" s="2">
        <v>14.65</v>
      </c>
      <c r="J1513" s="52" t="s">
        <v>4885</v>
      </c>
      <c r="K1513" s="71" t="s">
        <v>4886</v>
      </c>
      <c r="L1513" s="52" t="s">
        <v>2063</v>
      </c>
      <c r="M1513" s="72">
        <v>3965</v>
      </c>
      <c r="N1513" s="52" t="s">
        <v>2158</v>
      </c>
      <c r="O1513" s="52" t="s">
        <v>2159</v>
      </c>
      <c r="P1513" s="52"/>
      <c r="Q1513" s="52"/>
      <c r="R1513" s="52"/>
      <c r="S1513" s="52"/>
      <c r="T1513" s="52"/>
      <c r="U1513" s="52"/>
      <c r="V1513" s="52"/>
      <c r="W1513" s="52"/>
    </row>
    <row r="1514" spans="1:23" hidden="1" x14ac:dyDescent="0.35">
      <c r="A1514" s="52" t="s">
        <v>78</v>
      </c>
      <c r="B1514" s="52" t="s">
        <v>79</v>
      </c>
      <c r="C1514" s="3">
        <v>20</v>
      </c>
      <c r="D1514" s="52" t="s">
        <v>2019</v>
      </c>
      <c r="E1514" s="52" t="s">
        <v>26</v>
      </c>
      <c r="F1514" s="52" t="s">
        <v>81</v>
      </c>
      <c r="G1514" s="52" t="s">
        <v>82</v>
      </c>
      <c r="H1514" s="4">
        <v>1</v>
      </c>
      <c r="I1514" s="2">
        <v>14.65</v>
      </c>
      <c r="J1514" s="52" t="s">
        <v>4887</v>
      </c>
      <c r="K1514" s="71" t="s">
        <v>4888</v>
      </c>
      <c r="L1514" s="52" t="s">
        <v>2063</v>
      </c>
      <c r="M1514" s="72">
        <v>3264</v>
      </c>
      <c r="N1514" s="52" t="s">
        <v>2072</v>
      </c>
      <c r="O1514" s="52" t="s">
        <v>2073</v>
      </c>
      <c r="P1514" s="52"/>
      <c r="Q1514" s="52"/>
      <c r="R1514" s="52"/>
      <c r="S1514" s="52"/>
      <c r="T1514" s="52"/>
      <c r="U1514" s="52"/>
      <c r="V1514" s="52"/>
      <c r="W1514" s="52"/>
    </row>
    <row r="1515" spans="1:23" hidden="1" x14ac:dyDescent="0.35">
      <c r="A1515" s="52" t="s">
        <v>78</v>
      </c>
      <c r="B1515" s="52" t="s">
        <v>79</v>
      </c>
      <c r="C1515" s="3">
        <v>20</v>
      </c>
      <c r="D1515" s="52" t="s">
        <v>2023</v>
      </c>
      <c r="E1515" s="52" t="s">
        <v>26</v>
      </c>
      <c r="F1515" s="52" t="s">
        <v>81</v>
      </c>
      <c r="G1515" s="52" t="s">
        <v>82</v>
      </c>
      <c r="H1515" s="4">
        <v>1</v>
      </c>
      <c r="I1515" s="2">
        <v>14.65</v>
      </c>
      <c r="J1515" s="52" t="s">
        <v>4889</v>
      </c>
      <c r="K1515" s="71" t="s">
        <v>4890</v>
      </c>
      <c r="L1515" s="52" t="s">
        <v>2063</v>
      </c>
      <c r="M1515" s="72">
        <v>6462</v>
      </c>
      <c r="N1515" s="52" t="s">
        <v>2066</v>
      </c>
      <c r="O1515" s="52" t="s">
        <v>2067</v>
      </c>
      <c r="P1515" s="52"/>
      <c r="Q1515" s="52"/>
      <c r="R1515" s="52"/>
      <c r="S1515" s="52"/>
      <c r="T1515" s="52"/>
      <c r="U1515" s="52"/>
      <c r="V1515" s="52"/>
      <c r="W1515" s="52"/>
    </row>
    <row r="1516" spans="1:23" hidden="1" x14ac:dyDescent="0.35">
      <c r="A1516" s="52" t="s">
        <v>78</v>
      </c>
      <c r="B1516" s="52" t="s">
        <v>79</v>
      </c>
      <c r="C1516" s="3">
        <v>20</v>
      </c>
      <c r="D1516" s="52" t="s">
        <v>87</v>
      </c>
      <c r="E1516" s="52" t="s">
        <v>26</v>
      </c>
      <c r="F1516" s="52" t="s">
        <v>81</v>
      </c>
      <c r="G1516" s="52" t="s">
        <v>82</v>
      </c>
      <c r="H1516" s="4">
        <v>1</v>
      </c>
      <c r="I1516" s="2">
        <v>14.65</v>
      </c>
      <c r="J1516" s="52" t="s">
        <v>4891</v>
      </c>
      <c r="K1516" s="71" t="s">
        <v>4892</v>
      </c>
      <c r="L1516" s="52" t="s">
        <v>2063</v>
      </c>
      <c r="M1516" s="72">
        <v>4513</v>
      </c>
      <c r="N1516" s="52" t="s">
        <v>2072</v>
      </c>
      <c r="O1516" s="52" t="s">
        <v>2073</v>
      </c>
      <c r="P1516" s="52"/>
      <c r="Q1516" s="52"/>
      <c r="R1516" s="52"/>
      <c r="S1516" s="52"/>
      <c r="T1516" s="52"/>
      <c r="U1516" s="52"/>
      <c r="V1516" s="52"/>
      <c r="W1516" s="52"/>
    </row>
    <row r="1517" spans="1:23" hidden="1" x14ac:dyDescent="0.35">
      <c r="A1517" s="52" t="s">
        <v>78</v>
      </c>
      <c r="B1517" s="52" t="s">
        <v>79</v>
      </c>
      <c r="C1517" s="3">
        <v>20</v>
      </c>
      <c r="D1517" s="52" t="s">
        <v>80</v>
      </c>
      <c r="E1517" s="52" t="s">
        <v>26</v>
      </c>
      <c r="F1517" s="52" t="s">
        <v>81</v>
      </c>
      <c r="G1517" s="52" t="s">
        <v>82</v>
      </c>
      <c r="H1517" s="4">
        <v>1</v>
      </c>
      <c r="I1517" s="2">
        <v>14.65</v>
      </c>
      <c r="J1517" s="52" t="s">
        <v>3384</v>
      </c>
      <c r="K1517" s="71" t="s">
        <v>4893</v>
      </c>
      <c r="L1517" s="52" t="s">
        <v>2063</v>
      </c>
      <c r="M1517" s="72">
        <v>9885</v>
      </c>
      <c r="N1517" s="52"/>
      <c r="O1517" s="52"/>
      <c r="P1517" s="52"/>
      <c r="Q1517" s="52"/>
      <c r="R1517" s="52"/>
      <c r="S1517" s="52"/>
      <c r="T1517" s="52"/>
      <c r="U1517" s="52"/>
      <c r="V1517" s="52"/>
      <c r="W1517" s="52"/>
    </row>
    <row r="1518" spans="1:23" hidden="1" x14ac:dyDescent="0.35">
      <c r="A1518" s="52" t="s">
        <v>78</v>
      </c>
      <c r="B1518" s="52" t="s">
        <v>79</v>
      </c>
      <c r="C1518" s="3">
        <v>20</v>
      </c>
      <c r="D1518" s="52" t="s">
        <v>2021</v>
      </c>
      <c r="E1518" s="52" t="s">
        <v>26</v>
      </c>
      <c r="F1518" s="52" t="s">
        <v>81</v>
      </c>
      <c r="G1518" s="52" t="s">
        <v>82</v>
      </c>
      <c r="H1518" s="4">
        <v>1</v>
      </c>
      <c r="I1518" s="2">
        <v>14.65</v>
      </c>
      <c r="J1518" s="52" t="s">
        <v>4894</v>
      </c>
      <c r="K1518" s="71" t="s">
        <v>4895</v>
      </c>
      <c r="L1518" s="52" t="s">
        <v>2063</v>
      </c>
      <c r="M1518" s="72">
        <v>9614</v>
      </c>
      <c r="N1518" s="52" t="s">
        <v>2072</v>
      </c>
      <c r="O1518" s="52" t="s">
        <v>2073</v>
      </c>
      <c r="P1518" s="52"/>
      <c r="Q1518" s="52"/>
      <c r="R1518" s="52"/>
      <c r="S1518" s="52"/>
      <c r="T1518" s="52"/>
      <c r="U1518" s="52"/>
      <c r="V1518" s="52"/>
      <c r="W1518" s="52"/>
    </row>
    <row r="1519" spans="1:23" hidden="1" x14ac:dyDescent="0.35">
      <c r="A1519" s="52" t="s">
        <v>78</v>
      </c>
      <c r="B1519" s="52" t="s">
        <v>79</v>
      </c>
      <c r="C1519" s="3">
        <v>211</v>
      </c>
      <c r="D1519" s="52" t="s">
        <v>2020</v>
      </c>
      <c r="E1519" s="52" t="s">
        <v>26</v>
      </c>
      <c r="F1519" s="52" t="s">
        <v>81</v>
      </c>
      <c r="G1519" s="52" t="s">
        <v>82</v>
      </c>
      <c r="H1519" s="4">
        <v>1</v>
      </c>
      <c r="I1519" s="2">
        <v>14.65</v>
      </c>
      <c r="J1519" s="52" t="s">
        <v>4517</v>
      </c>
      <c r="K1519" s="71" t="s">
        <v>4896</v>
      </c>
      <c r="L1519" s="52" t="s">
        <v>2095</v>
      </c>
      <c r="M1519" s="72">
        <v>941</v>
      </c>
      <c r="N1519" s="52"/>
      <c r="O1519" s="52"/>
      <c r="P1519" s="52"/>
      <c r="Q1519" s="52"/>
      <c r="R1519" s="52"/>
      <c r="S1519" s="52"/>
      <c r="T1519" s="52"/>
      <c r="U1519" s="52"/>
      <c r="V1519" s="52"/>
      <c r="W1519" s="52"/>
    </row>
    <row r="1520" spans="1:23" hidden="1" x14ac:dyDescent="0.35">
      <c r="A1520" s="52" t="s">
        <v>78</v>
      </c>
      <c r="B1520" s="52" t="s">
        <v>79</v>
      </c>
      <c r="C1520" s="3">
        <v>10</v>
      </c>
      <c r="D1520" s="52" t="s">
        <v>87</v>
      </c>
      <c r="E1520" s="52" t="s">
        <v>26</v>
      </c>
      <c r="F1520" s="52" t="s">
        <v>81</v>
      </c>
      <c r="G1520" s="52" t="s">
        <v>82</v>
      </c>
      <c r="H1520" s="4">
        <v>1</v>
      </c>
      <c r="I1520" s="2">
        <v>14.65</v>
      </c>
      <c r="J1520" s="52" t="s">
        <v>4038</v>
      </c>
      <c r="K1520" s="71" t="s">
        <v>4897</v>
      </c>
      <c r="L1520" s="52" t="s">
        <v>2063</v>
      </c>
      <c r="M1520" s="72">
        <v>792</v>
      </c>
      <c r="N1520" s="52" t="s">
        <v>2066</v>
      </c>
      <c r="O1520" s="52" t="s">
        <v>2067</v>
      </c>
      <c r="P1520" s="52"/>
      <c r="Q1520" s="52"/>
      <c r="R1520" s="52"/>
      <c r="S1520" s="52"/>
      <c r="T1520" s="52"/>
      <c r="U1520" s="52"/>
      <c r="V1520" s="52"/>
      <c r="W1520" s="52"/>
    </row>
    <row r="1521" spans="1:23" x14ac:dyDescent="0.35">
      <c r="A1521" s="52" t="s">
        <v>78</v>
      </c>
      <c r="B1521" s="52" t="s">
        <v>79</v>
      </c>
      <c r="C1521" s="3">
        <v>212</v>
      </c>
      <c r="D1521" s="52" t="s">
        <v>2021</v>
      </c>
      <c r="E1521" s="52" t="s">
        <v>26</v>
      </c>
      <c r="F1521" s="52" t="s">
        <v>81</v>
      </c>
      <c r="G1521" s="52" t="s">
        <v>82</v>
      </c>
      <c r="H1521" s="4">
        <v>1</v>
      </c>
      <c r="I1521" s="2">
        <v>14.65</v>
      </c>
      <c r="J1521" s="52" t="s">
        <v>4898</v>
      </c>
      <c r="K1521" s="71" t="s">
        <v>4899</v>
      </c>
      <c r="L1521" s="52" t="s">
        <v>2063</v>
      </c>
      <c r="M1521" s="72">
        <v>1264</v>
      </c>
      <c r="N1521" s="52" t="s">
        <v>2259</v>
      </c>
      <c r="O1521" s="52" t="s">
        <v>2260</v>
      </c>
      <c r="P1521" s="52"/>
      <c r="Q1521" s="52"/>
      <c r="R1521" s="52"/>
      <c r="S1521" s="52"/>
      <c r="T1521" s="52"/>
      <c r="U1521" s="52"/>
      <c r="V1521" s="52"/>
      <c r="W1521" s="52"/>
    </row>
    <row r="1522" spans="1:23" hidden="1" x14ac:dyDescent="0.35">
      <c r="A1522" s="52" t="s">
        <v>78</v>
      </c>
      <c r="B1522" s="52" t="s">
        <v>79</v>
      </c>
      <c r="C1522" s="3">
        <v>10</v>
      </c>
      <c r="D1522" s="52" t="s">
        <v>80</v>
      </c>
      <c r="E1522" s="52" t="s">
        <v>26</v>
      </c>
      <c r="F1522" s="52" t="s">
        <v>81</v>
      </c>
      <c r="G1522" s="52" t="s">
        <v>82</v>
      </c>
      <c r="H1522" s="4">
        <v>1</v>
      </c>
      <c r="I1522" s="2">
        <v>14.65</v>
      </c>
      <c r="J1522" s="52" t="s">
        <v>4468</v>
      </c>
      <c r="K1522" s="71" t="s">
        <v>4900</v>
      </c>
      <c r="L1522" s="52" t="s">
        <v>2063</v>
      </c>
      <c r="M1522" s="72">
        <v>2737</v>
      </c>
      <c r="N1522" s="52" t="s">
        <v>2072</v>
      </c>
      <c r="O1522" s="52" t="s">
        <v>2073</v>
      </c>
      <c r="P1522" s="52"/>
      <c r="Q1522" s="52"/>
      <c r="R1522" s="52"/>
      <c r="S1522" s="52"/>
      <c r="T1522" s="52"/>
      <c r="U1522" s="52"/>
      <c r="V1522" s="52"/>
      <c r="W1522" s="52"/>
    </row>
    <row r="1523" spans="1:23" hidden="1" x14ac:dyDescent="0.35">
      <c r="A1523" s="52" t="s">
        <v>78</v>
      </c>
      <c r="B1523" s="52" t="s">
        <v>79</v>
      </c>
      <c r="C1523" s="3">
        <v>20</v>
      </c>
      <c r="D1523" s="52" t="s">
        <v>83</v>
      </c>
      <c r="E1523" s="52" t="s">
        <v>26</v>
      </c>
      <c r="F1523" s="52" t="s">
        <v>81</v>
      </c>
      <c r="G1523" s="52" t="s">
        <v>82</v>
      </c>
      <c r="H1523" s="4">
        <v>1</v>
      </c>
      <c r="I1523" s="2">
        <v>14.65</v>
      </c>
      <c r="J1523" s="52" t="s">
        <v>4901</v>
      </c>
      <c r="K1523" s="71" t="s">
        <v>4902</v>
      </c>
      <c r="L1523" s="52" t="s">
        <v>2063</v>
      </c>
      <c r="M1523" s="72">
        <v>2631</v>
      </c>
      <c r="N1523" s="52" t="s">
        <v>2154</v>
      </c>
      <c r="O1523" s="52" t="s">
        <v>2155</v>
      </c>
      <c r="P1523" s="52"/>
      <c r="Q1523" s="52"/>
      <c r="R1523" s="52"/>
      <c r="S1523" s="52"/>
      <c r="T1523" s="52"/>
      <c r="U1523" s="52"/>
      <c r="V1523" s="52"/>
      <c r="W1523" s="52"/>
    </row>
    <row r="1524" spans="1:23" hidden="1" x14ac:dyDescent="0.35">
      <c r="A1524" s="52" t="s">
        <v>78</v>
      </c>
      <c r="B1524" s="52" t="s">
        <v>79</v>
      </c>
      <c r="C1524" s="3">
        <v>10</v>
      </c>
      <c r="D1524" s="52" t="s">
        <v>83</v>
      </c>
      <c r="E1524" s="52" t="s">
        <v>26</v>
      </c>
      <c r="F1524" s="52" t="s">
        <v>81</v>
      </c>
      <c r="G1524" s="52" t="s">
        <v>82</v>
      </c>
      <c r="H1524" s="4">
        <v>1</v>
      </c>
      <c r="I1524" s="2">
        <v>14.65</v>
      </c>
      <c r="J1524" s="52" t="s">
        <v>4903</v>
      </c>
      <c r="K1524" s="71" t="s">
        <v>4904</v>
      </c>
      <c r="L1524" s="52" t="s">
        <v>2063</v>
      </c>
      <c r="M1524" s="72">
        <v>8086</v>
      </c>
      <c r="N1524" s="52" t="s">
        <v>2072</v>
      </c>
      <c r="O1524" s="52" t="s">
        <v>2073</v>
      </c>
      <c r="P1524" s="52"/>
      <c r="Q1524" s="52"/>
      <c r="R1524" s="52"/>
      <c r="S1524" s="52"/>
      <c r="T1524" s="52"/>
      <c r="U1524" s="52"/>
      <c r="V1524" s="52"/>
      <c r="W1524" s="52"/>
    </row>
    <row r="1525" spans="1:23" hidden="1" x14ac:dyDescent="0.35">
      <c r="A1525" s="52" t="s">
        <v>78</v>
      </c>
      <c r="B1525" s="52" t="s">
        <v>79</v>
      </c>
      <c r="C1525" s="3">
        <v>20</v>
      </c>
      <c r="D1525" s="52" t="s">
        <v>2019</v>
      </c>
      <c r="E1525" s="52" t="s">
        <v>26</v>
      </c>
      <c r="F1525" s="52" t="s">
        <v>81</v>
      </c>
      <c r="G1525" s="52" t="s">
        <v>82</v>
      </c>
      <c r="H1525" s="4">
        <v>1</v>
      </c>
      <c r="I1525" s="2">
        <v>14.65</v>
      </c>
      <c r="J1525" s="52" t="s">
        <v>4905</v>
      </c>
      <c r="K1525" s="71" t="s">
        <v>4906</v>
      </c>
      <c r="L1525" s="52" t="s">
        <v>2063</v>
      </c>
      <c r="M1525" s="72">
        <v>9408</v>
      </c>
      <c r="N1525" s="52" t="s">
        <v>2072</v>
      </c>
      <c r="O1525" s="52" t="s">
        <v>2073</v>
      </c>
      <c r="P1525" s="52"/>
      <c r="Q1525" s="52"/>
      <c r="R1525" s="52"/>
      <c r="S1525" s="52"/>
      <c r="T1525" s="52"/>
      <c r="U1525" s="52"/>
      <c r="V1525" s="52"/>
      <c r="W1525" s="52"/>
    </row>
    <row r="1526" spans="1:23" hidden="1" x14ac:dyDescent="0.35">
      <c r="A1526" s="52" t="s">
        <v>78</v>
      </c>
      <c r="B1526" s="52" t="s">
        <v>79</v>
      </c>
      <c r="C1526" s="3">
        <v>20</v>
      </c>
      <c r="D1526" s="52" t="s">
        <v>87</v>
      </c>
      <c r="E1526" s="52" t="s">
        <v>26</v>
      </c>
      <c r="F1526" s="52" t="s">
        <v>81</v>
      </c>
      <c r="G1526" s="52" t="s">
        <v>82</v>
      </c>
      <c r="H1526" s="4">
        <v>1</v>
      </c>
      <c r="I1526" s="2">
        <v>14.65</v>
      </c>
      <c r="J1526" s="52" t="s">
        <v>4907</v>
      </c>
      <c r="K1526" s="71" t="s">
        <v>4908</v>
      </c>
      <c r="L1526" s="52" t="s">
        <v>2063</v>
      </c>
      <c r="M1526" s="72">
        <v>4221</v>
      </c>
      <c r="N1526" s="52" t="s">
        <v>2154</v>
      </c>
      <c r="O1526" s="52" t="s">
        <v>2155</v>
      </c>
      <c r="P1526" s="52"/>
      <c r="Q1526" s="52"/>
      <c r="R1526" s="52"/>
      <c r="S1526" s="52"/>
      <c r="T1526" s="52"/>
      <c r="U1526" s="52"/>
      <c r="V1526" s="52"/>
      <c r="W1526" s="52"/>
    </row>
    <row r="1527" spans="1:23" hidden="1" x14ac:dyDescent="0.35">
      <c r="A1527" s="52" t="s">
        <v>78</v>
      </c>
      <c r="B1527" s="52" t="s">
        <v>79</v>
      </c>
      <c r="C1527" s="3">
        <v>10</v>
      </c>
      <c r="D1527" s="52" t="s">
        <v>87</v>
      </c>
      <c r="E1527" s="52" t="s">
        <v>26</v>
      </c>
      <c r="F1527" s="52" t="s">
        <v>81</v>
      </c>
      <c r="G1527" s="52" t="s">
        <v>82</v>
      </c>
      <c r="H1527" s="4">
        <v>1</v>
      </c>
      <c r="I1527" s="2">
        <v>14.65</v>
      </c>
      <c r="J1527" s="52" t="s">
        <v>4909</v>
      </c>
      <c r="K1527" s="71" t="s">
        <v>4910</v>
      </c>
      <c r="L1527" s="52" t="s">
        <v>2063</v>
      </c>
      <c r="M1527" s="72">
        <v>6640</v>
      </c>
      <c r="N1527" s="52" t="s">
        <v>2072</v>
      </c>
      <c r="O1527" s="52" t="s">
        <v>2073</v>
      </c>
      <c r="P1527" s="52"/>
      <c r="Q1527" s="52"/>
      <c r="R1527" s="52"/>
      <c r="S1527" s="52"/>
      <c r="T1527" s="52"/>
      <c r="U1527" s="52"/>
      <c r="V1527" s="52"/>
      <c r="W1527" s="52"/>
    </row>
    <row r="1528" spans="1:23" hidden="1" x14ac:dyDescent="0.35">
      <c r="A1528" s="52" t="s">
        <v>78</v>
      </c>
      <c r="B1528" s="52" t="s">
        <v>79</v>
      </c>
      <c r="C1528" s="3">
        <v>10</v>
      </c>
      <c r="D1528" s="52" t="s">
        <v>2021</v>
      </c>
      <c r="E1528" s="52" t="s">
        <v>26</v>
      </c>
      <c r="F1528" s="52" t="s">
        <v>81</v>
      </c>
      <c r="G1528" s="52" t="s">
        <v>82</v>
      </c>
      <c r="H1528" s="4">
        <v>1</v>
      </c>
      <c r="I1528" s="2">
        <v>14.65</v>
      </c>
      <c r="J1528" s="52" t="s">
        <v>4911</v>
      </c>
      <c r="K1528" s="71" t="s">
        <v>4912</v>
      </c>
      <c r="L1528" s="52" t="s">
        <v>2063</v>
      </c>
      <c r="M1528" s="72">
        <v>3600</v>
      </c>
      <c r="N1528" s="52" t="s">
        <v>2072</v>
      </c>
      <c r="O1528" s="52" t="s">
        <v>2073</v>
      </c>
      <c r="P1528" s="52"/>
      <c r="Q1528" s="52"/>
      <c r="R1528" s="52"/>
      <c r="S1528" s="52"/>
      <c r="T1528" s="52"/>
      <c r="U1528" s="52"/>
      <c r="V1528" s="52"/>
      <c r="W1528" s="52"/>
    </row>
    <row r="1529" spans="1:23" hidden="1" x14ac:dyDescent="0.35">
      <c r="A1529" s="52" t="s">
        <v>78</v>
      </c>
      <c r="B1529" s="52" t="s">
        <v>79</v>
      </c>
      <c r="C1529" s="3">
        <v>20</v>
      </c>
      <c r="D1529" s="52" t="s">
        <v>86</v>
      </c>
      <c r="E1529" s="52" t="s">
        <v>26</v>
      </c>
      <c r="F1529" s="52" t="s">
        <v>81</v>
      </c>
      <c r="G1529" s="52" t="s">
        <v>82</v>
      </c>
      <c r="H1529" s="4">
        <v>1</v>
      </c>
      <c r="I1529" s="2">
        <v>14.65</v>
      </c>
      <c r="J1529" s="52" t="s">
        <v>4530</v>
      </c>
      <c r="K1529" s="71" t="s">
        <v>4913</v>
      </c>
      <c r="L1529" s="52" t="s">
        <v>2063</v>
      </c>
      <c r="M1529" s="72">
        <v>4991</v>
      </c>
      <c r="N1529" s="52"/>
      <c r="O1529" s="52"/>
      <c r="P1529" s="52"/>
      <c r="Q1529" s="52"/>
      <c r="R1529" s="52"/>
      <c r="S1529" s="52"/>
      <c r="T1529" s="52"/>
      <c r="U1529" s="52"/>
      <c r="V1529" s="52"/>
      <c r="W1529" s="52"/>
    </row>
    <row r="1530" spans="1:23" hidden="1" x14ac:dyDescent="0.35">
      <c r="A1530" s="52" t="s">
        <v>78</v>
      </c>
      <c r="B1530" s="52" t="s">
        <v>79</v>
      </c>
      <c r="C1530" s="3">
        <v>20</v>
      </c>
      <c r="D1530" s="52" t="s">
        <v>2024</v>
      </c>
      <c r="E1530" s="52" t="s">
        <v>26</v>
      </c>
      <c r="F1530" s="52" t="s">
        <v>81</v>
      </c>
      <c r="G1530" s="52" t="s">
        <v>82</v>
      </c>
      <c r="H1530" s="4">
        <v>1</v>
      </c>
      <c r="I1530" s="2">
        <v>14.65</v>
      </c>
      <c r="J1530" s="52" t="s">
        <v>4914</v>
      </c>
      <c r="K1530" s="71" t="s">
        <v>4915</v>
      </c>
      <c r="L1530" s="52" t="s">
        <v>2063</v>
      </c>
      <c r="M1530" s="72">
        <v>4434</v>
      </c>
      <c r="N1530" s="52" t="s">
        <v>2154</v>
      </c>
      <c r="O1530" s="52" t="s">
        <v>2155</v>
      </c>
      <c r="P1530" s="52"/>
      <c r="Q1530" s="52"/>
      <c r="R1530" s="52"/>
      <c r="S1530" s="52"/>
      <c r="T1530" s="52"/>
      <c r="U1530" s="52"/>
      <c r="V1530" s="52"/>
      <c r="W1530" s="52"/>
    </row>
    <row r="1531" spans="1:23" hidden="1" x14ac:dyDescent="0.35">
      <c r="A1531" s="52" t="s">
        <v>78</v>
      </c>
      <c r="B1531" s="52" t="s">
        <v>79</v>
      </c>
      <c r="C1531" s="3">
        <v>10</v>
      </c>
      <c r="D1531" s="52" t="s">
        <v>86</v>
      </c>
      <c r="E1531" s="52" t="s">
        <v>26</v>
      </c>
      <c r="F1531" s="52" t="s">
        <v>81</v>
      </c>
      <c r="G1531" s="52" t="s">
        <v>82</v>
      </c>
      <c r="H1531" s="4">
        <v>1</v>
      </c>
      <c r="I1531" s="2">
        <v>14.65</v>
      </c>
      <c r="J1531" s="52" t="s">
        <v>4916</v>
      </c>
      <c r="K1531" s="71" t="s">
        <v>4917</v>
      </c>
      <c r="L1531" s="52" t="s">
        <v>2063</v>
      </c>
      <c r="M1531" s="72">
        <v>1409</v>
      </c>
      <c r="N1531" s="52" t="s">
        <v>2072</v>
      </c>
      <c r="O1531" s="52" t="s">
        <v>2073</v>
      </c>
      <c r="P1531" s="52"/>
      <c r="Q1531" s="52"/>
      <c r="R1531" s="52"/>
      <c r="S1531" s="52"/>
      <c r="T1531" s="52"/>
      <c r="U1531" s="52"/>
      <c r="V1531" s="52"/>
      <c r="W1531" s="52"/>
    </row>
    <row r="1532" spans="1:23" hidden="1" x14ac:dyDescent="0.35">
      <c r="A1532" s="52" t="s">
        <v>78</v>
      </c>
      <c r="B1532" s="52" t="s">
        <v>79</v>
      </c>
      <c r="C1532" s="3">
        <v>10</v>
      </c>
      <c r="D1532" s="52" t="s">
        <v>2020</v>
      </c>
      <c r="E1532" s="52" t="s">
        <v>26</v>
      </c>
      <c r="F1532" s="52" t="s">
        <v>81</v>
      </c>
      <c r="G1532" s="52" t="s">
        <v>82</v>
      </c>
      <c r="H1532" s="4">
        <v>1</v>
      </c>
      <c r="I1532" s="2">
        <v>14.65</v>
      </c>
      <c r="J1532" s="52" t="s">
        <v>4918</v>
      </c>
      <c r="K1532" s="71" t="s">
        <v>4919</v>
      </c>
      <c r="L1532" s="52" t="s">
        <v>2063</v>
      </c>
      <c r="M1532" s="72">
        <v>57</v>
      </c>
      <c r="N1532" s="52" t="s">
        <v>2066</v>
      </c>
      <c r="O1532" s="52" t="s">
        <v>2067</v>
      </c>
      <c r="P1532" s="52"/>
      <c r="Q1532" s="52"/>
      <c r="R1532" s="52"/>
      <c r="S1532" s="52"/>
      <c r="T1532" s="52"/>
      <c r="U1532" s="52"/>
      <c r="V1532" s="52"/>
      <c r="W1532" s="52"/>
    </row>
    <row r="1533" spans="1:23" hidden="1" x14ac:dyDescent="0.35">
      <c r="A1533" s="52" t="s">
        <v>78</v>
      </c>
      <c r="B1533" s="52" t="s">
        <v>79</v>
      </c>
      <c r="C1533" s="3">
        <v>20</v>
      </c>
      <c r="D1533" s="52" t="s">
        <v>2019</v>
      </c>
      <c r="E1533" s="52" t="s">
        <v>26</v>
      </c>
      <c r="F1533" s="52" t="s">
        <v>81</v>
      </c>
      <c r="G1533" s="52" t="s">
        <v>82</v>
      </c>
      <c r="H1533" s="4">
        <v>1</v>
      </c>
      <c r="I1533" s="2">
        <v>14.65</v>
      </c>
      <c r="J1533" s="52" t="s">
        <v>4920</v>
      </c>
      <c r="K1533" s="71" t="s">
        <v>4921</v>
      </c>
      <c r="L1533" s="52" t="s">
        <v>2063</v>
      </c>
      <c r="M1533" s="72">
        <v>1827</v>
      </c>
      <c r="N1533" s="52" t="s">
        <v>2072</v>
      </c>
      <c r="O1533" s="52" t="s">
        <v>2073</v>
      </c>
      <c r="P1533" s="52"/>
      <c r="Q1533" s="52"/>
      <c r="R1533" s="52"/>
      <c r="S1533" s="52"/>
      <c r="T1533" s="52"/>
      <c r="U1533" s="52"/>
      <c r="V1533" s="52"/>
      <c r="W1533" s="52"/>
    </row>
    <row r="1534" spans="1:23" hidden="1" x14ac:dyDescent="0.35">
      <c r="A1534" s="52" t="s">
        <v>78</v>
      </c>
      <c r="B1534" s="52" t="s">
        <v>79</v>
      </c>
      <c r="C1534" s="3">
        <v>20</v>
      </c>
      <c r="D1534" s="52" t="s">
        <v>2022</v>
      </c>
      <c r="E1534" s="52" t="s">
        <v>26</v>
      </c>
      <c r="F1534" s="52" t="s">
        <v>81</v>
      </c>
      <c r="G1534" s="52" t="s">
        <v>82</v>
      </c>
      <c r="H1534" s="4">
        <v>1</v>
      </c>
      <c r="I1534" s="2">
        <v>14.65</v>
      </c>
      <c r="J1534" s="52" t="s">
        <v>4922</v>
      </c>
      <c r="K1534" s="71" t="s">
        <v>4923</v>
      </c>
      <c r="L1534" s="52" t="s">
        <v>2063</v>
      </c>
      <c r="M1534" s="72">
        <v>1312</v>
      </c>
      <c r="N1534" s="52"/>
      <c r="O1534" s="52"/>
      <c r="P1534" s="52"/>
      <c r="Q1534" s="52"/>
      <c r="R1534" s="52"/>
      <c r="S1534" s="52"/>
      <c r="T1534" s="52"/>
      <c r="U1534" s="52"/>
      <c r="V1534" s="52"/>
      <c r="W1534" s="52"/>
    </row>
    <row r="1535" spans="1:23" hidden="1" x14ac:dyDescent="0.35">
      <c r="A1535" s="52" t="s">
        <v>78</v>
      </c>
      <c r="B1535" s="52" t="s">
        <v>79</v>
      </c>
      <c r="C1535" s="3">
        <v>20</v>
      </c>
      <c r="D1535" s="52" t="s">
        <v>80</v>
      </c>
      <c r="E1535" s="52" t="s">
        <v>26</v>
      </c>
      <c r="F1535" s="52" t="s">
        <v>81</v>
      </c>
      <c r="G1535" s="52" t="s">
        <v>82</v>
      </c>
      <c r="H1535" s="4">
        <v>1</v>
      </c>
      <c r="I1535" s="2">
        <v>14.65</v>
      </c>
      <c r="J1535" s="52" t="s">
        <v>4924</v>
      </c>
      <c r="K1535" s="71" t="s">
        <v>4925</v>
      </c>
      <c r="L1535" s="52" t="s">
        <v>2063</v>
      </c>
      <c r="M1535" s="72">
        <v>5565</v>
      </c>
      <c r="N1535" s="52" t="s">
        <v>2072</v>
      </c>
      <c r="O1535" s="52" t="s">
        <v>2073</v>
      </c>
      <c r="P1535" s="52"/>
      <c r="Q1535" s="52"/>
      <c r="R1535" s="52"/>
      <c r="S1535" s="52"/>
      <c r="T1535" s="52"/>
      <c r="U1535" s="52"/>
      <c r="V1535" s="52"/>
      <c r="W1535" s="52"/>
    </row>
    <row r="1536" spans="1:23" hidden="1" x14ac:dyDescent="0.35">
      <c r="A1536" s="52" t="s">
        <v>78</v>
      </c>
      <c r="B1536" s="52" t="s">
        <v>79</v>
      </c>
      <c r="C1536" s="3">
        <v>10</v>
      </c>
      <c r="D1536" s="52" t="s">
        <v>83</v>
      </c>
      <c r="E1536" s="52" t="s">
        <v>26</v>
      </c>
      <c r="F1536" s="52" t="s">
        <v>81</v>
      </c>
      <c r="G1536" s="52" t="s">
        <v>82</v>
      </c>
      <c r="H1536" s="4">
        <v>1</v>
      </c>
      <c r="I1536" s="2">
        <v>14.65</v>
      </c>
      <c r="J1536" s="52" t="s">
        <v>4926</v>
      </c>
      <c r="K1536" s="71" t="s">
        <v>4927</v>
      </c>
      <c r="L1536" s="52" t="s">
        <v>2063</v>
      </c>
      <c r="M1536" s="72">
        <v>3066</v>
      </c>
      <c r="N1536" s="52" t="s">
        <v>2072</v>
      </c>
      <c r="O1536" s="52" t="s">
        <v>2073</v>
      </c>
      <c r="P1536" s="52"/>
      <c r="Q1536" s="52"/>
      <c r="R1536" s="52"/>
      <c r="S1536" s="52"/>
      <c r="T1536" s="52"/>
      <c r="U1536" s="52"/>
      <c r="V1536" s="52"/>
      <c r="W1536" s="52"/>
    </row>
    <row r="1537" spans="1:23" hidden="1" x14ac:dyDescent="0.35">
      <c r="A1537" s="52" t="s">
        <v>78</v>
      </c>
      <c r="B1537" s="52" t="s">
        <v>79</v>
      </c>
      <c r="C1537" s="3">
        <v>10</v>
      </c>
      <c r="D1537" s="52" t="s">
        <v>2024</v>
      </c>
      <c r="E1537" s="52" t="s">
        <v>26</v>
      </c>
      <c r="F1537" s="52" t="s">
        <v>81</v>
      </c>
      <c r="G1537" s="52" t="s">
        <v>82</v>
      </c>
      <c r="H1537" s="4">
        <v>1</v>
      </c>
      <c r="I1537" s="2">
        <v>14.65</v>
      </c>
      <c r="J1537" s="52" t="s">
        <v>4928</v>
      </c>
      <c r="K1537" s="71" t="s">
        <v>4929</v>
      </c>
      <c r="L1537" s="52" t="s">
        <v>2063</v>
      </c>
      <c r="M1537" s="72">
        <v>3968</v>
      </c>
      <c r="N1537" s="52" t="s">
        <v>2072</v>
      </c>
      <c r="O1537" s="52" t="s">
        <v>2073</v>
      </c>
      <c r="P1537" s="52"/>
      <c r="Q1537" s="52"/>
      <c r="R1537" s="52"/>
      <c r="S1537" s="52"/>
      <c r="T1537" s="52"/>
      <c r="U1537" s="52"/>
      <c r="V1537" s="52"/>
      <c r="W1537" s="52"/>
    </row>
    <row r="1538" spans="1:23" hidden="1" x14ac:dyDescent="0.35">
      <c r="A1538" s="52" t="s">
        <v>78</v>
      </c>
      <c r="B1538" s="52" t="s">
        <v>79</v>
      </c>
      <c r="C1538" s="3">
        <v>10</v>
      </c>
      <c r="D1538" s="52" t="s">
        <v>85</v>
      </c>
      <c r="E1538" s="52" t="s">
        <v>26</v>
      </c>
      <c r="F1538" s="52" t="s">
        <v>81</v>
      </c>
      <c r="G1538" s="52" t="s">
        <v>82</v>
      </c>
      <c r="H1538" s="4">
        <v>1</v>
      </c>
      <c r="I1538" s="2">
        <v>14.65</v>
      </c>
      <c r="J1538" s="52" t="s">
        <v>4930</v>
      </c>
      <c r="K1538" s="71" t="s">
        <v>4931</v>
      </c>
      <c r="L1538" s="52" t="s">
        <v>2063</v>
      </c>
      <c r="M1538" s="72">
        <v>885</v>
      </c>
      <c r="N1538" s="52" t="s">
        <v>2066</v>
      </c>
      <c r="O1538" s="52" t="s">
        <v>2067</v>
      </c>
      <c r="P1538" s="52"/>
      <c r="Q1538" s="52"/>
      <c r="R1538" s="52"/>
      <c r="S1538" s="52"/>
      <c r="T1538" s="52"/>
      <c r="U1538" s="52"/>
      <c r="V1538" s="52"/>
      <c r="W1538" s="52"/>
    </row>
    <row r="1539" spans="1:23" hidden="1" x14ac:dyDescent="0.35">
      <c r="A1539" s="52" t="s">
        <v>78</v>
      </c>
      <c r="B1539" s="52" t="s">
        <v>79</v>
      </c>
      <c r="C1539" s="3">
        <v>10</v>
      </c>
      <c r="D1539" s="52" t="s">
        <v>2022</v>
      </c>
      <c r="E1539" s="52" t="s">
        <v>26</v>
      </c>
      <c r="F1539" s="52" t="s">
        <v>81</v>
      </c>
      <c r="G1539" s="52" t="s">
        <v>82</v>
      </c>
      <c r="H1539" s="4">
        <v>1</v>
      </c>
      <c r="I1539" s="2">
        <v>14.65</v>
      </c>
      <c r="J1539" s="52" t="s">
        <v>4932</v>
      </c>
      <c r="K1539" s="71" t="s">
        <v>4933</v>
      </c>
      <c r="L1539" s="52" t="s">
        <v>2063</v>
      </c>
      <c r="M1539" s="72">
        <v>2713</v>
      </c>
      <c r="N1539" s="52" t="s">
        <v>2154</v>
      </c>
      <c r="O1539" s="52" t="s">
        <v>2155</v>
      </c>
      <c r="P1539" s="52"/>
      <c r="Q1539" s="52"/>
      <c r="R1539" s="52"/>
      <c r="S1539" s="52"/>
      <c r="T1539" s="52"/>
      <c r="U1539" s="52"/>
      <c r="V1539" s="52"/>
      <c r="W1539" s="52"/>
    </row>
    <row r="1540" spans="1:23" hidden="1" x14ac:dyDescent="0.35">
      <c r="A1540" s="52" t="s">
        <v>78</v>
      </c>
      <c r="B1540" s="52" t="s">
        <v>79</v>
      </c>
      <c r="C1540" s="3">
        <v>10</v>
      </c>
      <c r="D1540" s="52" t="s">
        <v>2023</v>
      </c>
      <c r="E1540" s="52" t="s">
        <v>26</v>
      </c>
      <c r="F1540" s="52" t="s">
        <v>81</v>
      </c>
      <c r="G1540" s="52" t="s">
        <v>82</v>
      </c>
      <c r="H1540" s="4">
        <v>1</v>
      </c>
      <c r="I1540" s="2">
        <v>14.65</v>
      </c>
      <c r="J1540" s="52" t="s">
        <v>4934</v>
      </c>
      <c r="K1540" s="71" t="s">
        <v>4935</v>
      </c>
      <c r="L1540" s="52" t="s">
        <v>2063</v>
      </c>
      <c r="M1540" s="72">
        <v>8884</v>
      </c>
      <c r="N1540" s="52"/>
      <c r="O1540" s="52"/>
      <c r="P1540" s="52"/>
      <c r="Q1540" s="52"/>
      <c r="R1540" s="52"/>
      <c r="S1540" s="52"/>
      <c r="T1540" s="52"/>
      <c r="U1540" s="52"/>
      <c r="V1540" s="52"/>
      <c r="W1540" s="52"/>
    </row>
    <row r="1541" spans="1:23" hidden="1" x14ac:dyDescent="0.35">
      <c r="A1541" s="52" t="s">
        <v>78</v>
      </c>
      <c r="B1541" s="52" t="s">
        <v>79</v>
      </c>
      <c r="C1541" s="3">
        <v>20</v>
      </c>
      <c r="D1541" s="52" t="s">
        <v>84</v>
      </c>
      <c r="E1541" s="52" t="s">
        <v>26</v>
      </c>
      <c r="F1541" s="52" t="s">
        <v>81</v>
      </c>
      <c r="G1541" s="52" t="s">
        <v>82</v>
      </c>
      <c r="H1541" s="4">
        <v>1</v>
      </c>
      <c r="I1541" s="2">
        <v>14.65</v>
      </c>
      <c r="J1541" s="52" t="s">
        <v>4936</v>
      </c>
      <c r="K1541" s="71" t="s">
        <v>4937</v>
      </c>
      <c r="L1541" s="52" t="s">
        <v>2063</v>
      </c>
      <c r="M1541" s="72">
        <v>2656</v>
      </c>
      <c r="N1541" s="52" t="s">
        <v>2066</v>
      </c>
      <c r="O1541" s="52" t="s">
        <v>2067</v>
      </c>
      <c r="P1541" s="52"/>
      <c r="Q1541" s="52"/>
      <c r="R1541" s="52"/>
      <c r="S1541" s="52"/>
      <c r="T1541" s="52"/>
      <c r="U1541" s="52"/>
      <c r="V1541" s="52"/>
      <c r="W1541" s="52"/>
    </row>
    <row r="1542" spans="1:23" hidden="1" x14ac:dyDescent="0.35">
      <c r="A1542" s="52" t="s">
        <v>78</v>
      </c>
      <c r="B1542" s="52" t="s">
        <v>79</v>
      </c>
      <c r="C1542" s="3">
        <v>20</v>
      </c>
      <c r="D1542" s="52" t="s">
        <v>80</v>
      </c>
      <c r="E1542" s="52" t="s">
        <v>26</v>
      </c>
      <c r="F1542" s="52" t="s">
        <v>81</v>
      </c>
      <c r="G1542" s="52" t="s">
        <v>82</v>
      </c>
      <c r="H1542" s="4">
        <v>1</v>
      </c>
      <c r="I1542" s="2">
        <v>14.65</v>
      </c>
      <c r="J1542" s="52" t="s">
        <v>4938</v>
      </c>
      <c r="K1542" s="71" t="s">
        <v>4939</v>
      </c>
      <c r="L1542" s="52" t="s">
        <v>2063</v>
      </c>
      <c r="M1542" s="72">
        <v>5894</v>
      </c>
      <c r="N1542" s="52" t="s">
        <v>2066</v>
      </c>
      <c r="O1542" s="52" t="s">
        <v>2067</v>
      </c>
      <c r="P1542" s="52"/>
      <c r="Q1542" s="52"/>
      <c r="R1542" s="52"/>
      <c r="S1542" s="52"/>
      <c r="T1542" s="52"/>
      <c r="U1542" s="52"/>
      <c r="V1542" s="52"/>
      <c r="W1542" s="52"/>
    </row>
    <row r="1543" spans="1:23" hidden="1" x14ac:dyDescent="0.35">
      <c r="A1543" s="52" t="s">
        <v>78</v>
      </c>
      <c r="B1543" s="52" t="s">
        <v>79</v>
      </c>
      <c r="C1543" s="3">
        <v>10</v>
      </c>
      <c r="D1543" s="52" t="s">
        <v>2023</v>
      </c>
      <c r="E1543" s="52" t="s">
        <v>26</v>
      </c>
      <c r="F1543" s="52" t="s">
        <v>81</v>
      </c>
      <c r="G1543" s="52" t="s">
        <v>82</v>
      </c>
      <c r="H1543" s="4">
        <v>1</v>
      </c>
      <c r="I1543" s="2">
        <v>14.65</v>
      </c>
      <c r="J1543" s="52" t="s">
        <v>4940</v>
      </c>
      <c r="K1543" s="71" t="s">
        <v>4941</v>
      </c>
      <c r="L1543" s="52" t="s">
        <v>2063</v>
      </c>
      <c r="M1543" s="72">
        <v>3637</v>
      </c>
      <c r="N1543" s="52"/>
      <c r="O1543" s="52"/>
      <c r="P1543" s="52"/>
      <c r="Q1543" s="52"/>
      <c r="R1543" s="52"/>
      <c r="S1543" s="52"/>
      <c r="T1543" s="52"/>
      <c r="U1543" s="52"/>
      <c r="V1543" s="52"/>
      <c r="W1543" s="52"/>
    </row>
    <row r="1544" spans="1:23" hidden="1" x14ac:dyDescent="0.35">
      <c r="A1544" s="52" t="s">
        <v>78</v>
      </c>
      <c r="B1544" s="52" t="s">
        <v>79</v>
      </c>
      <c r="C1544" s="3">
        <v>20</v>
      </c>
      <c r="D1544" s="52" t="s">
        <v>87</v>
      </c>
      <c r="E1544" s="52" t="s">
        <v>26</v>
      </c>
      <c r="F1544" s="52" t="s">
        <v>81</v>
      </c>
      <c r="G1544" s="52" t="s">
        <v>82</v>
      </c>
      <c r="H1544" s="4">
        <v>1</v>
      </c>
      <c r="I1544" s="2">
        <v>14.65</v>
      </c>
      <c r="J1544" s="52" t="s">
        <v>4942</v>
      </c>
      <c r="K1544" s="71" t="s">
        <v>4943</v>
      </c>
      <c r="L1544" s="52" t="s">
        <v>2063</v>
      </c>
      <c r="M1544" s="72">
        <v>2207</v>
      </c>
      <c r="N1544" s="52" t="s">
        <v>2072</v>
      </c>
      <c r="O1544" s="52" t="s">
        <v>2073</v>
      </c>
      <c r="P1544" s="52"/>
      <c r="Q1544" s="52"/>
      <c r="R1544" s="52"/>
      <c r="S1544" s="52"/>
      <c r="T1544" s="52"/>
      <c r="U1544" s="52"/>
      <c r="V1544" s="52"/>
      <c r="W1544" s="52"/>
    </row>
    <row r="1545" spans="1:23" hidden="1" x14ac:dyDescent="0.35">
      <c r="A1545" s="52" t="s">
        <v>78</v>
      </c>
      <c r="B1545" s="52" t="s">
        <v>79</v>
      </c>
      <c r="C1545" s="3">
        <v>20</v>
      </c>
      <c r="D1545" s="52" t="s">
        <v>2020</v>
      </c>
      <c r="E1545" s="52" t="s">
        <v>26</v>
      </c>
      <c r="F1545" s="52" t="s">
        <v>81</v>
      </c>
      <c r="G1545" s="52" t="s">
        <v>82</v>
      </c>
      <c r="H1545" s="4">
        <v>1</v>
      </c>
      <c r="I1545" s="2">
        <v>14.65</v>
      </c>
      <c r="J1545" s="52" t="s">
        <v>4944</v>
      </c>
      <c r="K1545" s="71" t="s">
        <v>4945</v>
      </c>
      <c r="L1545" s="52" t="s">
        <v>2063</v>
      </c>
      <c r="M1545" s="72">
        <v>8891</v>
      </c>
      <c r="N1545" s="52" t="s">
        <v>2072</v>
      </c>
      <c r="O1545" s="52" t="s">
        <v>2073</v>
      </c>
      <c r="P1545" s="52"/>
      <c r="Q1545" s="52"/>
      <c r="R1545" s="52"/>
      <c r="S1545" s="52"/>
      <c r="T1545" s="52"/>
      <c r="U1545" s="52"/>
      <c r="V1545" s="52"/>
      <c r="W1545" s="52"/>
    </row>
    <row r="1546" spans="1:23" hidden="1" x14ac:dyDescent="0.35">
      <c r="A1546" s="52" t="s">
        <v>78</v>
      </c>
      <c r="B1546" s="52" t="s">
        <v>79</v>
      </c>
      <c r="C1546" s="3">
        <v>10</v>
      </c>
      <c r="D1546" s="52" t="s">
        <v>83</v>
      </c>
      <c r="E1546" s="52" t="s">
        <v>26</v>
      </c>
      <c r="F1546" s="52" t="s">
        <v>81</v>
      </c>
      <c r="G1546" s="52" t="s">
        <v>82</v>
      </c>
      <c r="H1546" s="4">
        <v>1</v>
      </c>
      <c r="I1546" s="2">
        <v>14.65</v>
      </c>
      <c r="J1546" s="52" t="s">
        <v>4946</v>
      </c>
      <c r="K1546" s="71" t="s">
        <v>4947</v>
      </c>
      <c r="L1546" s="52" t="s">
        <v>2063</v>
      </c>
      <c r="M1546" s="72">
        <v>6548</v>
      </c>
      <c r="N1546" s="52" t="s">
        <v>2066</v>
      </c>
      <c r="O1546" s="52" t="s">
        <v>2067</v>
      </c>
      <c r="P1546" s="52"/>
      <c r="Q1546" s="52"/>
      <c r="R1546" s="52"/>
      <c r="S1546" s="52"/>
      <c r="T1546" s="52"/>
      <c r="U1546" s="52"/>
      <c r="V1546" s="52"/>
      <c r="W1546" s="52"/>
    </row>
    <row r="1547" spans="1:23" hidden="1" x14ac:dyDescent="0.35">
      <c r="A1547" s="52" t="s">
        <v>78</v>
      </c>
      <c r="B1547" s="52" t="s">
        <v>79</v>
      </c>
      <c r="C1547" s="3">
        <v>20</v>
      </c>
      <c r="D1547" s="52" t="s">
        <v>2024</v>
      </c>
      <c r="E1547" s="52" t="s">
        <v>26</v>
      </c>
      <c r="F1547" s="52" t="s">
        <v>81</v>
      </c>
      <c r="G1547" s="52" t="s">
        <v>82</v>
      </c>
      <c r="H1547" s="4">
        <v>1</v>
      </c>
      <c r="I1547" s="2">
        <v>14.65</v>
      </c>
      <c r="J1547" s="52" t="s">
        <v>4948</v>
      </c>
      <c r="K1547" s="71" t="s">
        <v>4949</v>
      </c>
      <c r="L1547" s="52" t="s">
        <v>2063</v>
      </c>
      <c r="M1547" s="72">
        <v>2854</v>
      </c>
      <c r="N1547" s="52" t="s">
        <v>2072</v>
      </c>
      <c r="O1547" s="52" t="s">
        <v>2073</v>
      </c>
      <c r="P1547" s="52"/>
      <c r="Q1547" s="52"/>
      <c r="R1547" s="52"/>
      <c r="S1547" s="52"/>
      <c r="T1547" s="52"/>
      <c r="U1547" s="52"/>
      <c r="V1547" s="52"/>
      <c r="W1547" s="52"/>
    </row>
    <row r="1548" spans="1:23" hidden="1" x14ac:dyDescent="0.35">
      <c r="A1548" s="52" t="s">
        <v>78</v>
      </c>
      <c r="B1548" s="52" t="s">
        <v>79</v>
      </c>
      <c r="C1548" s="3">
        <v>20</v>
      </c>
      <c r="D1548" s="52" t="s">
        <v>2024</v>
      </c>
      <c r="E1548" s="52" t="s">
        <v>26</v>
      </c>
      <c r="F1548" s="52" t="s">
        <v>81</v>
      </c>
      <c r="G1548" s="52" t="s">
        <v>82</v>
      </c>
      <c r="H1548" s="4">
        <v>1</v>
      </c>
      <c r="I1548" s="2">
        <v>14.65</v>
      </c>
      <c r="J1548" s="52" t="s">
        <v>4950</v>
      </c>
      <c r="K1548" s="71" t="s">
        <v>4951</v>
      </c>
      <c r="L1548" s="52" t="s">
        <v>2063</v>
      </c>
      <c r="M1548" s="72">
        <v>1877</v>
      </c>
      <c r="N1548" s="52" t="s">
        <v>2072</v>
      </c>
      <c r="O1548" s="52" t="s">
        <v>2073</v>
      </c>
      <c r="P1548" s="52"/>
      <c r="Q1548" s="52"/>
      <c r="R1548" s="52"/>
      <c r="S1548" s="52"/>
      <c r="T1548" s="52"/>
      <c r="U1548" s="52"/>
      <c r="V1548" s="52"/>
      <c r="W1548" s="52"/>
    </row>
    <row r="1549" spans="1:23" hidden="1" x14ac:dyDescent="0.35">
      <c r="A1549" s="52" t="s">
        <v>78</v>
      </c>
      <c r="B1549" s="52" t="s">
        <v>79</v>
      </c>
      <c r="C1549" s="3">
        <v>10</v>
      </c>
      <c r="D1549" s="52" t="s">
        <v>2019</v>
      </c>
      <c r="E1549" s="52" t="s">
        <v>26</v>
      </c>
      <c r="F1549" s="52" t="s">
        <v>81</v>
      </c>
      <c r="G1549" s="52" t="s">
        <v>82</v>
      </c>
      <c r="H1549" s="4">
        <v>1</v>
      </c>
      <c r="I1549" s="2">
        <v>14.65</v>
      </c>
      <c r="J1549" s="52" t="s">
        <v>4952</v>
      </c>
      <c r="K1549" s="71" t="s">
        <v>4953</v>
      </c>
      <c r="L1549" s="52" t="s">
        <v>2063</v>
      </c>
      <c r="M1549" s="72">
        <v>85</v>
      </c>
      <c r="N1549" s="52" t="s">
        <v>2158</v>
      </c>
      <c r="O1549" s="52" t="s">
        <v>2159</v>
      </c>
      <c r="P1549" s="52"/>
      <c r="Q1549" s="52"/>
      <c r="R1549" s="52"/>
      <c r="S1549" s="52"/>
      <c r="T1549" s="52"/>
      <c r="U1549" s="52"/>
      <c r="V1549" s="52"/>
      <c r="W1549" s="52"/>
    </row>
    <row r="1550" spans="1:23" hidden="1" x14ac:dyDescent="0.35">
      <c r="A1550" s="52" t="s">
        <v>78</v>
      </c>
      <c r="B1550" s="52" t="s">
        <v>79</v>
      </c>
      <c r="C1550" s="3">
        <v>20</v>
      </c>
      <c r="D1550" s="52" t="s">
        <v>80</v>
      </c>
      <c r="E1550" s="52" t="s">
        <v>26</v>
      </c>
      <c r="F1550" s="52" t="s">
        <v>81</v>
      </c>
      <c r="G1550" s="52" t="s">
        <v>82</v>
      </c>
      <c r="H1550" s="4">
        <v>1</v>
      </c>
      <c r="I1550" s="2">
        <v>14.65</v>
      </c>
      <c r="J1550" s="52" t="s">
        <v>4192</v>
      </c>
      <c r="K1550" s="71" t="s">
        <v>4954</v>
      </c>
      <c r="L1550" s="52" t="s">
        <v>2063</v>
      </c>
      <c r="M1550" s="72">
        <v>7333</v>
      </c>
      <c r="N1550" s="52" t="s">
        <v>2072</v>
      </c>
      <c r="O1550" s="52" t="s">
        <v>2073</v>
      </c>
      <c r="P1550" s="52"/>
      <c r="Q1550" s="52"/>
      <c r="R1550" s="52"/>
      <c r="S1550" s="52"/>
      <c r="T1550" s="52"/>
      <c r="U1550" s="52"/>
      <c r="V1550" s="52"/>
      <c r="W1550" s="52"/>
    </row>
    <row r="1551" spans="1:23" x14ac:dyDescent="0.35">
      <c r="A1551" s="52" t="s">
        <v>78</v>
      </c>
      <c r="B1551" s="52" t="s">
        <v>79</v>
      </c>
      <c r="C1551" s="3">
        <v>20</v>
      </c>
      <c r="D1551" s="52" t="s">
        <v>2022</v>
      </c>
      <c r="E1551" s="52" t="s">
        <v>26</v>
      </c>
      <c r="F1551" s="52" t="s">
        <v>81</v>
      </c>
      <c r="G1551" s="52" t="s">
        <v>82</v>
      </c>
      <c r="H1551" s="4">
        <v>1</v>
      </c>
      <c r="I1551" s="2">
        <v>14.65</v>
      </c>
      <c r="J1551" s="52" t="s">
        <v>4955</v>
      </c>
      <c r="K1551" s="71" t="s">
        <v>4956</v>
      </c>
      <c r="L1551" s="52" t="s">
        <v>2063</v>
      </c>
      <c r="M1551" s="72">
        <v>9589</v>
      </c>
      <c r="N1551" s="52" t="s">
        <v>2076</v>
      </c>
      <c r="O1551" s="52" t="s">
        <v>2077</v>
      </c>
      <c r="P1551" s="52"/>
      <c r="Q1551" s="52"/>
      <c r="R1551" s="52"/>
      <c r="S1551" s="52"/>
      <c r="T1551" s="52"/>
      <c r="U1551" s="52"/>
      <c r="V1551" s="52"/>
      <c r="W1551" s="52"/>
    </row>
    <row r="1552" spans="1:23" hidden="1" x14ac:dyDescent="0.35">
      <c r="A1552" s="52" t="s">
        <v>78</v>
      </c>
      <c r="B1552" s="52" t="s">
        <v>79</v>
      </c>
      <c r="C1552" s="3">
        <v>211</v>
      </c>
      <c r="D1552" s="52" t="s">
        <v>85</v>
      </c>
      <c r="E1552" s="52" t="s">
        <v>26</v>
      </c>
      <c r="F1552" s="52" t="s">
        <v>81</v>
      </c>
      <c r="G1552" s="52" t="s">
        <v>82</v>
      </c>
      <c r="H1552" s="4">
        <v>1</v>
      </c>
      <c r="I1552" s="2">
        <v>14.65</v>
      </c>
      <c r="J1552" s="52" t="s">
        <v>4957</v>
      </c>
      <c r="K1552" s="71" t="s">
        <v>4958</v>
      </c>
      <c r="L1552" s="52" t="s">
        <v>2063</v>
      </c>
      <c r="M1552" s="72">
        <v>4679</v>
      </c>
      <c r="N1552" s="52" t="s">
        <v>2066</v>
      </c>
      <c r="O1552" s="52" t="s">
        <v>2067</v>
      </c>
      <c r="P1552" s="52"/>
      <c r="Q1552" s="52"/>
      <c r="R1552" s="52"/>
      <c r="S1552" s="52"/>
      <c r="T1552" s="52"/>
      <c r="U1552" s="52"/>
      <c r="V1552" s="52"/>
      <c r="W1552" s="52"/>
    </row>
    <row r="1553" spans="1:23" hidden="1" x14ac:dyDescent="0.35">
      <c r="A1553" s="52" t="s">
        <v>78</v>
      </c>
      <c r="B1553" s="52" t="s">
        <v>79</v>
      </c>
      <c r="C1553" s="3">
        <v>20</v>
      </c>
      <c r="D1553" s="52" t="s">
        <v>80</v>
      </c>
      <c r="E1553" s="52" t="s">
        <v>26</v>
      </c>
      <c r="F1553" s="52" t="s">
        <v>81</v>
      </c>
      <c r="G1553" s="52" t="s">
        <v>82</v>
      </c>
      <c r="H1553" s="4">
        <v>1</v>
      </c>
      <c r="I1553" s="2">
        <v>14.65</v>
      </c>
      <c r="J1553" s="52" t="s">
        <v>4959</v>
      </c>
      <c r="K1553" s="71" t="s">
        <v>4960</v>
      </c>
      <c r="L1553" s="52" t="s">
        <v>2063</v>
      </c>
      <c r="M1553" s="72">
        <v>5878</v>
      </c>
      <c r="N1553" s="52" t="s">
        <v>2072</v>
      </c>
      <c r="O1553" s="52" t="s">
        <v>2073</v>
      </c>
      <c r="P1553" s="52"/>
      <c r="Q1553" s="52"/>
      <c r="R1553" s="52"/>
      <c r="S1553" s="52"/>
      <c r="T1553" s="52"/>
      <c r="U1553" s="52"/>
      <c r="V1553" s="52"/>
      <c r="W1553" s="52"/>
    </row>
    <row r="1554" spans="1:23" hidden="1" x14ac:dyDescent="0.35">
      <c r="A1554" s="52" t="s">
        <v>78</v>
      </c>
      <c r="B1554" s="52" t="s">
        <v>79</v>
      </c>
      <c r="C1554" s="3">
        <v>10</v>
      </c>
      <c r="D1554" s="52" t="s">
        <v>83</v>
      </c>
      <c r="E1554" s="52" t="s">
        <v>26</v>
      </c>
      <c r="F1554" s="52" t="s">
        <v>81</v>
      </c>
      <c r="G1554" s="52" t="s">
        <v>82</v>
      </c>
      <c r="H1554" s="4">
        <v>1</v>
      </c>
      <c r="I1554" s="2">
        <v>14.65</v>
      </c>
      <c r="J1554" s="52" t="s">
        <v>4961</v>
      </c>
      <c r="K1554" s="71" t="s">
        <v>4962</v>
      </c>
      <c r="L1554" s="52" t="s">
        <v>2063</v>
      </c>
      <c r="M1554" s="72">
        <v>4649</v>
      </c>
      <c r="N1554" s="52" t="s">
        <v>2072</v>
      </c>
      <c r="O1554" s="52" t="s">
        <v>2073</v>
      </c>
      <c r="P1554" s="52"/>
      <c r="Q1554" s="52"/>
      <c r="R1554" s="52"/>
      <c r="S1554" s="52"/>
      <c r="T1554" s="52"/>
      <c r="U1554" s="52"/>
      <c r="V1554" s="52"/>
      <c r="W1554" s="52"/>
    </row>
    <row r="1555" spans="1:23" hidden="1" x14ac:dyDescent="0.35">
      <c r="A1555" s="52" t="s">
        <v>78</v>
      </c>
      <c r="B1555" s="52" t="s">
        <v>79</v>
      </c>
      <c r="C1555" s="3">
        <v>20</v>
      </c>
      <c r="D1555" s="52" t="s">
        <v>84</v>
      </c>
      <c r="E1555" s="52" t="s">
        <v>26</v>
      </c>
      <c r="F1555" s="52" t="s">
        <v>81</v>
      </c>
      <c r="G1555" s="52" t="s">
        <v>82</v>
      </c>
      <c r="H1555" s="4">
        <v>1</v>
      </c>
      <c r="I1555" s="2">
        <v>14.65</v>
      </c>
      <c r="J1555" s="52" t="s">
        <v>4924</v>
      </c>
      <c r="K1555" s="71" t="s">
        <v>4963</v>
      </c>
      <c r="L1555" s="52" t="s">
        <v>2063</v>
      </c>
      <c r="M1555" s="72">
        <v>1558</v>
      </c>
      <c r="N1555" s="52" t="s">
        <v>2072</v>
      </c>
      <c r="O1555" s="52" t="s">
        <v>2073</v>
      </c>
      <c r="P1555" s="52"/>
      <c r="Q1555" s="52"/>
      <c r="R1555" s="52"/>
      <c r="S1555" s="52"/>
      <c r="T1555" s="52"/>
      <c r="U1555" s="52"/>
      <c r="V1555" s="52"/>
      <c r="W1555" s="52"/>
    </row>
    <row r="1556" spans="1:23" x14ac:dyDescent="0.35">
      <c r="A1556" s="52" t="s">
        <v>78</v>
      </c>
      <c r="B1556" s="52" t="s">
        <v>79</v>
      </c>
      <c r="C1556" s="3">
        <v>10</v>
      </c>
      <c r="D1556" s="52" t="s">
        <v>80</v>
      </c>
      <c r="E1556" s="52" t="s">
        <v>26</v>
      </c>
      <c r="F1556" s="52" t="s">
        <v>81</v>
      </c>
      <c r="G1556" s="52" t="s">
        <v>82</v>
      </c>
      <c r="H1556" s="4">
        <v>1</v>
      </c>
      <c r="I1556" s="2">
        <v>14.65</v>
      </c>
      <c r="J1556" s="52" t="s">
        <v>4964</v>
      </c>
      <c r="K1556" s="71" t="s">
        <v>4965</v>
      </c>
      <c r="L1556" s="52" t="s">
        <v>2063</v>
      </c>
      <c r="M1556" s="72">
        <v>4017</v>
      </c>
      <c r="N1556" s="52" t="s">
        <v>2259</v>
      </c>
      <c r="O1556" s="52" t="s">
        <v>2260</v>
      </c>
      <c r="P1556" s="52"/>
      <c r="Q1556" s="52"/>
      <c r="R1556" s="52"/>
      <c r="S1556" s="52"/>
      <c r="T1556" s="52"/>
      <c r="U1556" s="52"/>
      <c r="V1556" s="52"/>
      <c r="W1556" s="52"/>
    </row>
    <row r="1557" spans="1:23" hidden="1" x14ac:dyDescent="0.35">
      <c r="A1557" s="52" t="s">
        <v>78</v>
      </c>
      <c r="B1557" s="52" t="s">
        <v>79</v>
      </c>
      <c r="C1557" s="3">
        <v>10</v>
      </c>
      <c r="D1557" s="52" t="s">
        <v>83</v>
      </c>
      <c r="E1557" s="52" t="s">
        <v>26</v>
      </c>
      <c r="F1557" s="52" t="s">
        <v>81</v>
      </c>
      <c r="G1557" s="52" t="s">
        <v>82</v>
      </c>
      <c r="H1557" s="4">
        <v>1</v>
      </c>
      <c r="I1557" s="2">
        <v>14.65</v>
      </c>
      <c r="J1557" s="52" t="s">
        <v>4966</v>
      </c>
      <c r="K1557" s="71" t="s">
        <v>4967</v>
      </c>
      <c r="L1557" s="52" t="s">
        <v>2063</v>
      </c>
      <c r="M1557" s="72">
        <v>9590</v>
      </c>
      <c r="N1557" s="52" t="s">
        <v>2072</v>
      </c>
      <c r="O1557" s="52" t="s">
        <v>2073</v>
      </c>
      <c r="P1557" s="52"/>
      <c r="Q1557" s="52"/>
      <c r="R1557" s="52"/>
      <c r="S1557" s="52"/>
      <c r="T1557" s="52"/>
      <c r="U1557" s="52"/>
      <c r="V1557" s="52"/>
      <c r="W1557" s="52"/>
    </row>
    <row r="1558" spans="1:23" hidden="1" x14ac:dyDescent="0.35">
      <c r="A1558" s="52" t="s">
        <v>78</v>
      </c>
      <c r="B1558" s="52" t="s">
        <v>79</v>
      </c>
      <c r="C1558" s="3">
        <v>20</v>
      </c>
      <c r="D1558" s="52" t="s">
        <v>85</v>
      </c>
      <c r="E1558" s="52" t="s">
        <v>26</v>
      </c>
      <c r="F1558" s="52" t="s">
        <v>81</v>
      </c>
      <c r="G1558" s="52" t="s">
        <v>82</v>
      </c>
      <c r="H1558" s="4">
        <v>1</v>
      </c>
      <c r="I1558" s="2">
        <v>14.65</v>
      </c>
      <c r="J1558" s="52" t="s">
        <v>4968</v>
      </c>
      <c r="K1558" s="71" t="s">
        <v>4969</v>
      </c>
      <c r="L1558" s="52" t="s">
        <v>2063</v>
      </c>
      <c r="M1558" s="72">
        <v>2395</v>
      </c>
      <c r="N1558" s="52" t="s">
        <v>2072</v>
      </c>
      <c r="O1558" s="52" t="s">
        <v>2073</v>
      </c>
      <c r="P1558" s="52"/>
      <c r="Q1558" s="52"/>
      <c r="R1558" s="52"/>
      <c r="S1558" s="52"/>
      <c r="T1558" s="52"/>
      <c r="U1558" s="52"/>
      <c r="V1558" s="52"/>
      <c r="W1558" s="52"/>
    </row>
    <row r="1559" spans="1:23" hidden="1" x14ac:dyDescent="0.35">
      <c r="A1559" s="52" t="s">
        <v>78</v>
      </c>
      <c r="B1559" s="52" t="s">
        <v>79</v>
      </c>
      <c r="C1559" s="3">
        <v>20</v>
      </c>
      <c r="D1559" s="52" t="s">
        <v>2020</v>
      </c>
      <c r="E1559" s="52" t="s">
        <v>26</v>
      </c>
      <c r="F1559" s="52" t="s">
        <v>81</v>
      </c>
      <c r="G1559" s="52" t="s">
        <v>82</v>
      </c>
      <c r="H1559" s="4">
        <v>1</v>
      </c>
      <c r="I1559" s="2">
        <v>14.65</v>
      </c>
      <c r="J1559" s="52" t="s">
        <v>4970</v>
      </c>
      <c r="K1559" s="71" t="s">
        <v>4971</v>
      </c>
      <c r="L1559" s="52" t="s">
        <v>2063</v>
      </c>
      <c r="M1559" s="72">
        <v>3571</v>
      </c>
      <c r="N1559" s="52" t="s">
        <v>2066</v>
      </c>
      <c r="O1559" s="52" t="s">
        <v>2067</v>
      </c>
      <c r="P1559" s="52"/>
      <c r="Q1559" s="52"/>
      <c r="R1559" s="52"/>
      <c r="S1559" s="52"/>
      <c r="T1559" s="52"/>
      <c r="U1559" s="52"/>
      <c r="V1559" s="52"/>
      <c r="W1559" s="52"/>
    </row>
    <row r="1560" spans="1:23" hidden="1" x14ac:dyDescent="0.35">
      <c r="A1560" s="52" t="s">
        <v>78</v>
      </c>
      <c r="B1560" s="52" t="s">
        <v>79</v>
      </c>
      <c r="C1560" s="3">
        <v>10</v>
      </c>
      <c r="D1560" s="52" t="s">
        <v>2020</v>
      </c>
      <c r="E1560" s="52" t="s">
        <v>26</v>
      </c>
      <c r="F1560" s="52" t="s">
        <v>81</v>
      </c>
      <c r="G1560" s="52" t="s">
        <v>82</v>
      </c>
      <c r="H1560" s="4">
        <v>1</v>
      </c>
      <c r="I1560" s="2">
        <v>14.65</v>
      </c>
      <c r="J1560" s="52" t="s">
        <v>4972</v>
      </c>
      <c r="K1560" s="71" t="s">
        <v>4973</v>
      </c>
      <c r="L1560" s="52" t="s">
        <v>2063</v>
      </c>
      <c r="M1560" s="72">
        <v>8009</v>
      </c>
      <c r="N1560" s="52" t="s">
        <v>2066</v>
      </c>
      <c r="O1560" s="52" t="s">
        <v>2067</v>
      </c>
      <c r="P1560" s="52"/>
      <c r="Q1560" s="52"/>
      <c r="R1560" s="52"/>
      <c r="S1560" s="52"/>
      <c r="T1560" s="52"/>
      <c r="U1560" s="52"/>
      <c r="V1560" s="52"/>
      <c r="W1560" s="52"/>
    </row>
    <row r="1561" spans="1:23" x14ac:dyDescent="0.35">
      <c r="A1561" s="52" t="s">
        <v>78</v>
      </c>
      <c r="B1561" s="52" t="s">
        <v>79</v>
      </c>
      <c r="C1561" s="3">
        <v>20</v>
      </c>
      <c r="D1561" s="52" t="s">
        <v>2019</v>
      </c>
      <c r="E1561" s="52" t="s">
        <v>26</v>
      </c>
      <c r="F1561" s="52" t="s">
        <v>81</v>
      </c>
      <c r="G1561" s="52" t="s">
        <v>82</v>
      </c>
      <c r="H1561" s="4">
        <v>1</v>
      </c>
      <c r="I1561" s="2">
        <v>14.65</v>
      </c>
      <c r="J1561" s="52" t="s">
        <v>4974</v>
      </c>
      <c r="K1561" s="71" t="s">
        <v>4975</v>
      </c>
      <c r="L1561" s="52" t="s">
        <v>2063</v>
      </c>
      <c r="M1561" s="72">
        <v>6563</v>
      </c>
      <c r="N1561" s="52" t="s">
        <v>2259</v>
      </c>
      <c r="O1561" s="52" t="s">
        <v>2260</v>
      </c>
      <c r="P1561" s="52"/>
      <c r="Q1561" s="52"/>
      <c r="R1561" s="52"/>
      <c r="S1561" s="52"/>
      <c r="T1561" s="52"/>
      <c r="U1561" s="52"/>
      <c r="V1561" s="52"/>
      <c r="W1561" s="52"/>
    </row>
    <row r="1562" spans="1:23" hidden="1" x14ac:dyDescent="0.35">
      <c r="A1562" s="52" t="s">
        <v>78</v>
      </c>
      <c r="B1562" s="52" t="s">
        <v>79</v>
      </c>
      <c r="C1562" s="3">
        <v>20</v>
      </c>
      <c r="D1562" s="52" t="s">
        <v>87</v>
      </c>
      <c r="E1562" s="52" t="s">
        <v>26</v>
      </c>
      <c r="F1562" s="52" t="s">
        <v>81</v>
      </c>
      <c r="G1562" s="52" t="s">
        <v>82</v>
      </c>
      <c r="H1562" s="4">
        <v>1</v>
      </c>
      <c r="I1562" s="2">
        <v>14.65</v>
      </c>
      <c r="J1562" s="52" t="s">
        <v>4976</v>
      </c>
      <c r="K1562" s="71" t="s">
        <v>4977</v>
      </c>
      <c r="L1562" s="52" t="s">
        <v>2063</v>
      </c>
      <c r="M1562" s="72">
        <v>2814</v>
      </c>
      <c r="N1562" s="52"/>
      <c r="O1562" s="52"/>
      <c r="P1562" s="52"/>
      <c r="Q1562" s="52"/>
      <c r="R1562" s="52"/>
      <c r="S1562" s="52"/>
      <c r="T1562" s="52"/>
      <c r="U1562" s="52"/>
      <c r="V1562" s="52"/>
      <c r="W1562" s="52"/>
    </row>
    <row r="1563" spans="1:23" x14ac:dyDescent="0.35">
      <c r="A1563" s="52" t="s">
        <v>78</v>
      </c>
      <c r="B1563" s="52" t="s">
        <v>79</v>
      </c>
      <c r="C1563" s="3">
        <v>20</v>
      </c>
      <c r="D1563" s="52" t="s">
        <v>2021</v>
      </c>
      <c r="E1563" s="52" t="s">
        <v>26</v>
      </c>
      <c r="F1563" s="52" t="s">
        <v>81</v>
      </c>
      <c r="G1563" s="52" t="s">
        <v>82</v>
      </c>
      <c r="H1563" s="4">
        <v>1</v>
      </c>
      <c r="I1563" s="2">
        <v>14.65</v>
      </c>
      <c r="J1563" s="52" t="s">
        <v>4336</v>
      </c>
      <c r="K1563" s="71" t="s">
        <v>4978</v>
      </c>
      <c r="L1563" s="52" t="s">
        <v>2063</v>
      </c>
      <c r="M1563" s="72">
        <v>2153</v>
      </c>
      <c r="N1563" s="52" t="s">
        <v>2259</v>
      </c>
      <c r="O1563" s="52" t="s">
        <v>2260</v>
      </c>
      <c r="P1563" s="52"/>
      <c r="Q1563" s="52"/>
      <c r="R1563" s="52"/>
      <c r="S1563" s="52"/>
      <c r="T1563" s="52"/>
      <c r="U1563" s="52"/>
      <c r="V1563" s="52"/>
      <c r="W1563" s="52"/>
    </row>
    <row r="1564" spans="1:23" x14ac:dyDescent="0.35">
      <c r="A1564" s="52" t="s">
        <v>78</v>
      </c>
      <c r="B1564" s="52" t="s">
        <v>79</v>
      </c>
      <c r="C1564" s="3">
        <v>20</v>
      </c>
      <c r="D1564" s="52" t="s">
        <v>2021</v>
      </c>
      <c r="E1564" s="52" t="s">
        <v>26</v>
      </c>
      <c r="F1564" s="52" t="s">
        <v>81</v>
      </c>
      <c r="G1564" s="52" t="s">
        <v>82</v>
      </c>
      <c r="H1564" s="4">
        <v>1</v>
      </c>
      <c r="I1564" s="2">
        <v>14.65</v>
      </c>
      <c r="J1564" s="52" t="s">
        <v>4979</v>
      </c>
      <c r="K1564" s="71" t="s">
        <v>4980</v>
      </c>
      <c r="L1564" s="52" t="s">
        <v>2063</v>
      </c>
      <c r="M1564" s="72">
        <v>8629</v>
      </c>
      <c r="N1564" s="52" t="s">
        <v>2259</v>
      </c>
      <c r="O1564" s="52" t="s">
        <v>2260</v>
      </c>
      <c r="P1564" s="52"/>
      <c r="Q1564" s="52"/>
      <c r="R1564" s="52"/>
      <c r="S1564" s="52"/>
      <c r="T1564" s="52"/>
      <c r="U1564" s="52"/>
      <c r="V1564" s="52"/>
      <c r="W1564" s="52"/>
    </row>
    <row r="1565" spans="1:23" hidden="1" x14ac:dyDescent="0.35">
      <c r="A1565" s="52" t="s">
        <v>78</v>
      </c>
      <c r="B1565" s="52" t="s">
        <v>79</v>
      </c>
      <c r="C1565" s="3">
        <v>20</v>
      </c>
      <c r="D1565" s="52" t="s">
        <v>85</v>
      </c>
      <c r="E1565" s="52" t="s">
        <v>26</v>
      </c>
      <c r="F1565" s="52" t="s">
        <v>81</v>
      </c>
      <c r="G1565" s="52" t="s">
        <v>82</v>
      </c>
      <c r="H1565" s="4">
        <v>1</v>
      </c>
      <c r="I1565" s="2">
        <v>14.65</v>
      </c>
      <c r="J1565" s="52" t="s">
        <v>4981</v>
      </c>
      <c r="K1565" s="71" t="s">
        <v>4982</v>
      </c>
      <c r="L1565" s="52" t="s">
        <v>2063</v>
      </c>
      <c r="M1565" s="72">
        <v>1012</v>
      </c>
      <c r="N1565" s="52" t="s">
        <v>2072</v>
      </c>
      <c r="O1565" s="52" t="s">
        <v>2073</v>
      </c>
      <c r="P1565" s="52"/>
      <c r="Q1565" s="52"/>
      <c r="R1565" s="52"/>
      <c r="S1565" s="52"/>
      <c r="T1565" s="52"/>
      <c r="U1565" s="52"/>
      <c r="V1565" s="52"/>
      <c r="W1565" s="52"/>
    </row>
    <row r="1566" spans="1:23" hidden="1" x14ac:dyDescent="0.35">
      <c r="A1566" s="52" t="s">
        <v>78</v>
      </c>
      <c r="B1566" s="52" t="s">
        <v>79</v>
      </c>
      <c r="C1566" s="3">
        <v>10</v>
      </c>
      <c r="D1566" s="52" t="s">
        <v>85</v>
      </c>
      <c r="E1566" s="52" t="s">
        <v>26</v>
      </c>
      <c r="F1566" s="52" t="s">
        <v>81</v>
      </c>
      <c r="G1566" s="52" t="s">
        <v>82</v>
      </c>
      <c r="H1566" s="4">
        <v>1</v>
      </c>
      <c r="I1566" s="2">
        <v>14.65</v>
      </c>
      <c r="J1566" s="52" t="s">
        <v>4983</v>
      </c>
      <c r="K1566" s="71" t="s">
        <v>4984</v>
      </c>
      <c r="L1566" s="52" t="s">
        <v>2063</v>
      </c>
      <c r="M1566" s="72">
        <v>8201</v>
      </c>
      <c r="N1566" s="52" t="s">
        <v>2072</v>
      </c>
      <c r="O1566" s="52" t="s">
        <v>2073</v>
      </c>
      <c r="P1566" s="52"/>
      <c r="Q1566" s="52"/>
      <c r="R1566" s="52"/>
      <c r="S1566" s="52"/>
      <c r="T1566" s="52"/>
      <c r="U1566" s="52"/>
      <c r="V1566" s="52"/>
      <c r="W1566" s="52"/>
    </row>
    <row r="1567" spans="1:23" x14ac:dyDescent="0.35">
      <c r="A1567" s="52" t="s">
        <v>78</v>
      </c>
      <c r="B1567" s="52" t="s">
        <v>79</v>
      </c>
      <c r="C1567" s="3">
        <v>20</v>
      </c>
      <c r="D1567" s="52" t="s">
        <v>2019</v>
      </c>
      <c r="E1567" s="52" t="s">
        <v>26</v>
      </c>
      <c r="F1567" s="52" t="s">
        <v>81</v>
      </c>
      <c r="G1567" s="52" t="s">
        <v>82</v>
      </c>
      <c r="H1567" s="4">
        <v>1</v>
      </c>
      <c r="I1567" s="2">
        <v>14.65</v>
      </c>
      <c r="J1567" s="52" t="s">
        <v>4985</v>
      </c>
      <c r="K1567" s="71" t="s">
        <v>4986</v>
      </c>
      <c r="L1567" s="52" t="s">
        <v>2063</v>
      </c>
      <c r="M1567" s="72">
        <v>2322</v>
      </c>
      <c r="N1567" s="52" t="s">
        <v>2076</v>
      </c>
      <c r="O1567" s="52" t="s">
        <v>2077</v>
      </c>
      <c r="P1567" s="52"/>
      <c r="Q1567" s="52"/>
      <c r="R1567" s="52"/>
      <c r="S1567" s="52"/>
      <c r="T1567" s="52"/>
      <c r="U1567" s="52"/>
      <c r="V1567" s="52"/>
      <c r="W1567" s="52"/>
    </row>
    <row r="1568" spans="1:23" hidden="1" x14ac:dyDescent="0.35">
      <c r="A1568" s="52" t="s">
        <v>78</v>
      </c>
      <c r="B1568" s="52" t="s">
        <v>79</v>
      </c>
      <c r="C1568" s="3">
        <v>20</v>
      </c>
      <c r="D1568" s="52" t="s">
        <v>83</v>
      </c>
      <c r="E1568" s="52" t="s">
        <v>26</v>
      </c>
      <c r="F1568" s="52" t="s">
        <v>81</v>
      </c>
      <c r="G1568" s="52" t="s">
        <v>82</v>
      </c>
      <c r="H1568" s="4">
        <v>1</v>
      </c>
      <c r="I1568" s="2">
        <v>14.65</v>
      </c>
      <c r="J1568" s="52" t="s">
        <v>4511</v>
      </c>
      <c r="K1568" s="71" t="s">
        <v>4987</v>
      </c>
      <c r="L1568" s="52" t="s">
        <v>2063</v>
      </c>
      <c r="M1568" s="72">
        <v>9835</v>
      </c>
      <c r="N1568" s="52" t="s">
        <v>2072</v>
      </c>
      <c r="O1568" s="52" t="s">
        <v>2073</v>
      </c>
      <c r="P1568" s="52"/>
      <c r="Q1568" s="52"/>
      <c r="R1568" s="52"/>
      <c r="S1568" s="52"/>
      <c r="T1568" s="52"/>
      <c r="U1568" s="52"/>
      <c r="V1568" s="52"/>
      <c r="W1568" s="52"/>
    </row>
    <row r="1569" spans="1:23" hidden="1" x14ac:dyDescent="0.35">
      <c r="A1569" s="52" t="s">
        <v>78</v>
      </c>
      <c r="B1569" s="52" t="s">
        <v>79</v>
      </c>
      <c r="C1569" s="3">
        <v>10</v>
      </c>
      <c r="D1569" s="52" t="s">
        <v>83</v>
      </c>
      <c r="E1569" s="52" t="s">
        <v>26</v>
      </c>
      <c r="F1569" s="52" t="s">
        <v>81</v>
      </c>
      <c r="G1569" s="52" t="s">
        <v>82</v>
      </c>
      <c r="H1569" s="4">
        <v>1</v>
      </c>
      <c r="I1569" s="2">
        <v>14.65</v>
      </c>
      <c r="J1569" s="52" t="s">
        <v>4988</v>
      </c>
      <c r="K1569" s="71" t="s">
        <v>4989</v>
      </c>
      <c r="L1569" s="52" t="s">
        <v>2063</v>
      </c>
      <c r="M1569" s="72">
        <v>6525</v>
      </c>
      <c r="N1569" s="52" t="s">
        <v>2066</v>
      </c>
      <c r="O1569" s="52" t="s">
        <v>2067</v>
      </c>
      <c r="P1569" s="52"/>
      <c r="Q1569" s="52"/>
      <c r="R1569" s="52"/>
      <c r="S1569" s="52"/>
      <c r="T1569" s="52"/>
      <c r="U1569" s="52"/>
      <c r="V1569" s="52"/>
      <c r="W1569" s="52"/>
    </row>
    <row r="1570" spans="1:23" hidden="1" x14ac:dyDescent="0.35">
      <c r="A1570" s="52" t="s">
        <v>78</v>
      </c>
      <c r="B1570" s="52" t="s">
        <v>79</v>
      </c>
      <c r="C1570" s="3">
        <v>10</v>
      </c>
      <c r="D1570" s="52" t="s">
        <v>87</v>
      </c>
      <c r="E1570" s="52" t="s">
        <v>26</v>
      </c>
      <c r="F1570" s="52" t="s">
        <v>81</v>
      </c>
      <c r="G1570" s="52" t="s">
        <v>82</v>
      </c>
      <c r="H1570" s="4">
        <v>1</v>
      </c>
      <c r="I1570" s="2">
        <v>14.65</v>
      </c>
      <c r="J1570" s="52" t="s">
        <v>4990</v>
      </c>
      <c r="K1570" s="71" t="s">
        <v>4991</v>
      </c>
      <c r="L1570" s="52" t="s">
        <v>2063</v>
      </c>
      <c r="M1570" s="72">
        <v>410</v>
      </c>
      <c r="N1570" s="52" t="s">
        <v>2072</v>
      </c>
      <c r="O1570" s="52" t="s">
        <v>2073</v>
      </c>
      <c r="P1570" s="52"/>
      <c r="Q1570" s="52"/>
      <c r="R1570" s="52"/>
      <c r="S1570" s="52"/>
      <c r="T1570" s="52"/>
      <c r="U1570" s="52"/>
      <c r="V1570" s="52"/>
      <c r="W1570" s="52"/>
    </row>
    <row r="1571" spans="1:23" hidden="1" x14ac:dyDescent="0.35">
      <c r="A1571" s="52" t="s">
        <v>78</v>
      </c>
      <c r="B1571" s="52" t="s">
        <v>79</v>
      </c>
      <c r="C1571" s="3">
        <v>10</v>
      </c>
      <c r="D1571" s="52" t="s">
        <v>2020</v>
      </c>
      <c r="E1571" s="52" t="s">
        <v>26</v>
      </c>
      <c r="F1571" s="52" t="s">
        <v>81</v>
      </c>
      <c r="G1571" s="52" t="s">
        <v>82</v>
      </c>
      <c r="H1571" s="4">
        <v>1</v>
      </c>
      <c r="I1571" s="2">
        <v>14.65</v>
      </c>
      <c r="J1571" s="52" t="s">
        <v>4992</v>
      </c>
      <c r="K1571" s="71" t="s">
        <v>4993</v>
      </c>
      <c r="L1571" s="52" t="s">
        <v>2063</v>
      </c>
      <c r="M1571" s="72">
        <v>4732</v>
      </c>
      <c r="N1571" s="52" t="s">
        <v>2066</v>
      </c>
      <c r="O1571" s="52" t="s">
        <v>2067</v>
      </c>
      <c r="P1571" s="52"/>
      <c r="Q1571" s="52"/>
      <c r="R1571" s="52"/>
      <c r="S1571" s="52"/>
      <c r="T1571" s="52"/>
      <c r="U1571" s="52"/>
      <c r="V1571" s="52"/>
      <c r="W1571" s="52"/>
    </row>
    <row r="1572" spans="1:23" hidden="1" x14ac:dyDescent="0.35">
      <c r="A1572" s="52" t="s">
        <v>78</v>
      </c>
      <c r="B1572" s="52" t="s">
        <v>79</v>
      </c>
      <c r="C1572" s="3">
        <v>20</v>
      </c>
      <c r="D1572" s="52" t="s">
        <v>2023</v>
      </c>
      <c r="E1572" s="52" t="s">
        <v>26</v>
      </c>
      <c r="F1572" s="52" t="s">
        <v>81</v>
      </c>
      <c r="G1572" s="52" t="s">
        <v>82</v>
      </c>
      <c r="H1572" s="4">
        <v>1</v>
      </c>
      <c r="I1572" s="2">
        <v>14.65</v>
      </c>
      <c r="J1572" s="52" t="s">
        <v>4026</v>
      </c>
      <c r="K1572" s="71" t="s">
        <v>4994</v>
      </c>
      <c r="L1572" s="52" t="s">
        <v>2063</v>
      </c>
      <c r="M1572" s="72">
        <v>5322</v>
      </c>
      <c r="N1572" s="52"/>
      <c r="O1572" s="52"/>
      <c r="P1572" s="52"/>
      <c r="Q1572" s="52"/>
      <c r="R1572" s="52"/>
      <c r="S1572" s="52"/>
      <c r="T1572" s="52"/>
      <c r="U1572" s="52"/>
      <c r="V1572" s="52"/>
      <c r="W1572" s="52"/>
    </row>
    <row r="1573" spans="1:23" hidden="1" x14ac:dyDescent="0.35">
      <c r="A1573" s="52" t="s">
        <v>78</v>
      </c>
      <c r="B1573" s="52" t="s">
        <v>79</v>
      </c>
      <c r="C1573" s="3">
        <v>20</v>
      </c>
      <c r="D1573" s="52" t="s">
        <v>2019</v>
      </c>
      <c r="E1573" s="52" t="s">
        <v>26</v>
      </c>
      <c r="F1573" s="52" t="s">
        <v>81</v>
      </c>
      <c r="G1573" s="52" t="s">
        <v>82</v>
      </c>
      <c r="H1573" s="4">
        <v>1</v>
      </c>
      <c r="I1573" s="2">
        <v>14.65</v>
      </c>
      <c r="J1573" s="52" t="s">
        <v>4995</v>
      </c>
      <c r="K1573" s="71" t="s">
        <v>4996</v>
      </c>
      <c r="L1573" s="52" t="s">
        <v>2063</v>
      </c>
      <c r="M1573" s="72">
        <v>3845</v>
      </c>
      <c r="N1573" s="52" t="s">
        <v>2158</v>
      </c>
      <c r="O1573" s="52" t="s">
        <v>2159</v>
      </c>
      <c r="P1573" s="52"/>
      <c r="Q1573" s="52"/>
      <c r="R1573" s="52"/>
      <c r="S1573" s="52"/>
      <c r="T1573" s="52"/>
      <c r="U1573" s="52"/>
      <c r="V1573" s="52"/>
      <c r="W1573" s="52"/>
    </row>
    <row r="1574" spans="1:23" hidden="1" x14ac:dyDescent="0.35">
      <c r="A1574" s="52" t="s">
        <v>78</v>
      </c>
      <c r="B1574" s="52" t="s">
        <v>79</v>
      </c>
      <c r="C1574" s="3">
        <v>10</v>
      </c>
      <c r="D1574" s="52" t="s">
        <v>2021</v>
      </c>
      <c r="E1574" s="52" t="s">
        <v>26</v>
      </c>
      <c r="F1574" s="52" t="s">
        <v>81</v>
      </c>
      <c r="G1574" s="52" t="s">
        <v>82</v>
      </c>
      <c r="H1574" s="4">
        <v>1</v>
      </c>
      <c r="I1574" s="2">
        <v>14.65</v>
      </c>
      <c r="J1574" s="52" t="s">
        <v>4997</v>
      </c>
      <c r="K1574" s="71" t="s">
        <v>4998</v>
      </c>
      <c r="L1574" s="52" t="s">
        <v>2063</v>
      </c>
      <c r="M1574" s="72">
        <v>4887</v>
      </c>
      <c r="N1574" s="52"/>
      <c r="O1574" s="52"/>
      <c r="P1574" s="52"/>
      <c r="Q1574" s="52"/>
      <c r="R1574" s="52"/>
      <c r="S1574" s="52"/>
      <c r="T1574" s="52"/>
      <c r="U1574" s="52"/>
      <c r="V1574" s="52"/>
      <c r="W1574" s="52"/>
    </row>
    <row r="1575" spans="1:23" hidden="1" x14ac:dyDescent="0.35">
      <c r="A1575" s="52" t="s">
        <v>78</v>
      </c>
      <c r="B1575" s="52" t="s">
        <v>79</v>
      </c>
      <c r="C1575" s="3">
        <v>10</v>
      </c>
      <c r="D1575" s="52" t="s">
        <v>2024</v>
      </c>
      <c r="E1575" s="52" t="s">
        <v>26</v>
      </c>
      <c r="F1575" s="52" t="s">
        <v>81</v>
      </c>
      <c r="G1575" s="52" t="s">
        <v>82</v>
      </c>
      <c r="H1575" s="4">
        <v>1</v>
      </c>
      <c r="I1575" s="2">
        <v>14.65</v>
      </c>
      <c r="J1575" s="52" t="s">
        <v>4741</v>
      </c>
      <c r="K1575" s="71" t="s">
        <v>4999</v>
      </c>
      <c r="L1575" s="52" t="s">
        <v>2063</v>
      </c>
      <c r="M1575" s="72">
        <v>3309</v>
      </c>
      <c r="N1575" s="52" t="s">
        <v>2066</v>
      </c>
      <c r="O1575" s="52" t="s">
        <v>2067</v>
      </c>
      <c r="P1575" s="52"/>
      <c r="Q1575" s="52"/>
      <c r="R1575" s="52"/>
      <c r="S1575" s="52"/>
      <c r="T1575" s="52"/>
      <c r="U1575" s="52"/>
      <c r="V1575" s="52"/>
      <c r="W1575" s="52"/>
    </row>
    <row r="1576" spans="1:23" hidden="1" x14ac:dyDescent="0.35">
      <c r="A1576" s="52" t="s">
        <v>78</v>
      </c>
      <c r="B1576" s="52" t="s">
        <v>79</v>
      </c>
      <c r="C1576" s="3">
        <v>20</v>
      </c>
      <c r="D1576" s="52" t="s">
        <v>2023</v>
      </c>
      <c r="E1576" s="52" t="s">
        <v>26</v>
      </c>
      <c r="F1576" s="52" t="s">
        <v>81</v>
      </c>
      <c r="G1576" s="52" t="s">
        <v>82</v>
      </c>
      <c r="H1576" s="4">
        <v>1</v>
      </c>
      <c r="I1576" s="2">
        <v>14.65</v>
      </c>
      <c r="J1576" s="52" t="s">
        <v>5000</v>
      </c>
      <c r="K1576" s="71" t="s">
        <v>5001</v>
      </c>
      <c r="L1576" s="52" t="s">
        <v>2063</v>
      </c>
      <c r="M1576" s="72">
        <v>8790</v>
      </c>
      <c r="N1576" s="52" t="s">
        <v>2072</v>
      </c>
      <c r="O1576" s="52" t="s">
        <v>2073</v>
      </c>
      <c r="P1576" s="52"/>
      <c r="Q1576" s="52"/>
      <c r="R1576" s="52"/>
      <c r="S1576" s="52"/>
      <c r="T1576" s="52"/>
      <c r="U1576" s="52"/>
      <c r="V1576" s="52"/>
      <c r="W1576" s="52"/>
    </row>
    <row r="1577" spans="1:23" hidden="1" x14ac:dyDescent="0.35">
      <c r="A1577" s="52" t="s">
        <v>78</v>
      </c>
      <c r="B1577" s="52" t="s">
        <v>79</v>
      </c>
      <c r="C1577" s="3">
        <v>20</v>
      </c>
      <c r="D1577" s="52" t="s">
        <v>2022</v>
      </c>
      <c r="E1577" s="52" t="s">
        <v>26</v>
      </c>
      <c r="F1577" s="52" t="s">
        <v>81</v>
      </c>
      <c r="G1577" s="52" t="s">
        <v>82</v>
      </c>
      <c r="H1577" s="4">
        <v>1</v>
      </c>
      <c r="I1577" s="2">
        <v>14.65</v>
      </c>
      <c r="J1577" s="52" t="s">
        <v>5002</v>
      </c>
      <c r="K1577" s="71" t="s">
        <v>5003</v>
      </c>
      <c r="L1577" s="52" t="s">
        <v>2095</v>
      </c>
      <c r="M1577" s="72">
        <v>5626</v>
      </c>
      <c r="N1577" s="52"/>
      <c r="O1577" s="52"/>
      <c r="P1577" s="52"/>
      <c r="Q1577" s="52"/>
      <c r="R1577" s="52"/>
      <c r="S1577" s="52"/>
      <c r="T1577" s="52"/>
      <c r="U1577" s="52"/>
      <c r="V1577" s="52"/>
      <c r="W1577" s="52"/>
    </row>
    <row r="1578" spans="1:23" hidden="1" x14ac:dyDescent="0.35">
      <c r="A1578" s="52" t="s">
        <v>78</v>
      </c>
      <c r="B1578" s="52" t="s">
        <v>79</v>
      </c>
      <c r="C1578" s="3">
        <v>211</v>
      </c>
      <c r="D1578" s="52" t="s">
        <v>84</v>
      </c>
      <c r="E1578" s="52" t="s">
        <v>26</v>
      </c>
      <c r="F1578" s="52" t="s">
        <v>81</v>
      </c>
      <c r="G1578" s="52" t="s">
        <v>82</v>
      </c>
      <c r="H1578" s="4">
        <v>1</v>
      </c>
      <c r="I1578" s="2">
        <v>14.65</v>
      </c>
      <c r="J1578" s="52" t="s">
        <v>5004</v>
      </c>
      <c r="K1578" s="71" t="s">
        <v>5005</v>
      </c>
      <c r="L1578" s="52" t="s">
        <v>2063</v>
      </c>
      <c r="M1578" s="72">
        <v>9183</v>
      </c>
      <c r="N1578" s="52" t="s">
        <v>2072</v>
      </c>
      <c r="O1578" s="52" t="s">
        <v>2073</v>
      </c>
      <c r="P1578" s="52"/>
      <c r="Q1578" s="52"/>
      <c r="R1578" s="52"/>
      <c r="S1578" s="52"/>
      <c r="T1578" s="52"/>
      <c r="U1578" s="52"/>
      <c r="V1578" s="52"/>
      <c r="W1578" s="52"/>
    </row>
    <row r="1579" spans="1:23" hidden="1" x14ac:dyDescent="0.35">
      <c r="A1579" s="52" t="s">
        <v>78</v>
      </c>
      <c r="B1579" s="52" t="s">
        <v>79</v>
      </c>
      <c r="C1579" s="3">
        <v>10</v>
      </c>
      <c r="D1579" s="52" t="s">
        <v>84</v>
      </c>
      <c r="E1579" s="52" t="s">
        <v>26</v>
      </c>
      <c r="F1579" s="52" t="s">
        <v>81</v>
      </c>
      <c r="G1579" s="52" t="s">
        <v>82</v>
      </c>
      <c r="H1579" s="4">
        <v>1</v>
      </c>
      <c r="I1579" s="2">
        <v>14.65</v>
      </c>
      <c r="J1579" s="52" t="s">
        <v>5006</v>
      </c>
      <c r="K1579" s="71" t="s">
        <v>5007</v>
      </c>
      <c r="L1579" s="52" t="s">
        <v>2063</v>
      </c>
      <c r="M1579" s="72">
        <v>1729</v>
      </c>
      <c r="N1579" s="52"/>
      <c r="O1579" s="52"/>
      <c r="P1579" s="52"/>
      <c r="Q1579" s="52"/>
      <c r="R1579" s="52"/>
      <c r="S1579" s="52"/>
      <c r="T1579" s="52"/>
      <c r="U1579" s="52"/>
      <c r="V1579" s="52"/>
      <c r="W1579" s="52"/>
    </row>
    <row r="1580" spans="1:23" hidden="1" x14ac:dyDescent="0.35">
      <c r="A1580" s="52" t="s">
        <v>78</v>
      </c>
      <c r="B1580" s="52" t="s">
        <v>79</v>
      </c>
      <c r="C1580" s="3">
        <v>20</v>
      </c>
      <c r="D1580" s="52" t="s">
        <v>2022</v>
      </c>
      <c r="E1580" s="52" t="s">
        <v>26</v>
      </c>
      <c r="F1580" s="52" t="s">
        <v>81</v>
      </c>
      <c r="G1580" s="52" t="s">
        <v>82</v>
      </c>
      <c r="H1580" s="4">
        <v>1</v>
      </c>
      <c r="I1580" s="2">
        <v>14.65</v>
      </c>
      <c r="J1580" s="52" t="s">
        <v>5008</v>
      </c>
      <c r="K1580" s="71" t="s">
        <v>5009</v>
      </c>
      <c r="L1580" s="52" t="s">
        <v>2063</v>
      </c>
      <c r="M1580" s="72">
        <v>9609</v>
      </c>
      <c r="N1580" s="52" t="s">
        <v>2072</v>
      </c>
      <c r="O1580" s="52" t="s">
        <v>2073</v>
      </c>
      <c r="P1580" s="52"/>
      <c r="Q1580" s="52"/>
      <c r="R1580" s="52"/>
      <c r="S1580" s="52"/>
      <c r="T1580" s="52"/>
      <c r="U1580" s="52"/>
      <c r="V1580" s="52"/>
      <c r="W1580" s="52"/>
    </row>
    <row r="1581" spans="1:23" hidden="1" x14ac:dyDescent="0.35">
      <c r="A1581" s="52" t="s">
        <v>78</v>
      </c>
      <c r="B1581" s="52" t="s">
        <v>79</v>
      </c>
      <c r="C1581" s="3">
        <v>20</v>
      </c>
      <c r="D1581" s="52" t="s">
        <v>83</v>
      </c>
      <c r="E1581" s="52" t="s">
        <v>26</v>
      </c>
      <c r="F1581" s="52" t="s">
        <v>81</v>
      </c>
      <c r="G1581" s="52" t="s">
        <v>82</v>
      </c>
      <c r="H1581" s="4">
        <v>1</v>
      </c>
      <c r="I1581" s="2">
        <v>14.65</v>
      </c>
      <c r="J1581" s="52" t="s">
        <v>5010</v>
      </c>
      <c r="K1581" s="71" t="s">
        <v>5011</v>
      </c>
      <c r="L1581" s="52" t="s">
        <v>2063</v>
      </c>
      <c r="M1581" s="72">
        <v>2478</v>
      </c>
      <c r="N1581" s="52" t="s">
        <v>2072</v>
      </c>
      <c r="O1581" s="52" t="s">
        <v>2073</v>
      </c>
      <c r="P1581" s="52"/>
      <c r="Q1581" s="52"/>
      <c r="R1581" s="52"/>
      <c r="S1581" s="52"/>
      <c r="T1581" s="52"/>
      <c r="U1581" s="52"/>
      <c r="V1581" s="52"/>
      <c r="W1581" s="52"/>
    </row>
    <row r="1582" spans="1:23" hidden="1" x14ac:dyDescent="0.35">
      <c r="A1582" s="52" t="s">
        <v>78</v>
      </c>
      <c r="B1582" s="52" t="s">
        <v>79</v>
      </c>
      <c r="C1582" s="3">
        <v>20</v>
      </c>
      <c r="D1582" s="52" t="s">
        <v>80</v>
      </c>
      <c r="E1582" s="52" t="s">
        <v>26</v>
      </c>
      <c r="F1582" s="52" t="s">
        <v>81</v>
      </c>
      <c r="G1582" s="52" t="s">
        <v>82</v>
      </c>
      <c r="H1582" s="4">
        <v>1</v>
      </c>
      <c r="I1582" s="2">
        <v>14.65</v>
      </c>
      <c r="J1582" s="52" t="s">
        <v>5012</v>
      </c>
      <c r="K1582" s="71" t="s">
        <v>5013</v>
      </c>
      <c r="L1582" s="52" t="s">
        <v>2063</v>
      </c>
      <c r="M1582" s="72">
        <v>8364</v>
      </c>
      <c r="N1582" s="52" t="s">
        <v>2072</v>
      </c>
      <c r="O1582" s="52" t="s">
        <v>2073</v>
      </c>
      <c r="P1582" s="52"/>
      <c r="Q1582" s="52"/>
      <c r="R1582" s="52"/>
      <c r="S1582" s="52"/>
      <c r="T1582" s="52"/>
      <c r="U1582" s="52"/>
      <c r="V1582" s="52"/>
      <c r="W1582" s="52"/>
    </row>
    <row r="1583" spans="1:23" x14ac:dyDescent="0.35">
      <c r="A1583" s="52" t="s">
        <v>78</v>
      </c>
      <c r="B1583" s="52" t="s">
        <v>79</v>
      </c>
      <c r="C1583" s="3">
        <v>20</v>
      </c>
      <c r="D1583" s="52" t="s">
        <v>2021</v>
      </c>
      <c r="E1583" s="52" t="s">
        <v>26</v>
      </c>
      <c r="F1583" s="52" t="s">
        <v>81</v>
      </c>
      <c r="G1583" s="52" t="s">
        <v>82</v>
      </c>
      <c r="H1583" s="4">
        <v>1</v>
      </c>
      <c r="I1583" s="2">
        <v>14.65</v>
      </c>
      <c r="J1583" s="52" t="s">
        <v>5014</v>
      </c>
      <c r="K1583" s="71" t="s">
        <v>5015</v>
      </c>
      <c r="L1583" s="52" t="s">
        <v>2063</v>
      </c>
      <c r="M1583" s="72">
        <v>4997</v>
      </c>
      <c r="N1583" s="52" t="s">
        <v>2259</v>
      </c>
      <c r="O1583" s="52" t="s">
        <v>2260</v>
      </c>
      <c r="P1583" s="52"/>
      <c r="Q1583" s="52"/>
      <c r="R1583" s="52"/>
      <c r="S1583" s="52"/>
      <c r="T1583" s="52"/>
      <c r="U1583" s="52"/>
      <c r="V1583" s="52"/>
      <c r="W1583" s="52"/>
    </row>
    <row r="1584" spans="1:23" hidden="1" x14ac:dyDescent="0.35">
      <c r="A1584" s="52" t="s">
        <v>78</v>
      </c>
      <c r="B1584" s="52" t="s">
        <v>79</v>
      </c>
      <c r="C1584" s="3">
        <v>20</v>
      </c>
      <c r="D1584" s="52" t="s">
        <v>2019</v>
      </c>
      <c r="E1584" s="52" t="s">
        <v>26</v>
      </c>
      <c r="F1584" s="52" t="s">
        <v>81</v>
      </c>
      <c r="G1584" s="52" t="s">
        <v>82</v>
      </c>
      <c r="H1584" s="4">
        <v>1</v>
      </c>
      <c r="I1584" s="2">
        <v>14.65</v>
      </c>
      <c r="J1584" s="52" t="s">
        <v>5016</v>
      </c>
      <c r="K1584" s="71" t="s">
        <v>5017</v>
      </c>
      <c r="L1584" s="52" t="s">
        <v>2095</v>
      </c>
      <c r="M1584" s="72">
        <v>3049</v>
      </c>
      <c r="N1584" s="52" t="s">
        <v>2072</v>
      </c>
      <c r="O1584" s="52" t="s">
        <v>2073</v>
      </c>
      <c r="P1584" s="52"/>
      <c r="Q1584" s="52"/>
      <c r="R1584" s="52"/>
      <c r="S1584" s="52"/>
      <c r="T1584" s="52"/>
      <c r="U1584" s="52"/>
      <c r="V1584" s="52"/>
      <c r="W1584" s="52"/>
    </row>
    <row r="1585" spans="1:23" x14ac:dyDescent="0.35">
      <c r="A1585" s="52" t="s">
        <v>78</v>
      </c>
      <c r="B1585" s="52" t="s">
        <v>79</v>
      </c>
      <c r="C1585" s="3">
        <v>10</v>
      </c>
      <c r="D1585" s="52" t="s">
        <v>2024</v>
      </c>
      <c r="E1585" s="52" t="s">
        <v>26</v>
      </c>
      <c r="F1585" s="52" t="s">
        <v>81</v>
      </c>
      <c r="G1585" s="52" t="s">
        <v>82</v>
      </c>
      <c r="H1585" s="4">
        <v>1</v>
      </c>
      <c r="I1585" s="2">
        <v>14.65</v>
      </c>
      <c r="J1585" s="52" t="s">
        <v>5018</v>
      </c>
      <c r="K1585" s="71" t="s">
        <v>5019</v>
      </c>
      <c r="L1585" s="52" t="s">
        <v>2063</v>
      </c>
      <c r="M1585" s="72">
        <v>1977</v>
      </c>
      <c r="N1585" s="52" t="s">
        <v>2076</v>
      </c>
      <c r="O1585" s="52" t="s">
        <v>2077</v>
      </c>
      <c r="P1585" s="52"/>
      <c r="Q1585" s="52"/>
      <c r="R1585" s="52"/>
      <c r="S1585" s="52"/>
      <c r="T1585" s="52"/>
      <c r="U1585" s="52"/>
      <c r="V1585" s="52"/>
      <c r="W1585" s="52"/>
    </row>
    <row r="1586" spans="1:23" hidden="1" x14ac:dyDescent="0.35">
      <c r="A1586" s="52" t="s">
        <v>78</v>
      </c>
      <c r="B1586" s="52" t="s">
        <v>79</v>
      </c>
      <c r="C1586" s="3">
        <v>10</v>
      </c>
      <c r="D1586" s="52" t="s">
        <v>85</v>
      </c>
      <c r="E1586" s="52" t="s">
        <v>26</v>
      </c>
      <c r="F1586" s="52" t="s">
        <v>81</v>
      </c>
      <c r="G1586" s="52" t="s">
        <v>82</v>
      </c>
      <c r="H1586" s="4">
        <v>1</v>
      </c>
      <c r="I1586" s="2">
        <v>14.65</v>
      </c>
      <c r="J1586" s="52" t="s">
        <v>5020</v>
      </c>
      <c r="K1586" s="71" t="s">
        <v>5021</v>
      </c>
      <c r="L1586" s="52" t="s">
        <v>2063</v>
      </c>
      <c r="M1586" s="72">
        <v>2929</v>
      </c>
      <c r="N1586" s="52" t="s">
        <v>2072</v>
      </c>
      <c r="O1586" s="52" t="s">
        <v>2073</v>
      </c>
      <c r="P1586" s="52"/>
      <c r="Q1586" s="52"/>
      <c r="R1586" s="52"/>
      <c r="S1586" s="52"/>
      <c r="T1586" s="52"/>
      <c r="U1586" s="52"/>
      <c r="V1586" s="52"/>
      <c r="W1586" s="52"/>
    </row>
    <row r="1587" spans="1:23" hidden="1" x14ac:dyDescent="0.35">
      <c r="A1587" s="52" t="s">
        <v>78</v>
      </c>
      <c r="B1587" s="52" t="s">
        <v>79</v>
      </c>
      <c r="C1587" s="3">
        <v>20</v>
      </c>
      <c r="D1587" s="52" t="s">
        <v>80</v>
      </c>
      <c r="E1587" s="52" t="s">
        <v>26</v>
      </c>
      <c r="F1587" s="52" t="s">
        <v>81</v>
      </c>
      <c r="G1587" s="52" t="s">
        <v>82</v>
      </c>
      <c r="H1587" s="4">
        <v>1</v>
      </c>
      <c r="I1587" s="2">
        <v>14.65</v>
      </c>
      <c r="J1587" s="52" t="s">
        <v>5022</v>
      </c>
      <c r="K1587" s="71" t="s">
        <v>5023</v>
      </c>
      <c r="L1587" s="52" t="s">
        <v>2063</v>
      </c>
      <c r="M1587" s="72">
        <v>669</v>
      </c>
      <c r="N1587" s="52" t="s">
        <v>2066</v>
      </c>
      <c r="O1587" s="52" t="s">
        <v>2067</v>
      </c>
      <c r="P1587" s="52"/>
      <c r="Q1587" s="52"/>
      <c r="R1587" s="52"/>
      <c r="S1587" s="52"/>
      <c r="T1587" s="52"/>
      <c r="U1587" s="52"/>
      <c r="V1587" s="52"/>
      <c r="W1587" s="52"/>
    </row>
    <row r="1588" spans="1:23" hidden="1" x14ac:dyDescent="0.35">
      <c r="A1588" s="52" t="s">
        <v>78</v>
      </c>
      <c r="B1588" s="52" t="s">
        <v>79</v>
      </c>
      <c r="C1588" s="3">
        <v>20</v>
      </c>
      <c r="D1588" s="52" t="s">
        <v>2024</v>
      </c>
      <c r="E1588" s="52" t="s">
        <v>26</v>
      </c>
      <c r="F1588" s="52" t="s">
        <v>81</v>
      </c>
      <c r="G1588" s="52" t="s">
        <v>82</v>
      </c>
      <c r="H1588" s="4">
        <v>1</v>
      </c>
      <c r="I1588" s="2">
        <v>14.65</v>
      </c>
      <c r="J1588" s="52" t="s">
        <v>5024</v>
      </c>
      <c r="K1588" s="71" t="s">
        <v>5025</v>
      </c>
      <c r="L1588" s="52" t="s">
        <v>2063</v>
      </c>
      <c r="M1588" s="72">
        <v>2996</v>
      </c>
      <c r="N1588" s="52" t="s">
        <v>2066</v>
      </c>
      <c r="O1588" s="52" t="s">
        <v>2067</v>
      </c>
      <c r="P1588" s="52" t="s">
        <v>2066</v>
      </c>
      <c r="Q1588" s="52" t="s">
        <v>2067</v>
      </c>
      <c r="R1588" s="52"/>
      <c r="S1588" s="52"/>
      <c r="T1588" s="52"/>
      <c r="U1588" s="52"/>
      <c r="V1588" s="52"/>
      <c r="W1588" s="52"/>
    </row>
    <row r="1589" spans="1:23" hidden="1" x14ac:dyDescent="0.35">
      <c r="A1589" s="52" t="s">
        <v>78</v>
      </c>
      <c r="B1589" s="52" t="s">
        <v>79</v>
      </c>
      <c r="C1589" s="3">
        <v>10</v>
      </c>
      <c r="D1589" s="52" t="s">
        <v>2024</v>
      </c>
      <c r="E1589" s="52" t="s">
        <v>26</v>
      </c>
      <c r="F1589" s="52" t="s">
        <v>81</v>
      </c>
      <c r="G1589" s="52" t="s">
        <v>82</v>
      </c>
      <c r="H1589" s="4">
        <v>1</v>
      </c>
      <c r="I1589" s="2">
        <v>14.65</v>
      </c>
      <c r="J1589" s="52" t="s">
        <v>5026</v>
      </c>
      <c r="K1589" s="71" t="s">
        <v>5027</v>
      </c>
      <c r="L1589" s="52" t="s">
        <v>2063</v>
      </c>
      <c r="M1589" s="72">
        <v>4006</v>
      </c>
      <c r="N1589" s="52" t="s">
        <v>2072</v>
      </c>
      <c r="O1589" s="52" t="s">
        <v>2073</v>
      </c>
      <c r="P1589" s="52"/>
      <c r="Q1589" s="52"/>
      <c r="R1589" s="52"/>
      <c r="S1589" s="52"/>
      <c r="T1589" s="52"/>
      <c r="U1589" s="52"/>
      <c r="V1589" s="52"/>
      <c r="W1589" s="52"/>
    </row>
    <row r="1590" spans="1:23" hidden="1" x14ac:dyDescent="0.35">
      <c r="A1590" s="52" t="s">
        <v>78</v>
      </c>
      <c r="B1590" s="52" t="s">
        <v>79</v>
      </c>
      <c r="C1590" s="3">
        <v>10</v>
      </c>
      <c r="D1590" s="52" t="s">
        <v>85</v>
      </c>
      <c r="E1590" s="52" t="s">
        <v>26</v>
      </c>
      <c r="F1590" s="52" t="s">
        <v>81</v>
      </c>
      <c r="G1590" s="52" t="s">
        <v>82</v>
      </c>
      <c r="H1590" s="4">
        <v>1</v>
      </c>
      <c r="I1590" s="2">
        <v>14.65</v>
      </c>
      <c r="J1590" s="52" t="s">
        <v>5028</v>
      </c>
      <c r="K1590" s="71" t="s">
        <v>5029</v>
      </c>
      <c r="L1590" s="52" t="s">
        <v>2063</v>
      </c>
      <c r="M1590" s="72">
        <v>1999</v>
      </c>
      <c r="N1590" s="52" t="s">
        <v>2066</v>
      </c>
      <c r="O1590" s="52" t="s">
        <v>2067</v>
      </c>
      <c r="P1590" s="52"/>
      <c r="Q1590" s="52"/>
      <c r="R1590" s="52"/>
      <c r="S1590" s="52"/>
      <c r="T1590" s="52"/>
      <c r="U1590" s="52"/>
      <c r="V1590" s="52"/>
      <c r="W1590" s="52"/>
    </row>
    <row r="1591" spans="1:23" hidden="1" x14ac:dyDescent="0.35">
      <c r="A1591" s="52" t="s">
        <v>78</v>
      </c>
      <c r="B1591" s="52" t="s">
        <v>79</v>
      </c>
      <c r="C1591" s="3">
        <v>20</v>
      </c>
      <c r="D1591" s="52" t="s">
        <v>84</v>
      </c>
      <c r="E1591" s="52" t="s">
        <v>26</v>
      </c>
      <c r="F1591" s="52" t="s">
        <v>81</v>
      </c>
      <c r="G1591" s="52" t="s">
        <v>82</v>
      </c>
      <c r="H1591" s="4">
        <v>1</v>
      </c>
      <c r="I1591" s="2">
        <v>14.65</v>
      </c>
      <c r="J1591" s="52" t="s">
        <v>5030</v>
      </c>
      <c r="K1591" s="71" t="s">
        <v>5031</v>
      </c>
      <c r="L1591" s="52" t="s">
        <v>2063</v>
      </c>
      <c r="M1591" s="72">
        <v>1911</v>
      </c>
      <c r="N1591" s="52" t="s">
        <v>2066</v>
      </c>
      <c r="O1591" s="52" t="s">
        <v>2067</v>
      </c>
      <c r="P1591" s="52"/>
      <c r="Q1591" s="52"/>
      <c r="R1591" s="52"/>
      <c r="S1591" s="52"/>
      <c r="T1591" s="52"/>
      <c r="U1591" s="52"/>
      <c r="V1591" s="52"/>
      <c r="W1591" s="52"/>
    </row>
    <row r="1592" spans="1:23" hidden="1" x14ac:dyDescent="0.35">
      <c r="A1592" s="52" t="s">
        <v>78</v>
      </c>
      <c r="B1592" s="52" t="s">
        <v>79</v>
      </c>
      <c r="C1592" s="3">
        <v>20</v>
      </c>
      <c r="D1592" s="52" t="s">
        <v>87</v>
      </c>
      <c r="E1592" s="52" t="s">
        <v>26</v>
      </c>
      <c r="F1592" s="52" t="s">
        <v>81</v>
      </c>
      <c r="G1592" s="52" t="s">
        <v>82</v>
      </c>
      <c r="H1592" s="4">
        <v>1</v>
      </c>
      <c r="I1592" s="2">
        <v>14.65</v>
      </c>
      <c r="J1592" s="52" t="s">
        <v>5032</v>
      </c>
      <c r="K1592" s="71" t="s">
        <v>5033</v>
      </c>
      <c r="L1592" s="52" t="s">
        <v>2063</v>
      </c>
      <c r="M1592" s="72">
        <v>3145</v>
      </c>
      <c r="N1592" s="52"/>
      <c r="O1592" s="52"/>
      <c r="P1592" s="52"/>
      <c r="Q1592" s="52"/>
      <c r="R1592" s="52"/>
      <c r="S1592" s="52"/>
      <c r="T1592" s="52"/>
      <c r="U1592" s="52"/>
      <c r="V1592" s="52"/>
      <c r="W1592" s="52"/>
    </row>
    <row r="1593" spans="1:23" hidden="1" x14ac:dyDescent="0.35">
      <c r="A1593" s="52" t="s">
        <v>78</v>
      </c>
      <c r="B1593" s="52" t="s">
        <v>79</v>
      </c>
      <c r="C1593" s="3">
        <v>10</v>
      </c>
      <c r="D1593" s="52" t="s">
        <v>87</v>
      </c>
      <c r="E1593" s="52" t="s">
        <v>26</v>
      </c>
      <c r="F1593" s="52" t="s">
        <v>81</v>
      </c>
      <c r="G1593" s="52" t="s">
        <v>82</v>
      </c>
      <c r="H1593" s="4">
        <v>1</v>
      </c>
      <c r="I1593" s="2">
        <v>14.65</v>
      </c>
      <c r="J1593" s="52" t="s">
        <v>5034</v>
      </c>
      <c r="K1593" s="71" t="s">
        <v>5035</v>
      </c>
      <c r="L1593" s="52" t="s">
        <v>2063</v>
      </c>
      <c r="M1593" s="72">
        <v>8620</v>
      </c>
      <c r="N1593" s="52"/>
      <c r="O1593" s="52"/>
      <c r="P1593" s="52"/>
      <c r="Q1593" s="52"/>
      <c r="R1593" s="52"/>
      <c r="S1593" s="52"/>
      <c r="T1593" s="52"/>
      <c r="U1593" s="52"/>
      <c r="V1593" s="52"/>
      <c r="W1593" s="52"/>
    </row>
    <row r="1594" spans="1:23" hidden="1" x14ac:dyDescent="0.35">
      <c r="A1594" s="52" t="s">
        <v>78</v>
      </c>
      <c r="B1594" s="52" t="s">
        <v>79</v>
      </c>
      <c r="C1594" s="3">
        <v>20</v>
      </c>
      <c r="D1594" s="52" t="s">
        <v>83</v>
      </c>
      <c r="E1594" s="52" t="s">
        <v>26</v>
      </c>
      <c r="F1594" s="52" t="s">
        <v>81</v>
      </c>
      <c r="G1594" s="52" t="s">
        <v>82</v>
      </c>
      <c r="H1594" s="4">
        <v>1</v>
      </c>
      <c r="I1594" s="2">
        <v>14.65</v>
      </c>
      <c r="J1594" s="52" t="s">
        <v>5036</v>
      </c>
      <c r="K1594" s="71" t="s">
        <v>5037</v>
      </c>
      <c r="L1594" s="52" t="s">
        <v>2063</v>
      </c>
      <c r="M1594" s="72">
        <v>9677</v>
      </c>
      <c r="N1594" s="52"/>
      <c r="O1594" s="52"/>
      <c r="P1594" s="52"/>
      <c r="Q1594" s="52"/>
      <c r="R1594" s="52"/>
      <c r="S1594" s="52"/>
      <c r="T1594" s="52"/>
      <c r="U1594" s="52"/>
      <c r="V1594" s="52"/>
      <c r="W1594" s="52"/>
    </row>
    <row r="1595" spans="1:23" hidden="1" x14ac:dyDescent="0.35">
      <c r="A1595" s="52" t="s">
        <v>78</v>
      </c>
      <c r="B1595" s="52" t="s">
        <v>79</v>
      </c>
      <c r="C1595" s="3">
        <v>20</v>
      </c>
      <c r="D1595" s="52" t="s">
        <v>2021</v>
      </c>
      <c r="E1595" s="52" t="s">
        <v>26</v>
      </c>
      <c r="F1595" s="52" t="s">
        <v>81</v>
      </c>
      <c r="G1595" s="52" t="s">
        <v>82</v>
      </c>
      <c r="H1595" s="4">
        <v>1</v>
      </c>
      <c r="I1595" s="2">
        <v>14.65</v>
      </c>
      <c r="J1595" s="52" t="s">
        <v>5038</v>
      </c>
      <c r="K1595" s="71" t="s">
        <v>5039</v>
      </c>
      <c r="L1595" s="52" t="s">
        <v>2063</v>
      </c>
      <c r="M1595" s="72">
        <v>1577</v>
      </c>
      <c r="N1595" s="52" t="s">
        <v>2072</v>
      </c>
      <c r="O1595" s="52" t="s">
        <v>2073</v>
      </c>
      <c r="P1595" s="52"/>
      <c r="Q1595" s="52"/>
      <c r="R1595" s="52"/>
      <c r="S1595" s="52"/>
      <c r="T1595" s="52"/>
      <c r="U1595" s="52"/>
      <c r="V1595" s="52"/>
      <c r="W1595" s="52"/>
    </row>
    <row r="1596" spans="1:23" hidden="1" x14ac:dyDescent="0.35">
      <c r="A1596" s="52" t="s">
        <v>78</v>
      </c>
      <c r="B1596" s="52" t="s">
        <v>79</v>
      </c>
      <c r="C1596" s="3">
        <v>20</v>
      </c>
      <c r="D1596" s="52" t="s">
        <v>83</v>
      </c>
      <c r="E1596" s="52" t="s">
        <v>26</v>
      </c>
      <c r="F1596" s="52" t="s">
        <v>81</v>
      </c>
      <c r="G1596" s="52" t="s">
        <v>82</v>
      </c>
      <c r="H1596" s="4">
        <v>1</v>
      </c>
      <c r="I1596" s="2">
        <v>14.65</v>
      </c>
      <c r="J1596" s="52" t="s">
        <v>5040</v>
      </c>
      <c r="K1596" s="71" t="s">
        <v>5041</v>
      </c>
      <c r="L1596" s="52" t="s">
        <v>2063</v>
      </c>
      <c r="M1596" s="72">
        <v>4889</v>
      </c>
      <c r="N1596" s="52"/>
      <c r="O1596" s="52"/>
      <c r="P1596" s="52"/>
      <c r="Q1596" s="52"/>
      <c r="R1596" s="52"/>
      <c r="S1596" s="52"/>
      <c r="T1596" s="52"/>
      <c r="U1596" s="52"/>
      <c r="V1596" s="52"/>
      <c r="W1596" s="52"/>
    </row>
    <row r="1597" spans="1:23" x14ac:dyDescent="0.35">
      <c r="A1597" s="52" t="s">
        <v>78</v>
      </c>
      <c r="B1597" s="52" t="s">
        <v>79</v>
      </c>
      <c r="C1597" s="3">
        <v>211</v>
      </c>
      <c r="D1597" s="52" t="s">
        <v>80</v>
      </c>
      <c r="E1597" s="52" t="s">
        <v>26</v>
      </c>
      <c r="F1597" s="52" t="s">
        <v>81</v>
      </c>
      <c r="G1597" s="52" t="s">
        <v>82</v>
      </c>
      <c r="H1597" s="4">
        <v>1</v>
      </c>
      <c r="I1597" s="2">
        <v>14.65</v>
      </c>
      <c r="J1597" s="52" t="s">
        <v>5042</v>
      </c>
      <c r="K1597" s="71" t="s">
        <v>5043</v>
      </c>
      <c r="L1597" s="52" t="s">
        <v>2063</v>
      </c>
      <c r="M1597" s="72">
        <v>6043</v>
      </c>
      <c r="N1597" s="52" t="s">
        <v>2076</v>
      </c>
      <c r="O1597" s="52" t="s">
        <v>2077</v>
      </c>
      <c r="P1597" s="52"/>
      <c r="Q1597" s="52"/>
      <c r="R1597" s="52"/>
      <c r="S1597" s="52"/>
      <c r="T1597" s="52"/>
      <c r="U1597" s="52"/>
      <c r="V1597" s="52"/>
      <c r="W1597" s="52"/>
    </row>
    <row r="1598" spans="1:23" hidden="1" x14ac:dyDescent="0.35">
      <c r="A1598" s="52" t="s">
        <v>78</v>
      </c>
      <c r="B1598" s="52" t="s">
        <v>79</v>
      </c>
      <c r="C1598" s="3">
        <v>10</v>
      </c>
      <c r="D1598" s="52" t="s">
        <v>80</v>
      </c>
      <c r="E1598" s="52" t="s">
        <v>26</v>
      </c>
      <c r="F1598" s="52" t="s">
        <v>81</v>
      </c>
      <c r="G1598" s="52" t="s">
        <v>82</v>
      </c>
      <c r="H1598" s="4">
        <v>1</v>
      </c>
      <c r="I1598" s="2">
        <v>14.65</v>
      </c>
      <c r="J1598" s="52" t="s">
        <v>5044</v>
      </c>
      <c r="K1598" s="71" t="s">
        <v>5045</v>
      </c>
      <c r="L1598" s="52" t="s">
        <v>2063</v>
      </c>
      <c r="M1598" s="72">
        <v>4871</v>
      </c>
      <c r="N1598" s="52"/>
      <c r="O1598" s="52"/>
      <c r="P1598" s="52"/>
      <c r="Q1598" s="52"/>
      <c r="R1598" s="52"/>
      <c r="S1598" s="52"/>
      <c r="T1598" s="52"/>
      <c r="U1598" s="52"/>
      <c r="V1598" s="52"/>
      <c r="W1598" s="52"/>
    </row>
    <row r="1599" spans="1:23" hidden="1" x14ac:dyDescent="0.35">
      <c r="A1599" s="52" t="s">
        <v>78</v>
      </c>
      <c r="B1599" s="52" t="s">
        <v>79</v>
      </c>
      <c r="C1599" s="3">
        <v>20</v>
      </c>
      <c r="D1599" s="52" t="s">
        <v>2021</v>
      </c>
      <c r="E1599" s="52" t="s">
        <v>26</v>
      </c>
      <c r="F1599" s="52" t="s">
        <v>81</v>
      </c>
      <c r="G1599" s="52" t="s">
        <v>82</v>
      </c>
      <c r="H1599" s="4">
        <v>1</v>
      </c>
      <c r="I1599" s="2">
        <v>14.65</v>
      </c>
      <c r="J1599" s="52" t="s">
        <v>5046</v>
      </c>
      <c r="K1599" s="71" t="s">
        <v>5047</v>
      </c>
      <c r="L1599" s="52" t="s">
        <v>2063</v>
      </c>
      <c r="M1599" s="72">
        <v>5979</v>
      </c>
      <c r="N1599" s="52" t="s">
        <v>2072</v>
      </c>
      <c r="O1599" s="52" t="s">
        <v>2073</v>
      </c>
      <c r="P1599" s="52"/>
      <c r="Q1599" s="52"/>
      <c r="R1599" s="52"/>
      <c r="S1599" s="52"/>
      <c r="T1599" s="52"/>
      <c r="U1599" s="52"/>
      <c r="V1599" s="52"/>
      <c r="W1599" s="52"/>
    </row>
    <row r="1600" spans="1:23" hidden="1" x14ac:dyDescent="0.35">
      <c r="A1600" s="52" t="s">
        <v>78</v>
      </c>
      <c r="B1600" s="52" t="s">
        <v>79</v>
      </c>
      <c r="C1600" s="3">
        <v>211</v>
      </c>
      <c r="D1600" s="52" t="s">
        <v>2020</v>
      </c>
      <c r="E1600" s="52" t="s">
        <v>26</v>
      </c>
      <c r="F1600" s="52" t="s">
        <v>81</v>
      </c>
      <c r="G1600" s="52" t="s">
        <v>82</v>
      </c>
      <c r="H1600" s="4">
        <v>1</v>
      </c>
      <c r="I1600" s="2">
        <v>14.65</v>
      </c>
      <c r="J1600" s="52" t="s">
        <v>5048</v>
      </c>
      <c r="K1600" s="71" t="s">
        <v>5049</v>
      </c>
      <c r="L1600" s="52" t="s">
        <v>2063</v>
      </c>
      <c r="M1600" s="72">
        <v>1003</v>
      </c>
      <c r="N1600" s="52" t="s">
        <v>2072</v>
      </c>
      <c r="O1600" s="52" t="s">
        <v>2073</v>
      </c>
      <c r="P1600" s="52"/>
      <c r="Q1600" s="52"/>
      <c r="R1600" s="52"/>
      <c r="S1600" s="52"/>
      <c r="T1600" s="52"/>
      <c r="U1600" s="52"/>
      <c r="V1600" s="52"/>
      <c r="W1600" s="52"/>
    </row>
    <row r="1601" spans="1:23" hidden="1" x14ac:dyDescent="0.35">
      <c r="A1601" s="52" t="s">
        <v>78</v>
      </c>
      <c r="B1601" s="52" t="s">
        <v>79</v>
      </c>
      <c r="C1601" s="3">
        <v>20</v>
      </c>
      <c r="D1601" s="52" t="s">
        <v>83</v>
      </c>
      <c r="E1601" s="52" t="s">
        <v>26</v>
      </c>
      <c r="F1601" s="52" t="s">
        <v>81</v>
      </c>
      <c r="G1601" s="52" t="s">
        <v>82</v>
      </c>
      <c r="H1601" s="4">
        <v>1</v>
      </c>
      <c r="I1601" s="2">
        <v>14.65</v>
      </c>
      <c r="J1601" s="52" t="s">
        <v>5050</v>
      </c>
      <c r="K1601" s="71" t="s">
        <v>5051</v>
      </c>
      <c r="L1601" s="52" t="s">
        <v>2063</v>
      </c>
      <c r="M1601" s="72">
        <v>4683</v>
      </c>
      <c r="N1601" s="52" t="s">
        <v>2066</v>
      </c>
      <c r="O1601" s="52" t="s">
        <v>2067</v>
      </c>
      <c r="P1601" s="52"/>
      <c r="Q1601" s="52"/>
      <c r="R1601" s="52"/>
      <c r="S1601" s="52"/>
      <c r="T1601" s="52"/>
      <c r="U1601" s="52"/>
      <c r="V1601" s="52"/>
      <c r="W1601" s="52"/>
    </row>
    <row r="1602" spans="1:23" hidden="1" x14ac:dyDescent="0.35">
      <c r="A1602" s="52" t="s">
        <v>78</v>
      </c>
      <c r="B1602" s="52" t="s">
        <v>79</v>
      </c>
      <c r="C1602" s="3">
        <v>211</v>
      </c>
      <c r="D1602" s="52" t="s">
        <v>85</v>
      </c>
      <c r="E1602" s="52" t="s">
        <v>26</v>
      </c>
      <c r="F1602" s="52" t="s">
        <v>81</v>
      </c>
      <c r="G1602" s="52" t="s">
        <v>82</v>
      </c>
      <c r="H1602" s="4">
        <v>1</v>
      </c>
      <c r="I1602" s="2">
        <v>14.65</v>
      </c>
      <c r="J1602" s="52" t="s">
        <v>5052</v>
      </c>
      <c r="K1602" s="71" t="s">
        <v>5053</v>
      </c>
      <c r="L1602" s="52" t="s">
        <v>2063</v>
      </c>
      <c r="M1602" s="72">
        <v>7601</v>
      </c>
      <c r="N1602" s="52" t="s">
        <v>2304</v>
      </c>
      <c r="O1602" s="52" t="s">
        <v>2305</v>
      </c>
      <c r="P1602" s="52"/>
      <c r="Q1602" s="52"/>
      <c r="R1602" s="52"/>
      <c r="S1602" s="52"/>
      <c r="T1602" s="52"/>
      <c r="U1602" s="52"/>
      <c r="V1602" s="52"/>
      <c r="W1602" s="52"/>
    </row>
    <row r="1603" spans="1:23" hidden="1" x14ac:dyDescent="0.35">
      <c r="A1603" s="52" t="s">
        <v>78</v>
      </c>
      <c r="B1603" s="52" t="s">
        <v>79</v>
      </c>
      <c r="C1603" s="3">
        <v>20</v>
      </c>
      <c r="D1603" s="52" t="s">
        <v>87</v>
      </c>
      <c r="E1603" s="52" t="s">
        <v>26</v>
      </c>
      <c r="F1603" s="52" t="s">
        <v>81</v>
      </c>
      <c r="G1603" s="52" t="s">
        <v>82</v>
      </c>
      <c r="H1603" s="4">
        <v>1</v>
      </c>
      <c r="I1603" s="2">
        <v>14.65</v>
      </c>
      <c r="J1603" s="52" t="s">
        <v>5054</v>
      </c>
      <c r="K1603" s="71" t="s">
        <v>5055</v>
      </c>
      <c r="L1603" s="52" t="s">
        <v>2063</v>
      </c>
      <c r="M1603" s="72">
        <v>8129</v>
      </c>
      <c r="N1603" s="52" t="s">
        <v>2066</v>
      </c>
      <c r="O1603" s="52" t="s">
        <v>2067</v>
      </c>
      <c r="P1603" s="52"/>
      <c r="Q1603" s="52"/>
      <c r="R1603" s="52"/>
      <c r="S1603" s="52"/>
      <c r="T1603" s="52"/>
      <c r="U1603" s="52"/>
      <c r="V1603" s="52"/>
      <c r="W1603" s="52"/>
    </row>
    <row r="1604" spans="1:23" hidden="1" x14ac:dyDescent="0.35">
      <c r="A1604" s="52" t="s">
        <v>78</v>
      </c>
      <c r="B1604" s="52" t="s">
        <v>79</v>
      </c>
      <c r="C1604" s="3">
        <v>20</v>
      </c>
      <c r="D1604" s="52" t="s">
        <v>2024</v>
      </c>
      <c r="E1604" s="52" t="s">
        <v>26</v>
      </c>
      <c r="F1604" s="52" t="s">
        <v>81</v>
      </c>
      <c r="G1604" s="52" t="s">
        <v>82</v>
      </c>
      <c r="H1604" s="4">
        <v>1</v>
      </c>
      <c r="I1604" s="2">
        <v>14.65</v>
      </c>
      <c r="J1604" s="52" t="s">
        <v>5056</v>
      </c>
      <c r="K1604" s="71" t="s">
        <v>5057</v>
      </c>
      <c r="L1604" s="52" t="s">
        <v>2063</v>
      </c>
      <c r="M1604" s="72">
        <v>5827</v>
      </c>
      <c r="N1604" s="52" t="s">
        <v>2066</v>
      </c>
      <c r="O1604" s="52" t="s">
        <v>2067</v>
      </c>
      <c r="P1604" s="52"/>
      <c r="Q1604" s="52"/>
      <c r="R1604" s="52"/>
      <c r="S1604" s="52"/>
      <c r="T1604" s="52"/>
      <c r="U1604" s="52"/>
      <c r="V1604" s="52"/>
      <c r="W1604" s="52"/>
    </row>
    <row r="1605" spans="1:23" hidden="1" x14ac:dyDescent="0.35">
      <c r="A1605" s="52" t="s">
        <v>78</v>
      </c>
      <c r="B1605" s="52" t="s">
        <v>79</v>
      </c>
      <c r="C1605" s="3">
        <v>20</v>
      </c>
      <c r="D1605" s="52" t="s">
        <v>2021</v>
      </c>
      <c r="E1605" s="52" t="s">
        <v>26</v>
      </c>
      <c r="F1605" s="52" t="s">
        <v>81</v>
      </c>
      <c r="G1605" s="52" t="s">
        <v>82</v>
      </c>
      <c r="H1605" s="4">
        <v>1</v>
      </c>
      <c r="I1605" s="2">
        <v>14.65</v>
      </c>
      <c r="J1605" s="52" t="s">
        <v>5058</v>
      </c>
      <c r="K1605" s="71" t="s">
        <v>5059</v>
      </c>
      <c r="L1605" s="52" t="s">
        <v>2063</v>
      </c>
      <c r="M1605" s="72">
        <v>591</v>
      </c>
      <c r="N1605" s="52" t="s">
        <v>2304</v>
      </c>
      <c r="O1605" s="52" t="s">
        <v>2305</v>
      </c>
      <c r="P1605" s="52"/>
      <c r="Q1605" s="52"/>
      <c r="R1605" s="52"/>
      <c r="S1605" s="52"/>
      <c r="T1605" s="52"/>
      <c r="U1605" s="52"/>
      <c r="V1605" s="52"/>
      <c r="W1605" s="52"/>
    </row>
    <row r="1606" spans="1:23" x14ac:dyDescent="0.35">
      <c r="A1606" s="52" t="s">
        <v>78</v>
      </c>
      <c r="B1606" s="52" t="s">
        <v>79</v>
      </c>
      <c r="C1606" s="3">
        <v>10</v>
      </c>
      <c r="D1606" s="52" t="s">
        <v>87</v>
      </c>
      <c r="E1606" s="52" t="s">
        <v>26</v>
      </c>
      <c r="F1606" s="52" t="s">
        <v>81</v>
      </c>
      <c r="G1606" s="52" t="s">
        <v>82</v>
      </c>
      <c r="H1606" s="4">
        <v>1</v>
      </c>
      <c r="I1606" s="2">
        <v>14.65</v>
      </c>
      <c r="J1606" s="52" t="s">
        <v>5060</v>
      </c>
      <c r="K1606" s="71" t="s">
        <v>5061</v>
      </c>
      <c r="L1606" s="52" t="s">
        <v>2063</v>
      </c>
      <c r="M1606" s="72">
        <v>551</v>
      </c>
      <c r="N1606" s="52" t="s">
        <v>2259</v>
      </c>
      <c r="O1606" s="52" t="s">
        <v>2260</v>
      </c>
      <c r="P1606" s="52"/>
      <c r="Q1606" s="52"/>
      <c r="R1606" s="52"/>
      <c r="S1606" s="52"/>
      <c r="T1606" s="52"/>
      <c r="U1606" s="52"/>
      <c r="V1606" s="52"/>
      <c r="W1606" s="52"/>
    </row>
    <row r="1607" spans="1:23" hidden="1" x14ac:dyDescent="0.35">
      <c r="A1607" s="52" t="s">
        <v>78</v>
      </c>
      <c r="B1607" s="52" t="s">
        <v>79</v>
      </c>
      <c r="C1607" s="3">
        <v>20</v>
      </c>
      <c r="D1607" s="52" t="s">
        <v>84</v>
      </c>
      <c r="E1607" s="52" t="s">
        <v>26</v>
      </c>
      <c r="F1607" s="52" t="s">
        <v>81</v>
      </c>
      <c r="G1607" s="52" t="s">
        <v>82</v>
      </c>
      <c r="H1607" s="4">
        <v>1</v>
      </c>
      <c r="I1607" s="2">
        <v>14.65</v>
      </c>
      <c r="J1607" s="52" t="s">
        <v>5062</v>
      </c>
      <c r="K1607" s="71" t="s">
        <v>5063</v>
      </c>
      <c r="L1607" s="52" t="s">
        <v>2095</v>
      </c>
      <c r="M1607" s="72">
        <v>127</v>
      </c>
      <c r="N1607" s="52"/>
      <c r="O1607" s="52"/>
      <c r="P1607" s="52"/>
      <c r="Q1607" s="52"/>
      <c r="R1607" s="52"/>
      <c r="S1607" s="52"/>
      <c r="T1607" s="52"/>
      <c r="U1607" s="52"/>
      <c r="V1607" s="52"/>
      <c r="W1607" s="52"/>
    </row>
    <row r="1608" spans="1:23" x14ac:dyDescent="0.35">
      <c r="A1608" s="52" t="s">
        <v>78</v>
      </c>
      <c r="B1608" s="52" t="s">
        <v>79</v>
      </c>
      <c r="C1608" s="3">
        <v>10</v>
      </c>
      <c r="D1608" s="52" t="s">
        <v>87</v>
      </c>
      <c r="E1608" s="52" t="s">
        <v>26</v>
      </c>
      <c r="F1608" s="52" t="s">
        <v>81</v>
      </c>
      <c r="G1608" s="52" t="s">
        <v>82</v>
      </c>
      <c r="H1608" s="4">
        <v>1</v>
      </c>
      <c r="I1608" s="2">
        <v>14.65</v>
      </c>
      <c r="J1608" s="52" t="s">
        <v>5064</v>
      </c>
      <c r="K1608" s="71" t="s">
        <v>5065</v>
      </c>
      <c r="L1608" s="52" t="s">
        <v>2063</v>
      </c>
      <c r="M1608" s="72">
        <v>1838</v>
      </c>
      <c r="N1608" s="52" t="s">
        <v>2259</v>
      </c>
      <c r="O1608" s="52" t="s">
        <v>2260</v>
      </c>
      <c r="P1608" s="52"/>
      <c r="Q1608" s="52"/>
      <c r="R1608" s="52"/>
      <c r="S1608" s="52"/>
      <c r="T1608" s="52"/>
      <c r="U1608" s="52"/>
      <c r="V1608" s="52"/>
      <c r="W1608" s="52"/>
    </row>
    <row r="1609" spans="1:23" hidden="1" x14ac:dyDescent="0.35">
      <c r="A1609" s="52" t="s">
        <v>78</v>
      </c>
      <c r="B1609" s="52" t="s">
        <v>79</v>
      </c>
      <c r="C1609" s="3">
        <v>10</v>
      </c>
      <c r="D1609" s="52" t="s">
        <v>87</v>
      </c>
      <c r="E1609" s="52" t="s">
        <v>26</v>
      </c>
      <c r="F1609" s="52" t="s">
        <v>81</v>
      </c>
      <c r="G1609" s="52" t="s">
        <v>82</v>
      </c>
      <c r="H1609" s="4">
        <v>1</v>
      </c>
      <c r="I1609" s="2">
        <v>14.65</v>
      </c>
      <c r="J1609" s="52" t="s">
        <v>5066</v>
      </c>
      <c r="K1609" s="71" t="s">
        <v>5067</v>
      </c>
      <c r="L1609" s="52" t="s">
        <v>2063</v>
      </c>
      <c r="M1609" s="72">
        <v>4397</v>
      </c>
      <c r="N1609" s="52" t="s">
        <v>2154</v>
      </c>
      <c r="O1609" s="52" t="s">
        <v>2155</v>
      </c>
      <c r="P1609" s="52"/>
      <c r="Q1609" s="52"/>
      <c r="R1609" s="52"/>
      <c r="S1609" s="52"/>
      <c r="T1609" s="52"/>
      <c r="U1609" s="52"/>
      <c r="V1609" s="52"/>
      <c r="W1609" s="52"/>
    </row>
    <row r="1610" spans="1:23" hidden="1" x14ac:dyDescent="0.35">
      <c r="A1610" s="52" t="s">
        <v>78</v>
      </c>
      <c r="B1610" s="52" t="s">
        <v>79</v>
      </c>
      <c r="C1610" s="3">
        <v>10</v>
      </c>
      <c r="D1610" s="52" t="s">
        <v>2019</v>
      </c>
      <c r="E1610" s="52" t="s">
        <v>26</v>
      </c>
      <c r="F1610" s="52" t="s">
        <v>81</v>
      </c>
      <c r="G1610" s="52" t="s">
        <v>82</v>
      </c>
      <c r="H1610" s="4">
        <v>1</v>
      </c>
      <c r="I1610" s="2">
        <v>14.65</v>
      </c>
      <c r="J1610" s="52" t="s">
        <v>5068</v>
      </c>
      <c r="K1610" s="71" t="s">
        <v>5069</v>
      </c>
      <c r="L1610" s="52" t="s">
        <v>2095</v>
      </c>
      <c r="M1610" s="72">
        <v>8658</v>
      </c>
      <c r="N1610" s="52"/>
      <c r="O1610" s="52"/>
      <c r="P1610" s="52"/>
      <c r="Q1610" s="52"/>
      <c r="R1610" s="52"/>
      <c r="S1610" s="52"/>
      <c r="T1610" s="52"/>
      <c r="U1610" s="52"/>
      <c r="V1610" s="52"/>
      <c r="W1610" s="52"/>
    </row>
    <row r="1611" spans="1:23" hidden="1" x14ac:dyDescent="0.35">
      <c r="A1611" s="52" t="s">
        <v>78</v>
      </c>
      <c r="B1611" s="52" t="s">
        <v>79</v>
      </c>
      <c r="C1611" s="3">
        <v>20</v>
      </c>
      <c r="D1611" s="52" t="s">
        <v>2022</v>
      </c>
      <c r="E1611" s="52" t="s">
        <v>26</v>
      </c>
      <c r="F1611" s="52" t="s">
        <v>81</v>
      </c>
      <c r="G1611" s="52" t="s">
        <v>82</v>
      </c>
      <c r="H1611" s="4">
        <v>1</v>
      </c>
      <c r="I1611" s="2">
        <v>14.65</v>
      </c>
      <c r="J1611" s="52" t="s">
        <v>5070</v>
      </c>
      <c r="K1611" s="71" t="s">
        <v>5071</v>
      </c>
      <c r="L1611" s="52" t="s">
        <v>2063</v>
      </c>
      <c r="M1611" s="72">
        <v>4000</v>
      </c>
      <c r="N1611" s="52" t="s">
        <v>2066</v>
      </c>
      <c r="O1611" s="52" t="s">
        <v>2067</v>
      </c>
      <c r="P1611" s="52"/>
      <c r="Q1611" s="52"/>
      <c r="R1611" s="52"/>
      <c r="S1611" s="52"/>
      <c r="T1611" s="52"/>
      <c r="U1611" s="52"/>
      <c r="V1611" s="52"/>
      <c r="W1611" s="52"/>
    </row>
    <row r="1612" spans="1:23" hidden="1" x14ac:dyDescent="0.35">
      <c r="A1612" s="52" t="s">
        <v>78</v>
      </c>
      <c r="B1612" s="52" t="s">
        <v>79</v>
      </c>
      <c r="C1612" s="3">
        <v>20</v>
      </c>
      <c r="D1612" s="52" t="s">
        <v>86</v>
      </c>
      <c r="E1612" s="52" t="s">
        <v>26</v>
      </c>
      <c r="F1612" s="52" t="s">
        <v>81</v>
      </c>
      <c r="G1612" s="52" t="s">
        <v>82</v>
      </c>
      <c r="H1612" s="4">
        <v>1</v>
      </c>
      <c r="I1612" s="2">
        <v>14.65</v>
      </c>
      <c r="J1612" s="52" t="s">
        <v>5072</v>
      </c>
      <c r="K1612" s="71" t="s">
        <v>5073</v>
      </c>
      <c r="L1612" s="52" t="s">
        <v>2063</v>
      </c>
      <c r="M1612" s="72">
        <v>4397</v>
      </c>
      <c r="N1612" s="52" t="s">
        <v>2072</v>
      </c>
      <c r="O1612" s="52" t="s">
        <v>2073</v>
      </c>
      <c r="P1612" s="52"/>
      <c r="Q1612" s="52"/>
      <c r="R1612" s="52"/>
      <c r="S1612" s="52"/>
      <c r="T1612" s="52"/>
      <c r="U1612" s="52"/>
      <c r="V1612" s="52"/>
      <c r="W1612" s="52"/>
    </row>
    <row r="1613" spans="1:23" x14ac:dyDescent="0.35">
      <c r="A1613" s="52" t="s">
        <v>78</v>
      </c>
      <c r="B1613" s="52" t="s">
        <v>79</v>
      </c>
      <c r="C1613" s="3">
        <v>212</v>
      </c>
      <c r="D1613" s="52" t="s">
        <v>2020</v>
      </c>
      <c r="E1613" s="52" t="s">
        <v>26</v>
      </c>
      <c r="F1613" s="52" t="s">
        <v>81</v>
      </c>
      <c r="G1613" s="52" t="s">
        <v>82</v>
      </c>
      <c r="H1613" s="4">
        <v>1</v>
      </c>
      <c r="I1613" s="2">
        <v>14.65</v>
      </c>
      <c r="J1613" s="52" t="s">
        <v>5074</v>
      </c>
      <c r="K1613" s="71" t="s">
        <v>5075</v>
      </c>
      <c r="L1613" s="52" t="s">
        <v>2063</v>
      </c>
      <c r="M1613" s="72">
        <v>7193</v>
      </c>
      <c r="N1613" s="52" t="s">
        <v>2076</v>
      </c>
      <c r="O1613" s="52" t="s">
        <v>2077</v>
      </c>
      <c r="P1613" s="52"/>
      <c r="Q1613" s="52"/>
      <c r="R1613" s="52"/>
      <c r="S1613" s="52"/>
      <c r="T1613" s="52"/>
      <c r="U1613" s="52"/>
      <c r="V1613" s="52"/>
      <c r="W1613" s="52"/>
    </row>
    <row r="1614" spans="1:23" hidden="1" x14ac:dyDescent="0.35">
      <c r="A1614" s="52" t="s">
        <v>78</v>
      </c>
      <c r="B1614" s="52" t="s">
        <v>79</v>
      </c>
      <c r="C1614" s="3">
        <v>10</v>
      </c>
      <c r="D1614" s="52" t="s">
        <v>86</v>
      </c>
      <c r="E1614" s="52" t="s">
        <v>26</v>
      </c>
      <c r="F1614" s="52" t="s">
        <v>81</v>
      </c>
      <c r="G1614" s="52" t="s">
        <v>82</v>
      </c>
      <c r="H1614" s="4">
        <v>1</v>
      </c>
      <c r="I1614" s="2">
        <v>14.65</v>
      </c>
      <c r="J1614" s="52" t="s">
        <v>5076</v>
      </c>
      <c r="K1614" s="71" t="s">
        <v>5077</v>
      </c>
      <c r="L1614" s="52" t="s">
        <v>2063</v>
      </c>
      <c r="M1614" s="72">
        <v>164</v>
      </c>
      <c r="N1614" s="52" t="s">
        <v>2072</v>
      </c>
      <c r="O1614" s="52" t="s">
        <v>2073</v>
      </c>
      <c r="P1614" s="52"/>
      <c r="Q1614" s="52"/>
      <c r="R1614" s="52"/>
      <c r="S1614" s="52"/>
      <c r="T1614" s="52"/>
      <c r="U1614" s="52"/>
      <c r="V1614" s="52"/>
      <c r="W1614" s="52"/>
    </row>
    <row r="1615" spans="1:23" hidden="1" x14ac:dyDescent="0.35">
      <c r="A1615" s="52" t="s">
        <v>78</v>
      </c>
      <c r="B1615" s="52" t="s">
        <v>79</v>
      </c>
      <c r="C1615" s="3">
        <v>211</v>
      </c>
      <c r="D1615" s="52" t="s">
        <v>2023</v>
      </c>
      <c r="E1615" s="52" t="s">
        <v>26</v>
      </c>
      <c r="F1615" s="52" t="s">
        <v>81</v>
      </c>
      <c r="G1615" s="52" t="s">
        <v>82</v>
      </c>
      <c r="H1615" s="4">
        <v>1</v>
      </c>
      <c r="I1615" s="2">
        <v>14.65</v>
      </c>
      <c r="J1615" s="52" t="s">
        <v>5078</v>
      </c>
      <c r="K1615" s="71" t="s">
        <v>5079</v>
      </c>
      <c r="L1615" s="52" t="s">
        <v>2063</v>
      </c>
      <c r="M1615" s="72">
        <v>6391</v>
      </c>
      <c r="N1615" s="52" t="s">
        <v>2066</v>
      </c>
      <c r="O1615" s="52" t="s">
        <v>2067</v>
      </c>
      <c r="P1615" s="52"/>
      <c r="Q1615" s="52"/>
      <c r="R1615" s="52"/>
      <c r="S1615" s="52"/>
      <c r="T1615" s="52"/>
      <c r="U1615" s="52"/>
      <c r="V1615" s="52"/>
      <c r="W1615" s="52"/>
    </row>
    <row r="1616" spans="1:23" hidden="1" x14ac:dyDescent="0.35">
      <c r="A1616" s="52" t="s">
        <v>78</v>
      </c>
      <c r="B1616" s="52" t="s">
        <v>79</v>
      </c>
      <c r="C1616" s="3">
        <v>10</v>
      </c>
      <c r="D1616" s="52" t="s">
        <v>87</v>
      </c>
      <c r="E1616" s="52" t="s">
        <v>26</v>
      </c>
      <c r="F1616" s="52" t="s">
        <v>81</v>
      </c>
      <c r="G1616" s="52" t="s">
        <v>82</v>
      </c>
      <c r="H1616" s="4">
        <v>1</v>
      </c>
      <c r="I1616" s="2">
        <v>14.65</v>
      </c>
      <c r="J1616" s="52" t="s">
        <v>5080</v>
      </c>
      <c r="K1616" s="71" t="s">
        <v>5081</v>
      </c>
      <c r="L1616" s="52" t="s">
        <v>2063</v>
      </c>
      <c r="M1616" s="72">
        <v>9000</v>
      </c>
      <c r="N1616" s="52" t="s">
        <v>2072</v>
      </c>
      <c r="O1616" s="52" t="s">
        <v>2073</v>
      </c>
      <c r="P1616" s="52"/>
      <c r="Q1616" s="52"/>
      <c r="R1616" s="52"/>
      <c r="S1616" s="52"/>
      <c r="T1616" s="52"/>
      <c r="U1616" s="52"/>
      <c r="V1616" s="52"/>
      <c r="W1616" s="52"/>
    </row>
    <row r="1617" spans="1:23" hidden="1" x14ac:dyDescent="0.35">
      <c r="A1617" s="52" t="s">
        <v>78</v>
      </c>
      <c r="B1617" s="52" t="s">
        <v>79</v>
      </c>
      <c r="C1617" s="3">
        <v>20</v>
      </c>
      <c r="D1617" s="52" t="s">
        <v>2022</v>
      </c>
      <c r="E1617" s="52" t="s">
        <v>26</v>
      </c>
      <c r="F1617" s="52" t="s">
        <v>81</v>
      </c>
      <c r="G1617" s="52" t="s">
        <v>82</v>
      </c>
      <c r="H1617" s="4">
        <v>1</v>
      </c>
      <c r="I1617" s="2">
        <v>14.65</v>
      </c>
      <c r="J1617" s="52" t="s">
        <v>5082</v>
      </c>
      <c r="K1617" s="71" t="s">
        <v>5083</v>
      </c>
      <c r="L1617" s="52" t="s">
        <v>2063</v>
      </c>
      <c r="M1617" s="72">
        <v>7984</v>
      </c>
      <c r="N1617" s="52"/>
      <c r="O1617" s="52"/>
      <c r="P1617" s="52"/>
      <c r="Q1617" s="52"/>
      <c r="R1617" s="52"/>
      <c r="S1617" s="52"/>
      <c r="T1617" s="52"/>
      <c r="U1617" s="52"/>
      <c r="V1617" s="52"/>
      <c r="W1617" s="52"/>
    </row>
    <row r="1618" spans="1:23" hidden="1" x14ac:dyDescent="0.35">
      <c r="A1618" s="52" t="s">
        <v>78</v>
      </c>
      <c r="B1618" s="52" t="s">
        <v>79</v>
      </c>
      <c r="C1618" s="3">
        <v>211</v>
      </c>
      <c r="D1618" s="52" t="s">
        <v>2022</v>
      </c>
      <c r="E1618" s="52" t="s">
        <v>26</v>
      </c>
      <c r="F1618" s="52" t="s">
        <v>81</v>
      </c>
      <c r="G1618" s="52" t="s">
        <v>82</v>
      </c>
      <c r="H1618" s="4">
        <v>1</v>
      </c>
      <c r="I1618" s="2">
        <v>14.65</v>
      </c>
      <c r="J1618" s="52" t="s">
        <v>5084</v>
      </c>
      <c r="K1618" s="71" t="s">
        <v>5085</v>
      </c>
      <c r="L1618" s="52" t="s">
        <v>2063</v>
      </c>
      <c r="M1618" s="72">
        <v>8370</v>
      </c>
      <c r="N1618" s="52" t="s">
        <v>2072</v>
      </c>
      <c r="O1618" s="52" t="s">
        <v>2073</v>
      </c>
      <c r="P1618" s="52"/>
      <c r="Q1618" s="52"/>
      <c r="R1618" s="52"/>
      <c r="S1618" s="52"/>
      <c r="T1618" s="52"/>
      <c r="U1618" s="52"/>
      <c r="V1618" s="52"/>
      <c r="W1618" s="52"/>
    </row>
    <row r="1619" spans="1:23" hidden="1" x14ac:dyDescent="0.35">
      <c r="A1619" s="52" t="s">
        <v>78</v>
      </c>
      <c r="B1619" s="52" t="s">
        <v>79</v>
      </c>
      <c r="C1619" s="3">
        <v>20</v>
      </c>
      <c r="D1619" s="52" t="s">
        <v>86</v>
      </c>
      <c r="E1619" s="52" t="s">
        <v>26</v>
      </c>
      <c r="F1619" s="52" t="s">
        <v>81</v>
      </c>
      <c r="G1619" s="52" t="s">
        <v>82</v>
      </c>
      <c r="H1619" s="4">
        <v>1</v>
      </c>
      <c r="I1619" s="2">
        <v>14.65</v>
      </c>
      <c r="J1619" s="52" t="s">
        <v>5086</v>
      </c>
      <c r="K1619" s="71" t="s">
        <v>5087</v>
      </c>
      <c r="L1619" s="52" t="s">
        <v>2063</v>
      </c>
      <c r="M1619" s="72">
        <v>1344</v>
      </c>
      <c r="N1619" s="52" t="s">
        <v>2066</v>
      </c>
      <c r="O1619" s="52" t="s">
        <v>2067</v>
      </c>
      <c r="P1619" s="52"/>
      <c r="Q1619" s="52"/>
      <c r="R1619" s="52"/>
      <c r="S1619" s="52"/>
      <c r="T1619" s="52"/>
      <c r="U1619" s="52"/>
      <c r="V1619" s="52"/>
      <c r="W1619" s="52"/>
    </row>
    <row r="1620" spans="1:23" x14ac:dyDescent="0.35">
      <c r="A1620" s="52" t="s">
        <v>78</v>
      </c>
      <c r="B1620" s="52" t="s">
        <v>79</v>
      </c>
      <c r="C1620" s="3">
        <v>20</v>
      </c>
      <c r="D1620" s="52" t="s">
        <v>2022</v>
      </c>
      <c r="E1620" s="52" t="s">
        <v>26</v>
      </c>
      <c r="F1620" s="52" t="s">
        <v>81</v>
      </c>
      <c r="G1620" s="52" t="s">
        <v>82</v>
      </c>
      <c r="H1620" s="4">
        <v>1</v>
      </c>
      <c r="I1620" s="2">
        <v>14.65</v>
      </c>
      <c r="J1620" s="52" t="s">
        <v>3694</v>
      </c>
      <c r="K1620" s="71" t="s">
        <v>5088</v>
      </c>
      <c r="L1620" s="52" t="s">
        <v>2063</v>
      </c>
      <c r="M1620" s="72">
        <v>5403</v>
      </c>
      <c r="N1620" s="52" t="s">
        <v>2076</v>
      </c>
      <c r="O1620" s="52" t="s">
        <v>2077</v>
      </c>
      <c r="P1620" s="52"/>
      <c r="Q1620" s="52"/>
      <c r="R1620" s="52"/>
      <c r="S1620" s="52"/>
      <c r="T1620" s="52"/>
      <c r="U1620" s="52"/>
      <c r="V1620" s="52"/>
      <c r="W1620" s="52"/>
    </row>
    <row r="1621" spans="1:23" hidden="1" x14ac:dyDescent="0.35">
      <c r="A1621" s="52" t="s">
        <v>78</v>
      </c>
      <c r="B1621" s="52" t="s">
        <v>79</v>
      </c>
      <c r="C1621" s="3">
        <v>20</v>
      </c>
      <c r="D1621" s="52" t="s">
        <v>87</v>
      </c>
      <c r="E1621" s="52" t="s">
        <v>26</v>
      </c>
      <c r="F1621" s="52" t="s">
        <v>81</v>
      </c>
      <c r="G1621" s="52" t="s">
        <v>82</v>
      </c>
      <c r="H1621" s="4">
        <v>1</v>
      </c>
      <c r="I1621" s="2">
        <v>14.65</v>
      </c>
      <c r="J1621" s="52" t="s">
        <v>5089</v>
      </c>
      <c r="K1621" s="71" t="s">
        <v>5090</v>
      </c>
      <c r="L1621" s="52" t="s">
        <v>2063</v>
      </c>
      <c r="M1621" s="72">
        <v>432</v>
      </c>
      <c r="N1621" s="52"/>
      <c r="O1621" s="52"/>
      <c r="P1621" s="52"/>
      <c r="Q1621" s="52"/>
      <c r="R1621" s="52"/>
      <c r="S1621" s="52"/>
      <c r="T1621" s="52"/>
      <c r="U1621" s="52"/>
      <c r="V1621" s="52"/>
      <c r="W1621" s="52"/>
    </row>
    <row r="1622" spans="1:23" x14ac:dyDescent="0.35">
      <c r="A1622" s="52" t="s">
        <v>78</v>
      </c>
      <c r="B1622" s="52" t="s">
        <v>79</v>
      </c>
      <c r="C1622" s="3">
        <v>20</v>
      </c>
      <c r="D1622" s="52" t="s">
        <v>87</v>
      </c>
      <c r="E1622" s="52" t="s">
        <v>26</v>
      </c>
      <c r="F1622" s="52" t="s">
        <v>81</v>
      </c>
      <c r="G1622" s="52" t="s">
        <v>82</v>
      </c>
      <c r="H1622" s="4">
        <v>1</v>
      </c>
      <c r="I1622" s="2">
        <v>14.65</v>
      </c>
      <c r="J1622" s="52" t="s">
        <v>5091</v>
      </c>
      <c r="K1622" s="71" t="s">
        <v>5092</v>
      </c>
      <c r="L1622" s="52" t="s">
        <v>2063</v>
      </c>
      <c r="M1622" s="72">
        <v>9138</v>
      </c>
      <c r="N1622" s="52" t="s">
        <v>2076</v>
      </c>
      <c r="O1622" s="52" t="s">
        <v>2077</v>
      </c>
      <c r="P1622" s="52"/>
      <c r="Q1622" s="52"/>
      <c r="R1622" s="52"/>
      <c r="S1622" s="52"/>
      <c r="T1622" s="52"/>
      <c r="U1622" s="52"/>
      <c r="V1622" s="52"/>
      <c r="W1622" s="52"/>
    </row>
    <row r="1623" spans="1:23" hidden="1" x14ac:dyDescent="0.35">
      <c r="A1623" s="52" t="s">
        <v>78</v>
      </c>
      <c r="B1623" s="52" t="s">
        <v>79</v>
      </c>
      <c r="C1623" s="3">
        <v>20</v>
      </c>
      <c r="D1623" s="52" t="s">
        <v>84</v>
      </c>
      <c r="E1623" s="52" t="s">
        <v>26</v>
      </c>
      <c r="F1623" s="52" t="s">
        <v>81</v>
      </c>
      <c r="G1623" s="52" t="s">
        <v>82</v>
      </c>
      <c r="H1623" s="4">
        <v>1</v>
      </c>
      <c r="I1623" s="2">
        <v>14.65</v>
      </c>
      <c r="J1623" s="52" t="s">
        <v>5093</v>
      </c>
      <c r="K1623" s="71" t="s">
        <v>5094</v>
      </c>
      <c r="L1623" s="52" t="s">
        <v>2063</v>
      </c>
      <c r="M1623" s="72">
        <v>6634</v>
      </c>
      <c r="N1623" s="52" t="s">
        <v>2158</v>
      </c>
      <c r="O1623" s="52" t="s">
        <v>2159</v>
      </c>
      <c r="P1623" s="52"/>
      <c r="Q1623" s="52"/>
      <c r="R1623" s="52"/>
      <c r="S1623" s="52"/>
      <c r="T1623" s="52"/>
      <c r="U1623" s="52"/>
      <c r="V1623" s="52"/>
      <c r="W1623" s="52"/>
    </row>
    <row r="1624" spans="1:23" hidden="1" x14ac:dyDescent="0.35">
      <c r="A1624" s="52" t="s">
        <v>78</v>
      </c>
      <c r="B1624" s="52" t="s">
        <v>79</v>
      </c>
      <c r="C1624" s="3">
        <v>20</v>
      </c>
      <c r="D1624" s="52" t="s">
        <v>86</v>
      </c>
      <c r="E1624" s="52" t="s">
        <v>26</v>
      </c>
      <c r="F1624" s="52" t="s">
        <v>81</v>
      </c>
      <c r="G1624" s="52" t="s">
        <v>82</v>
      </c>
      <c r="H1624" s="4">
        <v>1</v>
      </c>
      <c r="I1624" s="2">
        <v>14.65</v>
      </c>
      <c r="J1624" s="52" t="s">
        <v>5095</v>
      </c>
      <c r="K1624" s="71" t="s">
        <v>5096</v>
      </c>
      <c r="L1624" s="52" t="s">
        <v>2063</v>
      </c>
      <c r="M1624" s="72">
        <v>3763</v>
      </c>
      <c r="N1624" s="52" t="s">
        <v>2072</v>
      </c>
      <c r="O1624" s="52" t="s">
        <v>2073</v>
      </c>
      <c r="P1624" s="52"/>
      <c r="Q1624" s="52"/>
      <c r="R1624" s="52"/>
      <c r="S1624" s="52"/>
      <c r="T1624" s="52"/>
      <c r="U1624" s="52"/>
      <c r="V1624" s="52"/>
      <c r="W1624" s="52"/>
    </row>
    <row r="1625" spans="1:23" hidden="1" x14ac:dyDescent="0.35">
      <c r="A1625" s="52" t="s">
        <v>78</v>
      </c>
      <c r="B1625" s="52" t="s">
        <v>79</v>
      </c>
      <c r="C1625" s="3">
        <v>20</v>
      </c>
      <c r="D1625" s="52" t="s">
        <v>2019</v>
      </c>
      <c r="E1625" s="52" t="s">
        <v>26</v>
      </c>
      <c r="F1625" s="52" t="s">
        <v>81</v>
      </c>
      <c r="G1625" s="52" t="s">
        <v>82</v>
      </c>
      <c r="H1625" s="4">
        <v>1</v>
      </c>
      <c r="I1625" s="2">
        <v>14.65</v>
      </c>
      <c r="J1625" s="52" t="s">
        <v>5097</v>
      </c>
      <c r="K1625" s="71" t="s">
        <v>5098</v>
      </c>
      <c r="L1625" s="52" t="s">
        <v>2063</v>
      </c>
      <c r="M1625" s="72">
        <v>9745</v>
      </c>
      <c r="N1625" s="52" t="s">
        <v>2304</v>
      </c>
      <c r="O1625" s="52" t="s">
        <v>2305</v>
      </c>
      <c r="P1625" s="52"/>
      <c r="Q1625" s="52"/>
      <c r="R1625" s="52"/>
      <c r="S1625" s="52"/>
      <c r="T1625" s="52"/>
      <c r="U1625" s="52"/>
      <c r="V1625" s="52"/>
      <c r="W1625" s="52"/>
    </row>
    <row r="1626" spans="1:23" hidden="1" x14ac:dyDescent="0.35">
      <c r="A1626" s="52" t="s">
        <v>78</v>
      </c>
      <c r="B1626" s="52" t="s">
        <v>79</v>
      </c>
      <c r="C1626" s="3">
        <v>10</v>
      </c>
      <c r="D1626" s="52" t="s">
        <v>2022</v>
      </c>
      <c r="E1626" s="52" t="s">
        <v>26</v>
      </c>
      <c r="F1626" s="52" t="s">
        <v>81</v>
      </c>
      <c r="G1626" s="52" t="s">
        <v>82</v>
      </c>
      <c r="H1626" s="4">
        <v>1</v>
      </c>
      <c r="I1626" s="2">
        <v>14.65</v>
      </c>
      <c r="J1626" s="52" t="s">
        <v>5099</v>
      </c>
      <c r="K1626" s="71" t="s">
        <v>5100</v>
      </c>
      <c r="L1626" s="52" t="s">
        <v>2063</v>
      </c>
      <c r="M1626" s="72">
        <v>3529</v>
      </c>
      <c r="N1626" s="52" t="s">
        <v>2066</v>
      </c>
      <c r="O1626" s="52" t="s">
        <v>2067</v>
      </c>
      <c r="P1626" s="52"/>
      <c r="Q1626" s="52"/>
      <c r="R1626" s="52"/>
      <c r="S1626" s="52"/>
      <c r="T1626" s="52"/>
      <c r="U1626" s="52"/>
      <c r="V1626" s="52"/>
      <c r="W1626" s="52"/>
    </row>
    <row r="1627" spans="1:23" hidden="1" x14ac:dyDescent="0.35">
      <c r="A1627" s="52" t="s">
        <v>78</v>
      </c>
      <c r="B1627" s="52" t="s">
        <v>79</v>
      </c>
      <c r="C1627" s="3">
        <v>20</v>
      </c>
      <c r="D1627" s="52" t="s">
        <v>2020</v>
      </c>
      <c r="E1627" s="52" t="s">
        <v>26</v>
      </c>
      <c r="F1627" s="52" t="s">
        <v>81</v>
      </c>
      <c r="G1627" s="52" t="s">
        <v>82</v>
      </c>
      <c r="H1627" s="4">
        <v>1</v>
      </c>
      <c r="I1627" s="2">
        <v>14.65</v>
      </c>
      <c r="J1627" s="52" t="s">
        <v>5101</v>
      </c>
      <c r="K1627" s="71" t="s">
        <v>5102</v>
      </c>
      <c r="L1627" s="52" t="s">
        <v>2063</v>
      </c>
      <c r="M1627" s="72">
        <v>2015</v>
      </c>
      <c r="N1627" s="52" t="s">
        <v>2072</v>
      </c>
      <c r="O1627" s="52" t="s">
        <v>2073</v>
      </c>
      <c r="P1627" s="52"/>
      <c r="Q1627" s="52"/>
      <c r="R1627" s="52"/>
      <c r="S1627" s="52"/>
      <c r="T1627" s="52"/>
      <c r="U1627" s="52"/>
      <c r="V1627" s="52"/>
      <c r="W1627" s="52"/>
    </row>
    <row r="1628" spans="1:23" hidden="1" x14ac:dyDescent="0.35">
      <c r="A1628" s="52" t="s">
        <v>78</v>
      </c>
      <c r="B1628" s="52" t="s">
        <v>79</v>
      </c>
      <c r="C1628" s="3">
        <v>211</v>
      </c>
      <c r="D1628" s="52" t="s">
        <v>84</v>
      </c>
      <c r="E1628" s="52" t="s">
        <v>26</v>
      </c>
      <c r="F1628" s="52" t="s">
        <v>81</v>
      </c>
      <c r="G1628" s="52" t="s">
        <v>82</v>
      </c>
      <c r="H1628" s="4">
        <v>1</v>
      </c>
      <c r="I1628" s="2">
        <v>14.65</v>
      </c>
      <c r="J1628" s="52" t="s">
        <v>5103</v>
      </c>
      <c r="K1628" s="71" t="s">
        <v>5104</v>
      </c>
      <c r="L1628" s="52" t="s">
        <v>2063</v>
      </c>
      <c r="M1628" s="72">
        <v>3480</v>
      </c>
      <c r="N1628" s="52" t="s">
        <v>2072</v>
      </c>
      <c r="O1628" s="52" t="s">
        <v>2073</v>
      </c>
      <c r="P1628" s="52"/>
      <c r="Q1628" s="52"/>
      <c r="R1628" s="52"/>
      <c r="S1628" s="52"/>
      <c r="T1628" s="52"/>
      <c r="U1628" s="52"/>
      <c r="V1628" s="52"/>
      <c r="W1628" s="52"/>
    </row>
    <row r="1629" spans="1:23" hidden="1" x14ac:dyDescent="0.35">
      <c r="A1629" s="52" t="s">
        <v>78</v>
      </c>
      <c r="B1629" s="52" t="s">
        <v>79</v>
      </c>
      <c r="C1629" s="3">
        <v>10</v>
      </c>
      <c r="D1629" s="52" t="s">
        <v>85</v>
      </c>
      <c r="E1629" s="52" t="s">
        <v>26</v>
      </c>
      <c r="F1629" s="52" t="s">
        <v>81</v>
      </c>
      <c r="G1629" s="52" t="s">
        <v>82</v>
      </c>
      <c r="H1629" s="4">
        <v>1</v>
      </c>
      <c r="I1629" s="2">
        <v>14.65</v>
      </c>
      <c r="J1629" s="52" t="s">
        <v>4169</v>
      </c>
      <c r="K1629" s="71" t="s">
        <v>5105</v>
      </c>
      <c r="L1629" s="52" t="s">
        <v>2063</v>
      </c>
      <c r="M1629" s="72">
        <v>1848</v>
      </c>
      <c r="N1629" s="52" t="s">
        <v>2154</v>
      </c>
      <c r="O1629" s="52" t="s">
        <v>2155</v>
      </c>
      <c r="P1629" s="52"/>
      <c r="Q1629" s="52"/>
      <c r="R1629" s="52"/>
      <c r="S1629" s="52"/>
      <c r="T1629" s="52"/>
      <c r="U1629" s="52"/>
      <c r="V1629" s="52"/>
      <c r="W1629" s="52"/>
    </row>
    <row r="1630" spans="1:23" hidden="1" x14ac:dyDescent="0.35">
      <c r="A1630" s="52" t="s">
        <v>78</v>
      </c>
      <c r="B1630" s="52" t="s">
        <v>79</v>
      </c>
      <c r="C1630" s="3">
        <v>10</v>
      </c>
      <c r="D1630" s="52" t="s">
        <v>87</v>
      </c>
      <c r="E1630" s="52" t="s">
        <v>26</v>
      </c>
      <c r="F1630" s="52" t="s">
        <v>81</v>
      </c>
      <c r="G1630" s="52" t="s">
        <v>82</v>
      </c>
      <c r="H1630" s="4">
        <v>1</v>
      </c>
      <c r="I1630" s="2">
        <v>14.65</v>
      </c>
      <c r="J1630" s="52" t="s">
        <v>5106</v>
      </c>
      <c r="K1630" s="71" t="s">
        <v>5107</v>
      </c>
      <c r="L1630" s="52" t="s">
        <v>2063</v>
      </c>
      <c r="M1630" s="72">
        <v>6604</v>
      </c>
      <c r="N1630" s="52" t="s">
        <v>2072</v>
      </c>
      <c r="O1630" s="52" t="s">
        <v>2073</v>
      </c>
      <c r="P1630" s="52"/>
      <c r="Q1630" s="52"/>
      <c r="R1630" s="52"/>
      <c r="S1630" s="52"/>
      <c r="T1630" s="52"/>
      <c r="U1630" s="52"/>
      <c r="V1630" s="52"/>
      <c r="W1630" s="52"/>
    </row>
    <row r="1631" spans="1:23" hidden="1" x14ac:dyDescent="0.35">
      <c r="A1631" s="52" t="s">
        <v>78</v>
      </c>
      <c r="B1631" s="52" t="s">
        <v>79</v>
      </c>
      <c r="C1631" s="3">
        <v>20</v>
      </c>
      <c r="D1631" s="52" t="s">
        <v>80</v>
      </c>
      <c r="E1631" s="52" t="s">
        <v>26</v>
      </c>
      <c r="F1631" s="52" t="s">
        <v>81</v>
      </c>
      <c r="G1631" s="52" t="s">
        <v>82</v>
      </c>
      <c r="H1631" s="4">
        <v>1</v>
      </c>
      <c r="I1631" s="2">
        <v>14.65</v>
      </c>
      <c r="J1631" s="52" t="s">
        <v>5108</v>
      </c>
      <c r="K1631" s="71" t="s">
        <v>5109</v>
      </c>
      <c r="L1631" s="52" t="s">
        <v>2063</v>
      </c>
      <c r="M1631" s="72">
        <v>3815</v>
      </c>
      <c r="N1631" s="52" t="s">
        <v>2072</v>
      </c>
      <c r="O1631" s="52" t="s">
        <v>2073</v>
      </c>
      <c r="P1631" s="52"/>
      <c r="Q1631" s="52"/>
      <c r="R1631" s="52"/>
      <c r="S1631" s="52"/>
      <c r="T1631" s="52"/>
      <c r="U1631" s="52"/>
      <c r="V1631" s="52"/>
      <c r="W1631" s="52"/>
    </row>
    <row r="1632" spans="1:23" hidden="1" x14ac:dyDescent="0.35">
      <c r="A1632" s="52" t="s">
        <v>78</v>
      </c>
      <c r="B1632" s="52" t="s">
        <v>79</v>
      </c>
      <c r="C1632" s="3">
        <v>20</v>
      </c>
      <c r="D1632" s="52" t="s">
        <v>80</v>
      </c>
      <c r="E1632" s="52" t="s">
        <v>26</v>
      </c>
      <c r="F1632" s="52" t="s">
        <v>81</v>
      </c>
      <c r="G1632" s="52" t="s">
        <v>82</v>
      </c>
      <c r="H1632" s="4">
        <v>1</v>
      </c>
      <c r="I1632" s="2">
        <v>14.65</v>
      </c>
      <c r="J1632" s="52" t="s">
        <v>5110</v>
      </c>
      <c r="K1632" s="71" t="s">
        <v>5111</v>
      </c>
      <c r="L1632" s="52" t="s">
        <v>2063</v>
      </c>
      <c r="M1632" s="72">
        <v>2967</v>
      </c>
      <c r="N1632" s="52" t="s">
        <v>2072</v>
      </c>
      <c r="O1632" s="52" t="s">
        <v>2073</v>
      </c>
      <c r="P1632" s="52"/>
      <c r="Q1632" s="52"/>
      <c r="R1632" s="52"/>
      <c r="S1632" s="52"/>
      <c r="T1632" s="52"/>
      <c r="U1632" s="52"/>
      <c r="V1632" s="52"/>
      <c r="W1632" s="52"/>
    </row>
    <row r="1633" spans="1:23" hidden="1" x14ac:dyDescent="0.35">
      <c r="A1633" s="52" t="s">
        <v>78</v>
      </c>
      <c r="B1633" s="52" t="s">
        <v>79</v>
      </c>
      <c r="C1633" s="3">
        <v>20</v>
      </c>
      <c r="D1633" s="52" t="s">
        <v>2021</v>
      </c>
      <c r="E1633" s="52" t="s">
        <v>26</v>
      </c>
      <c r="F1633" s="52" t="s">
        <v>81</v>
      </c>
      <c r="G1633" s="52" t="s">
        <v>82</v>
      </c>
      <c r="H1633" s="4">
        <v>1</v>
      </c>
      <c r="I1633" s="2">
        <v>14.65</v>
      </c>
      <c r="J1633" s="52" t="s">
        <v>5112</v>
      </c>
      <c r="K1633" s="71" t="s">
        <v>5113</v>
      </c>
      <c r="L1633" s="52" t="s">
        <v>2063</v>
      </c>
      <c r="M1633" s="72">
        <v>2572</v>
      </c>
      <c r="N1633" s="52" t="s">
        <v>2072</v>
      </c>
      <c r="O1633" s="52" t="s">
        <v>2073</v>
      </c>
      <c r="P1633" s="52"/>
      <c r="Q1633" s="52"/>
      <c r="R1633" s="52"/>
      <c r="S1633" s="52"/>
      <c r="T1633" s="52"/>
      <c r="U1633" s="52"/>
      <c r="V1633" s="52"/>
      <c r="W1633" s="52"/>
    </row>
    <row r="1634" spans="1:23" hidden="1" x14ac:dyDescent="0.35">
      <c r="A1634" s="52" t="s">
        <v>78</v>
      </c>
      <c r="B1634" s="52" t="s">
        <v>79</v>
      </c>
      <c r="C1634" s="3">
        <v>20</v>
      </c>
      <c r="D1634" s="52" t="s">
        <v>85</v>
      </c>
      <c r="E1634" s="52" t="s">
        <v>26</v>
      </c>
      <c r="F1634" s="52" t="s">
        <v>81</v>
      </c>
      <c r="G1634" s="52" t="s">
        <v>82</v>
      </c>
      <c r="H1634" s="4">
        <v>1</v>
      </c>
      <c r="I1634" s="2">
        <v>14.65</v>
      </c>
      <c r="J1634" s="52" t="s">
        <v>5114</v>
      </c>
      <c r="K1634" s="71" t="s">
        <v>5115</v>
      </c>
      <c r="L1634" s="52" t="s">
        <v>2063</v>
      </c>
      <c r="M1634" s="72">
        <v>5506</v>
      </c>
      <c r="N1634" s="52" t="s">
        <v>2072</v>
      </c>
      <c r="O1634" s="52" t="s">
        <v>2073</v>
      </c>
      <c r="P1634" s="52"/>
      <c r="Q1634" s="52"/>
      <c r="R1634" s="52"/>
      <c r="S1634" s="52"/>
      <c r="T1634" s="52"/>
      <c r="U1634" s="52"/>
      <c r="V1634" s="52"/>
      <c r="W1634" s="52"/>
    </row>
    <row r="1635" spans="1:23" hidden="1" x14ac:dyDescent="0.35">
      <c r="A1635" s="52" t="s">
        <v>78</v>
      </c>
      <c r="B1635" s="52" t="s">
        <v>79</v>
      </c>
      <c r="C1635" s="3">
        <v>20</v>
      </c>
      <c r="D1635" s="52" t="s">
        <v>84</v>
      </c>
      <c r="E1635" s="52" t="s">
        <v>26</v>
      </c>
      <c r="F1635" s="52" t="s">
        <v>81</v>
      </c>
      <c r="G1635" s="52" t="s">
        <v>82</v>
      </c>
      <c r="H1635" s="4">
        <v>1</v>
      </c>
      <c r="I1635" s="2">
        <v>14.65</v>
      </c>
      <c r="J1635" s="52" t="s">
        <v>5116</v>
      </c>
      <c r="K1635" s="71" t="s">
        <v>5117</v>
      </c>
      <c r="L1635" s="52" t="s">
        <v>2063</v>
      </c>
      <c r="M1635" s="72">
        <v>8424</v>
      </c>
      <c r="N1635" s="52" t="s">
        <v>2066</v>
      </c>
      <c r="O1635" s="52" t="s">
        <v>2067</v>
      </c>
      <c r="P1635" s="52"/>
      <c r="Q1635" s="52"/>
      <c r="R1635" s="52"/>
      <c r="S1635" s="52"/>
      <c r="T1635" s="52"/>
      <c r="U1635" s="52"/>
      <c r="V1635" s="52"/>
      <c r="W1635" s="52"/>
    </row>
    <row r="1636" spans="1:23" hidden="1" x14ac:dyDescent="0.35">
      <c r="A1636" s="52" t="s">
        <v>78</v>
      </c>
      <c r="B1636" s="52" t="s">
        <v>79</v>
      </c>
      <c r="C1636" s="3">
        <v>20</v>
      </c>
      <c r="D1636" s="52" t="s">
        <v>2023</v>
      </c>
      <c r="E1636" s="52" t="s">
        <v>26</v>
      </c>
      <c r="F1636" s="52" t="s">
        <v>81</v>
      </c>
      <c r="G1636" s="52" t="s">
        <v>82</v>
      </c>
      <c r="H1636" s="4">
        <v>1</v>
      </c>
      <c r="I1636" s="2">
        <v>14.65</v>
      </c>
      <c r="J1636" s="52" t="s">
        <v>5118</v>
      </c>
      <c r="K1636" s="71" t="s">
        <v>5119</v>
      </c>
      <c r="L1636" s="52" t="s">
        <v>2063</v>
      </c>
      <c r="M1636" s="72">
        <v>5985</v>
      </c>
      <c r="N1636" s="52" t="s">
        <v>2072</v>
      </c>
      <c r="O1636" s="52" t="s">
        <v>2073</v>
      </c>
      <c r="P1636" s="52"/>
      <c r="Q1636" s="52"/>
      <c r="R1636" s="52"/>
      <c r="S1636" s="52"/>
      <c r="T1636" s="52"/>
      <c r="U1636" s="52"/>
      <c r="V1636" s="52"/>
      <c r="W1636" s="52"/>
    </row>
    <row r="1637" spans="1:23" x14ac:dyDescent="0.35">
      <c r="A1637" s="52" t="s">
        <v>78</v>
      </c>
      <c r="B1637" s="52" t="s">
        <v>79</v>
      </c>
      <c r="C1637" s="3">
        <v>211</v>
      </c>
      <c r="D1637" s="52" t="s">
        <v>83</v>
      </c>
      <c r="E1637" s="52" t="s">
        <v>26</v>
      </c>
      <c r="F1637" s="52" t="s">
        <v>81</v>
      </c>
      <c r="G1637" s="52" t="s">
        <v>82</v>
      </c>
      <c r="H1637" s="4">
        <v>1</v>
      </c>
      <c r="I1637" s="2">
        <v>14.65</v>
      </c>
      <c r="J1637" s="52" t="s">
        <v>5120</v>
      </c>
      <c r="K1637" s="71" t="s">
        <v>5121</v>
      </c>
      <c r="L1637" s="52" t="s">
        <v>2063</v>
      </c>
      <c r="M1637" s="72">
        <v>7424</v>
      </c>
      <c r="N1637" s="52" t="s">
        <v>2076</v>
      </c>
      <c r="O1637" s="52" t="s">
        <v>2077</v>
      </c>
      <c r="P1637" s="52"/>
      <c r="Q1637" s="52"/>
      <c r="R1637" s="52"/>
      <c r="S1637" s="52"/>
      <c r="T1637" s="52"/>
      <c r="U1637" s="52"/>
      <c r="V1637" s="52"/>
      <c r="W1637" s="52"/>
    </row>
    <row r="1638" spans="1:23" hidden="1" x14ac:dyDescent="0.35">
      <c r="A1638" s="52" t="s">
        <v>78</v>
      </c>
      <c r="B1638" s="52" t="s">
        <v>79</v>
      </c>
      <c r="C1638" s="3">
        <v>10</v>
      </c>
      <c r="D1638" s="52" t="s">
        <v>86</v>
      </c>
      <c r="E1638" s="52" t="s">
        <v>26</v>
      </c>
      <c r="F1638" s="52" t="s">
        <v>81</v>
      </c>
      <c r="G1638" s="52" t="s">
        <v>82</v>
      </c>
      <c r="H1638" s="4">
        <v>1</v>
      </c>
      <c r="I1638" s="2">
        <v>14.65</v>
      </c>
      <c r="J1638" s="52" t="s">
        <v>3348</v>
      </c>
      <c r="K1638" s="71" t="s">
        <v>5122</v>
      </c>
      <c r="L1638" s="52" t="s">
        <v>2063</v>
      </c>
      <c r="M1638" s="72">
        <v>2795</v>
      </c>
      <c r="N1638" s="52" t="s">
        <v>2072</v>
      </c>
      <c r="O1638" s="52" t="s">
        <v>2073</v>
      </c>
      <c r="P1638" s="52"/>
      <c r="Q1638" s="52"/>
      <c r="R1638" s="52"/>
      <c r="S1638" s="52"/>
      <c r="T1638" s="52"/>
      <c r="U1638" s="52"/>
      <c r="V1638" s="52"/>
      <c r="W1638" s="52"/>
    </row>
    <row r="1639" spans="1:23" x14ac:dyDescent="0.35">
      <c r="A1639" s="52" t="s">
        <v>78</v>
      </c>
      <c r="B1639" s="52" t="s">
        <v>79</v>
      </c>
      <c r="C1639" s="3">
        <v>10</v>
      </c>
      <c r="D1639" s="52" t="s">
        <v>2019</v>
      </c>
      <c r="E1639" s="52" t="s">
        <v>26</v>
      </c>
      <c r="F1639" s="52" t="s">
        <v>81</v>
      </c>
      <c r="G1639" s="52" t="s">
        <v>82</v>
      </c>
      <c r="H1639" s="4">
        <v>1</v>
      </c>
      <c r="I1639" s="2">
        <v>14.65</v>
      </c>
      <c r="J1639" s="52" t="s">
        <v>5123</v>
      </c>
      <c r="K1639" s="71" t="s">
        <v>5124</v>
      </c>
      <c r="L1639" s="52" t="s">
        <v>2063</v>
      </c>
      <c r="M1639" s="72">
        <v>6064</v>
      </c>
      <c r="N1639" s="52" t="s">
        <v>2076</v>
      </c>
      <c r="O1639" s="52" t="s">
        <v>2077</v>
      </c>
      <c r="P1639" s="52"/>
      <c r="Q1639" s="52"/>
      <c r="R1639" s="52"/>
      <c r="S1639" s="52"/>
      <c r="T1639" s="52"/>
      <c r="U1639" s="52"/>
      <c r="V1639" s="52"/>
      <c r="W1639" s="52"/>
    </row>
    <row r="1640" spans="1:23" hidden="1" x14ac:dyDescent="0.35">
      <c r="A1640" s="52" t="s">
        <v>78</v>
      </c>
      <c r="B1640" s="52" t="s">
        <v>79</v>
      </c>
      <c r="C1640" s="3">
        <v>230</v>
      </c>
      <c r="D1640" s="52" t="s">
        <v>2020</v>
      </c>
      <c r="E1640" s="52" t="s">
        <v>26</v>
      </c>
      <c r="F1640" s="52" t="s">
        <v>81</v>
      </c>
      <c r="G1640" s="52" t="s">
        <v>82</v>
      </c>
      <c r="H1640" s="4">
        <v>1</v>
      </c>
      <c r="I1640" s="2">
        <v>14.65</v>
      </c>
      <c r="J1640" s="52" t="s">
        <v>5125</v>
      </c>
      <c r="K1640" s="71" t="s">
        <v>5126</v>
      </c>
      <c r="L1640" s="52" t="s">
        <v>2063</v>
      </c>
      <c r="M1640" s="72">
        <v>9687</v>
      </c>
      <c r="N1640" s="52" t="s">
        <v>2072</v>
      </c>
      <c r="O1640" s="52" t="s">
        <v>2073</v>
      </c>
      <c r="P1640" s="52"/>
      <c r="Q1640" s="52"/>
      <c r="R1640" s="52"/>
      <c r="S1640" s="52"/>
      <c r="T1640" s="52"/>
      <c r="U1640" s="52"/>
      <c r="V1640" s="52"/>
      <c r="W1640" s="52"/>
    </row>
    <row r="1641" spans="1:23" x14ac:dyDescent="0.35">
      <c r="A1641" s="52" t="s">
        <v>78</v>
      </c>
      <c r="B1641" s="52" t="s">
        <v>79</v>
      </c>
      <c r="C1641" s="3">
        <v>20</v>
      </c>
      <c r="D1641" s="52" t="s">
        <v>84</v>
      </c>
      <c r="E1641" s="52" t="s">
        <v>26</v>
      </c>
      <c r="F1641" s="52" t="s">
        <v>81</v>
      </c>
      <c r="G1641" s="52" t="s">
        <v>82</v>
      </c>
      <c r="H1641" s="4">
        <v>1</v>
      </c>
      <c r="I1641" s="2">
        <v>14.65</v>
      </c>
      <c r="J1641" s="52" t="s">
        <v>5127</v>
      </c>
      <c r="K1641" s="71" t="s">
        <v>5128</v>
      </c>
      <c r="L1641" s="52" t="s">
        <v>2063</v>
      </c>
      <c r="M1641" s="72">
        <v>2486</v>
      </c>
      <c r="N1641" s="52" t="s">
        <v>2259</v>
      </c>
      <c r="O1641" s="52" t="s">
        <v>2260</v>
      </c>
      <c r="P1641" s="52"/>
      <c r="Q1641" s="52"/>
      <c r="R1641" s="52"/>
      <c r="S1641" s="52"/>
      <c r="T1641" s="52"/>
      <c r="U1641" s="52"/>
      <c r="V1641" s="52"/>
      <c r="W1641" s="52"/>
    </row>
    <row r="1642" spans="1:23" x14ac:dyDescent="0.35">
      <c r="A1642" s="52" t="s">
        <v>78</v>
      </c>
      <c r="B1642" s="52" t="s">
        <v>79</v>
      </c>
      <c r="C1642" s="3">
        <v>10</v>
      </c>
      <c r="D1642" s="52" t="s">
        <v>84</v>
      </c>
      <c r="E1642" s="52" t="s">
        <v>26</v>
      </c>
      <c r="F1642" s="52" t="s">
        <v>81</v>
      </c>
      <c r="G1642" s="52" t="s">
        <v>82</v>
      </c>
      <c r="H1642" s="4">
        <v>1</v>
      </c>
      <c r="I1642" s="2">
        <v>14.65</v>
      </c>
      <c r="J1642" s="52" t="s">
        <v>4415</v>
      </c>
      <c r="K1642" s="71" t="s">
        <v>5129</v>
      </c>
      <c r="L1642" s="52" t="s">
        <v>2063</v>
      </c>
      <c r="M1642" s="72">
        <v>8425</v>
      </c>
      <c r="N1642" s="52" t="s">
        <v>2076</v>
      </c>
      <c r="O1642" s="52" t="s">
        <v>2077</v>
      </c>
      <c r="P1642" s="52"/>
      <c r="Q1642" s="52"/>
      <c r="R1642" s="52"/>
      <c r="S1642" s="52"/>
      <c r="T1642" s="52"/>
      <c r="U1642" s="52"/>
      <c r="V1642" s="52"/>
      <c r="W1642" s="52"/>
    </row>
    <row r="1643" spans="1:23" hidden="1" x14ac:dyDescent="0.35">
      <c r="A1643" s="52" t="s">
        <v>78</v>
      </c>
      <c r="B1643" s="52" t="s">
        <v>79</v>
      </c>
      <c r="C1643" s="3">
        <v>10</v>
      </c>
      <c r="D1643" s="52" t="s">
        <v>2024</v>
      </c>
      <c r="E1643" s="52" t="s">
        <v>26</v>
      </c>
      <c r="F1643" s="52" t="s">
        <v>81</v>
      </c>
      <c r="G1643" s="52" t="s">
        <v>82</v>
      </c>
      <c r="H1643" s="4">
        <v>1</v>
      </c>
      <c r="I1643" s="2">
        <v>14.65</v>
      </c>
      <c r="J1643" s="52" t="s">
        <v>5130</v>
      </c>
      <c r="K1643" s="71" t="s">
        <v>5131</v>
      </c>
      <c r="L1643" s="52" t="s">
        <v>2063</v>
      </c>
      <c r="M1643" s="72">
        <v>5707</v>
      </c>
      <c r="N1643" s="52" t="s">
        <v>2158</v>
      </c>
      <c r="O1643" s="52" t="s">
        <v>2159</v>
      </c>
      <c r="P1643" s="52"/>
      <c r="Q1643" s="52"/>
      <c r="R1643" s="52"/>
      <c r="S1643" s="52"/>
      <c r="T1643" s="52"/>
      <c r="U1643" s="52"/>
      <c r="V1643" s="52"/>
      <c r="W1643" s="52"/>
    </row>
    <row r="1644" spans="1:23" hidden="1" x14ac:dyDescent="0.35">
      <c r="A1644" s="52" t="s">
        <v>78</v>
      </c>
      <c r="B1644" s="52" t="s">
        <v>79</v>
      </c>
      <c r="C1644" s="3">
        <v>20</v>
      </c>
      <c r="D1644" s="52" t="s">
        <v>80</v>
      </c>
      <c r="E1644" s="52" t="s">
        <v>26</v>
      </c>
      <c r="F1644" s="52" t="s">
        <v>81</v>
      </c>
      <c r="G1644" s="52" t="s">
        <v>82</v>
      </c>
      <c r="H1644" s="4">
        <v>1</v>
      </c>
      <c r="I1644" s="2">
        <v>14.65</v>
      </c>
      <c r="J1644" s="52" t="s">
        <v>5132</v>
      </c>
      <c r="K1644" s="71" t="s">
        <v>5133</v>
      </c>
      <c r="L1644" s="52" t="s">
        <v>2063</v>
      </c>
      <c r="M1644" s="72">
        <v>1493</v>
      </c>
      <c r="N1644" s="52" t="s">
        <v>2072</v>
      </c>
      <c r="O1644" s="52" t="s">
        <v>2073</v>
      </c>
      <c r="P1644" s="52"/>
      <c r="Q1644" s="52"/>
      <c r="R1644" s="52"/>
      <c r="S1644" s="52"/>
      <c r="T1644" s="52"/>
      <c r="U1644" s="52"/>
      <c r="V1644" s="52"/>
      <c r="W1644" s="52"/>
    </row>
    <row r="1645" spans="1:23" hidden="1" x14ac:dyDescent="0.35">
      <c r="A1645" s="52" t="s">
        <v>78</v>
      </c>
      <c r="B1645" s="52" t="s">
        <v>79</v>
      </c>
      <c r="C1645" s="3">
        <v>10</v>
      </c>
      <c r="D1645" s="52" t="s">
        <v>2024</v>
      </c>
      <c r="E1645" s="52" t="s">
        <v>26</v>
      </c>
      <c r="F1645" s="52" t="s">
        <v>81</v>
      </c>
      <c r="G1645" s="52" t="s">
        <v>82</v>
      </c>
      <c r="H1645" s="4">
        <v>1</v>
      </c>
      <c r="I1645" s="2">
        <v>14.65</v>
      </c>
      <c r="J1645" s="52" t="s">
        <v>5134</v>
      </c>
      <c r="K1645" s="71" t="s">
        <v>5135</v>
      </c>
      <c r="L1645" s="52" t="s">
        <v>2063</v>
      </c>
      <c r="M1645" s="72">
        <v>3139</v>
      </c>
      <c r="N1645" s="52"/>
      <c r="O1645" s="52"/>
      <c r="P1645" s="52"/>
      <c r="Q1645" s="52"/>
      <c r="R1645" s="52"/>
      <c r="S1645" s="52"/>
      <c r="T1645" s="52"/>
      <c r="U1645" s="52"/>
      <c r="V1645" s="52"/>
      <c r="W1645" s="52"/>
    </row>
    <row r="1646" spans="1:23" hidden="1" x14ac:dyDescent="0.35">
      <c r="A1646" s="52" t="s">
        <v>78</v>
      </c>
      <c r="B1646" s="52" t="s">
        <v>79</v>
      </c>
      <c r="C1646" s="3">
        <v>20</v>
      </c>
      <c r="D1646" s="52" t="s">
        <v>80</v>
      </c>
      <c r="E1646" s="52" t="s">
        <v>26</v>
      </c>
      <c r="F1646" s="52" t="s">
        <v>81</v>
      </c>
      <c r="G1646" s="52" t="s">
        <v>82</v>
      </c>
      <c r="H1646" s="4">
        <v>1</v>
      </c>
      <c r="I1646" s="2">
        <v>14.65</v>
      </c>
      <c r="J1646" s="52" t="s">
        <v>5136</v>
      </c>
      <c r="K1646" s="71" t="s">
        <v>5137</v>
      </c>
      <c r="L1646" s="52" t="s">
        <v>2063</v>
      </c>
      <c r="M1646" s="72">
        <v>8257</v>
      </c>
      <c r="N1646" s="52" t="s">
        <v>2072</v>
      </c>
      <c r="O1646" s="52" t="s">
        <v>2073</v>
      </c>
      <c r="P1646" s="52"/>
      <c r="Q1646" s="52"/>
      <c r="R1646" s="52"/>
      <c r="S1646" s="52"/>
      <c r="T1646" s="52"/>
      <c r="U1646" s="52"/>
      <c r="V1646" s="52"/>
      <c r="W1646" s="52"/>
    </row>
    <row r="1647" spans="1:23" hidden="1" x14ac:dyDescent="0.35">
      <c r="A1647" s="52" t="s">
        <v>78</v>
      </c>
      <c r="B1647" s="52" t="s">
        <v>79</v>
      </c>
      <c r="C1647" s="3">
        <v>10</v>
      </c>
      <c r="D1647" s="52" t="s">
        <v>80</v>
      </c>
      <c r="E1647" s="52" t="s">
        <v>26</v>
      </c>
      <c r="F1647" s="52" t="s">
        <v>81</v>
      </c>
      <c r="G1647" s="52" t="s">
        <v>82</v>
      </c>
      <c r="H1647" s="4">
        <v>1</v>
      </c>
      <c r="I1647" s="2">
        <v>14.65</v>
      </c>
      <c r="J1647" s="52" t="s">
        <v>5138</v>
      </c>
      <c r="K1647" s="71" t="s">
        <v>5139</v>
      </c>
      <c r="L1647" s="52" t="s">
        <v>2063</v>
      </c>
      <c r="M1647" s="72">
        <v>2028</v>
      </c>
      <c r="N1647" s="52" t="s">
        <v>2072</v>
      </c>
      <c r="O1647" s="52" t="s">
        <v>2073</v>
      </c>
      <c r="P1647" s="52"/>
      <c r="Q1647" s="52"/>
      <c r="R1647" s="52"/>
      <c r="S1647" s="52"/>
      <c r="T1647" s="52"/>
      <c r="U1647" s="52"/>
      <c r="V1647" s="52"/>
      <c r="W1647" s="52"/>
    </row>
    <row r="1648" spans="1:23" hidden="1" x14ac:dyDescent="0.35">
      <c r="A1648" s="52" t="s">
        <v>78</v>
      </c>
      <c r="B1648" s="52" t="s">
        <v>79</v>
      </c>
      <c r="C1648" s="3">
        <v>20</v>
      </c>
      <c r="D1648" s="52" t="s">
        <v>86</v>
      </c>
      <c r="E1648" s="52" t="s">
        <v>26</v>
      </c>
      <c r="F1648" s="52" t="s">
        <v>81</v>
      </c>
      <c r="G1648" s="52" t="s">
        <v>82</v>
      </c>
      <c r="H1648" s="4">
        <v>1</v>
      </c>
      <c r="I1648" s="2">
        <v>14.65</v>
      </c>
      <c r="J1648" s="52" t="s">
        <v>5140</v>
      </c>
      <c r="K1648" s="71" t="s">
        <v>5141</v>
      </c>
      <c r="L1648" s="52" t="s">
        <v>2063</v>
      </c>
      <c r="M1648" s="72">
        <v>8631</v>
      </c>
      <c r="N1648" s="52"/>
      <c r="O1648" s="52"/>
      <c r="P1648" s="52"/>
      <c r="Q1648" s="52"/>
      <c r="R1648" s="52"/>
      <c r="S1648" s="52"/>
      <c r="T1648" s="52"/>
      <c r="U1648" s="52"/>
      <c r="V1648" s="52"/>
      <c r="W1648" s="52"/>
    </row>
    <row r="1649" spans="1:23" hidden="1" x14ac:dyDescent="0.35">
      <c r="A1649" s="52" t="s">
        <v>78</v>
      </c>
      <c r="B1649" s="52" t="s">
        <v>79</v>
      </c>
      <c r="C1649" s="3">
        <v>10</v>
      </c>
      <c r="D1649" s="52" t="s">
        <v>2022</v>
      </c>
      <c r="E1649" s="52" t="s">
        <v>26</v>
      </c>
      <c r="F1649" s="52" t="s">
        <v>81</v>
      </c>
      <c r="G1649" s="52" t="s">
        <v>82</v>
      </c>
      <c r="H1649" s="4">
        <v>1</v>
      </c>
      <c r="I1649" s="2">
        <v>14.65</v>
      </c>
      <c r="J1649" s="52" t="s">
        <v>4042</v>
      </c>
      <c r="K1649" s="71" t="s">
        <v>5142</v>
      </c>
      <c r="L1649" s="52" t="s">
        <v>2063</v>
      </c>
      <c r="M1649" s="72">
        <v>6320</v>
      </c>
      <c r="N1649" s="52" t="s">
        <v>2066</v>
      </c>
      <c r="O1649" s="52" t="s">
        <v>2067</v>
      </c>
      <c r="P1649" s="52"/>
      <c r="Q1649" s="52"/>
      <c r="R1649" s="52"/>
      <c r="S1649" s="52"/>
      <c r="T1649" s="52"/>
      <c r="U1649" s="52"/>
      <c r="V1649" s="52"/>
      <c r="W1649" s="52"/>
    </row>
    <row r="1650" spans="1:23" hidden="1" x14ac:dyDescent="0.35">
      <c r="A1650" s="52" t="s">
        <v>78</v>
      </c>
      <c r="B1650" s="52" t="s">
        <v>79</v>
      </c>
      <c r="C1650" s="3">
        <v>20</v>
      </c>
      <c r="D1650" s="52" t="s">
        <v>84</v>
      </c>
      <c r="E1650" s="52" t="s">
        <v>26</v>
      </c>
      <c r="F1650" s="52" t="s">
        <v>81</v>
      </c>
      <c r="G1650" s="52" t="s">
        <v>82</v>
      </c>
      <c r="H1650" s="4">
        <v>1</v>
      </c>
      <c r="I1650" s="2">
        <v>14.65</v>
      </c>
      <c r="J1650" s="52" t="s">
        <v>5143</v>
      </c>
      <c r="K1650" s="71" t="s">
        <v>5144</v>
      </c>
      <c r="L1650" s="52" t="s">
        <v>2063</v>
      </c>
      <c r="M1650" s="72">
        <v>4949</v>
      </c>
      <c r="N1650" s="52" t="s">
        <v>2072</v>
      </c>
      <c r="O1650" s="52" t="s">
        <v>2073</v>
      </c>
      <c r="P1650" s="52"/>
      <c r="Q1650" s="52"/>
      <c r="R1650" s="52"/>
      <c r="S1650" s="52"/>
      <c r="T1650" s="52"/>
      <c r="U1650" s="52"/>
      <c r="V1650" s="52"/>
      <c r="W1650" s="52"/>
    </row>
    <row r="1651" spans="1:23" hidden="1" x14ac:dyDescent="0.35">
      <c r="A1651" s="52" t="s">
        <v>78</v>
      </c>
      <c r="B1651" s="52" t="s">
        <v>79</v>
      </c>
      <c r="C1651" s="3">
        <v>10</v>
      </c>
      <c r="D1651" s="52" t="s">
        <v>2022</v>
      </c>
      <c r="E1651" s="52" t="s">
        <v>26</v>
      </c>
      <c r="F1651" s="52" t="s">
        <v>81</v>
      </c>
      <c r="G1651" s="52" t="s">
        <v>82</v>
      </c>
      <c r="H1651" s="4">
        <v>1</v>
      </c>
      <c r="I1651" s="2">
        <v>14.65</v>
      </c>
      <c r="J1651" s="52" t="s">
        <v>5145</v>
      </c>
      <c r="K1651" s="71" t="s">
        <v>5146</v>
      </c>
      <c r="L1651" s="52" t="s">
        <v>2063</v>
      </c>
      <c r="M1651" s="72">
        <v>1734</v>
      </c>
      <c r="N1651" s="52"/>
      <c r="O1651" s="52"/>
      <c r="P1651" s="52"/>
      <c r="Q1651" s="52"/>
      <c r="R1651" s="52"/>
      <c r="S1651" s="52"/>
      <c r="T1651" s="52"/>
      <c r="U1651" s="52"/>
      <c r="V1651" s="52"/>
      <c r="W1651" s="52"/>
    </row>
    <row r="1652" spans="1:23" hidden="1" x14ac:dyDescent="0.35">
      <c r="A1652" s="52" t="s">
        <v>78</v>
      </c>
      <c r="B1652" s="52" t="s">
        <v>79</v>
      </c>
      <c r="C1652" s="3">
        <v>211</v>
      </c>
      <c r="D1652" s="52" t="s">
        <v>80</v>
      </c>
      <c r="E1652" s="52" t="s">
        <v>26</v>
      </c>
      <c r="F1652" s="52" t="s">
        <v>81</v>
      </c>
      <c r="G1652" s="52" t="s">
        <v>82</v>
      </c>
      <c r="H1652" s="4">
        <v>1</v>
      </c>
      <c r="I1652" s="2">
        <v>14.65</v>
      </c>
      <c r="J1652" s="52" t="s">
        <v>5147</v>
      </c>
      <c r="K1652" s="71" t="s">
        <v>5148</v>
      </c>
      <c r="L1652" s="52" t="s">
        <v>2063</v>
      </c>
      <c r="M1652" s="72">
        <v>7370</v>
      </c>
      <c r="N1652" s="52" t="s">
        <v>2304</v>
      </c>
      <c r="O1652" s="52" t="s">
        <v>2305</v>
      </c>
      <c r="P1652" s="52"/>
      <c r="Q1652" s="52"/>
      <c r="R1652" s="52"/>
      <c r="S1652" s="52"/>
      <c r="T1652" s="52"/>
      <c r="U1652" s="52"/>
      <c r="V1652" s="52"/>
      <c r="W1652" s="52"/>
    </row>
    <row r="1653" spans="1:23" x14ac:dyDescent="0.35">
      <c r="A1653" s="52" t="s">
        <v>78</v>
      </c>
      <c r="B1653" s="52" t="s">
        <v>79</v>
      </c>
      <c r="C1653" s="3">
        <v>10</v>
      </c>
      <c r="D1653" s="52" t="s">
        <v>80</v>
      </c>
      <c r="E1653" s="52" t="s">
        <v>26</v>
      </c>
      <c r="F1653" s="52" t="s">
        <v>81</v>
      </c>
      <c r="G1653" s="52" t="s">
        <v>82</v>
      </c>
      <c r="H1653" s="4">
        <v>1</v>
      </c>
      <c r="I1653" s="2">
        <v>14.65</v>
      </c>
      <c r="J1653" s="52" t="s">
        <v>5149</v>
      </c>
      <c r="K1653" s="71" t="s">
        <v>5150</v>
      </c>
      <c r="L1653" s="52" t="s">
        <v>2063</v>
      </c>
      <c r="M1653" s="72">
        <v>6496</v>
      </c>
      <c r="N1653" s="52" t="s">
        <v>2259</v>
      </c>
      <c r="O1653" s="52" t="s">
        <v>2260</v>
      </c>
      <c r="P1653" s="52"/>
      <c r="Q1653" s="52"/>
      <c r="R1653" s="52"/>
      <c r="S1653" s="52"/>
      <c r="T1653" s="52"/>
      <c r="U1653" s="52"/>
      <c r="V1653" s="52"/>
      <c r="W1653" s="52"/>
    </row>
    <row r="1654" spans="1:23" hidden="1" x14ac:dyDescent="0.35">
      <c r="A1654" s="52" t="s">
        <v>78</v>
      </c>
      <c r="B1654" s="52" t="s">
        <v>79</v>
      </c>
      <c r="C1654" s="3">
        <v>10</v>
      </c>
      <c r="D1654" s="52" t="s">
        <v>2021</v>
      </c>
      <c r="E1654" s="52" t="s">
        <v>26</v>
      </c>
      <c r="F1654" s="52" t="s">
        <v>81</v>
      </c>
      <c r="G1654" s="52" t="s">
        <v>82</v>
      </c>
      <c r="H1654" s="4">
        <v>1</v>
      </c>
      <c r="I1654" s="2">
        <v>14.65</v>
      </c>
      <c r="J1654" s="52" t="s">
        <v>5151</v>
      </c>
      <c r="K1654" s="71" t="s">
        <v>5152</v>
      </c>
      <c r="L1654" s="52" t="s">
        <v>2063</v>
      </c>
      <c r="M1654" s="72">
        <v>1734</v>
      </c>
      <c r="N1654" s="52" t="s">
        <v>2072</v>
      </c>
      <c r="O1654" s="52" t="s">
        <v>2073</v>
      </c>
      <c r="P1654" s="52"/>
      <c r="Q1654" s="52"/>
      <c r="R1654" s="52"/>
      <c r="S1654" s="52"/>
      <c r="T1654" s="52"/>
      <c r="U1654" s="52"/>
      <c r="V1654" s="52"/>
      <c r="W1654" s="52"/>
    </row>
    <row r="1655" spans="1:23" hidden="1" x14ac:dyDescent="0.35">
      <c r="A1655" s="52" t="s">
        <v>78</v>
      </c>
      <c r="B1655" s="52" t="s">
        <v>79</v>
      </c>
      <c r="C1655" s="3">
        <v>20</v>
      </c>
      <c r="D1655" s="52" t="s">
        <v>2023</v>
      </c>
      <c r="E1655" s="52" t="s">
        <v>26</v>
      </c>
      <c r="F1655" s="52" t="s">
        <v>81</v>
      </c>
      <c r="G1655" s="52" t="s">
        <v>82</v>
      </c>
      <c r="H1655" s="4">
        <v>1</v>
      </c>
      <c r="I1655" s="2">
        <v>14.65</v>
      </c>
      <c r="J1655" s="52" t="s">
        <v>5153</v>
      </c>
      <c r="K1655" s="71" t="s">
        <v>5154</v>
      </c>
      <c r="L1655" s="52" t="s">
        <v>2063</v>
      </c>
      <c r="M1655" s="72">
        <v>638</v>
      </c>
      <c r="N1655" s="52" t="s">
        <v>2304</v>
      </c>
      <c r="O1655" s="52" t="s">
        <v>2305</v>
      </c>
      <c r="P1655" s="52"/>
      <c r="Q1655" s="52"/>
      <c r="R1655" s="52"/>
      <c r="S1655" s="52"/>
      <c r="T1655" s="52"/>
      <c r="U1655" s="52"/>
      <c r="V1655" s="52"/>
      <c r="W1655" s="52"/>
    </row>
    <row r="1656" spans="1:23" hidden="1" x14ac:dyDescent="0.35">
      <c r="A1656" s="52" t="s">
        <v>78</v>
      </c>
      <c r="B1656" s="52" t="s">
        <v>79</v>
      </c>
      <c r="C1656" s="3">
        <v>20</v>
      </c>
      <c r="D1656" s="52" t="s">
        <v>87</v>
      </c>
      <c r="E1656" s="52" t="s">
        <v>26</v>
      </c>
      <c r="F1656" s="52" t="s">
        <v>81</v>
      </c>
      <c r="G1656" s="52" t="s">
        <v>82</v>
      </c>
      <c r="H1656" s="4">
        <v>1</v>
      </c>
      <c r="I1656" s="2">
        <v>14.65</v>
      </c>
      <c r="J1656" s="52" t="s">
        <v>5155</v>
      </c>
      <c r="K1656" s="71" t="s">
        <v>5156</v>
      </c>
      <c r="L1656" s="52" t="s">
        <v>2063</v>
      </c>
      <c r="M1656" s="72">
        <v>5993</v>
      </c>
      <c r="N1656" s="52" t="s">
        <v>2066</v>
      </c>
      <c r="O1656" s="52" t="s">
        <v>2067</v>
      </c>
      <c r="P1656" s="52"/>
      <c r="Q1656" s="52"/>
      <c r="R1656" s="52"/>
      <c r="S1656" s="52"/>
      <c r="T1656" s="52"/>
      <c r="U1656" s="52"/>
      <c r="V1656" s="52"/>
      <c r="W1656" s="52"/>
    </row>
    <row r="1657" spans="1:23" hidden="1" x14ac:dyDescent="0.35">
      <c r="A1657" s="52" t="s">
        <v>78</v>
      </c>
      <c r="B1657" s="52" t="s">
        <v>79</v>
      </c>
      <c r="C1657" s="3">
        <v>20</v>
      </c>
      <c r="D1657" s="52" t="s">
        <v>87</v>
      </c>
      <c r="E1657" s="52" t="s">
        <v>26</v>
      </c>
      <c r="F1657" s="52" t="s">
        <v>81</v>
      </c>
      <c r="G1657" s="52" t="s">
        <v>82</v>
      </c>
      <c r="H1657" s="4">
        <v>1</v>
      </c>
      <c r="I1657" s="2">
        <v>14.65</v>
      </c>
      <c r="J1657" s="52" t="s">
        <v>5157</v>
      </c>
      <c r="K1657" s="71" t="s">
        <v>5158</v>
      </c>
      <c r="L1657" s="52" t="s">
        <v>2063</v>
      </c>
      <c r="M1657" s="72">
        <v>6166</v>
      </c>
      <c r="N1657" s="52" t="s">
        <v>2072</v>
      </c>
      <c r="O1657" s="52" t="s">
        <v>2073</v>
      </c>
      <c r="P1657" s="52"/>
      <c r="Q1657" s="52"/>
      <c r="R1657" s="52"/>
      <c r="S1657" s="52"/>
      <c r="T1657" s="52"/>
      <c r="U1657" s="52"/>
      <c r="V1657" s="52"/>
      <c r="W1657" s="52"/>
    </row>
    <row r="1658" spans="1:23" hidden="1" x14ac:dyDescent="0.35">
      <c r="A1658" s="52" t="s">
        <v>78</v>
      </c>
      <c r="B1658" s="52" t="s">
        <v>79</v>
      </c>
      <c r="C1658" s="3">
        <v>10</v>
      </c>
      <c r="D1658" s="52" t="s">
        <v>87</v>
      </c>
      <c r="E1658" s="52" t="s">
        <v>26</v>
      </c>
      <c r="F1658" s="52" t="s">
        <v>81</v>
      </c>
      <c r="G1658" s="52" t="s">
        <v>82</v>
      </c>
      <c r="H1658" s="4">
        <v>1</v>
      </c>
      <c r="I1658" s="2">
        <v>14.65</v>
      </c>
      <c r="J1658" s="52" t="s">
        <v>4050</v>
      </c>
      <c r="K1658" s="71" t="s">
        <v>5159</v>
      </c>
      <c r="L1658" s="52" t="s">
        <v>2063</v>
      </c>
      <c r="M1658" s="72">
        <v>9675</v>
      </c>
      <c r="N1658" s="52" t="s">
        <v>2072</v>
      </c>
      <c r="O1658" s="52" t="s">
        <v>2073</v>
      </c>
      <c r="P1658" s="52"/>
      <c r="Q1658" s="52"/>
      <c r="R1658" s="52"/>
      <c r="S1658" s="52"/>
      <c r="T1658" s="52"/>
      <c r="U1658" s="52"/>
      <c r="V1658" s="52"/>
      <c r="W1658" s="52"/>
    </row>
    <row r="1659" spans="1:23" hidden="1" x14ac:dyDescent="0.35">
      <c r="A1659" s="52" t="s">
        <v>78</v>
      </c>
      <c r="B1659" s="52" t="s">
        <v>79</v>
      </c>
      <c r="C1659" s="3">
        <v>10</v>
      </c>
      <c r="D1659" s="52" t="s">
        <v>2023</v>
      </c>
      <c r="E1659" s="52" t="s">
        <v>26</v>
      </c>
      <c r="F1659" s="52" t="s">
        <v>81</v>
      </c>
      <c r="G1659" s="52" t="s">
        <v>82</v>
      </c>
      <c r="H1659" s="4">
        <v>1</v>
      </c>
      <c r="I1659" s="2">
        <v>14.65</v>
      </c>
      <c r="J1659" s="52" t="s">
        <v>5160</v>
      </c>
      <c r="K1659" s="71" t="s">
        <v>5161</v>
      </c>
      <c r="L1659" s="52" t="s">
        <v>2063</v>
      </c>
      <c r="M1659" s="72">
        <v>3058</v>
      </c>
      <c r="N1659" s="52" t="s">
        <v>2072</v>
      </c>
      <c r="O1659" s="52" t="s">
        <v>2073</v>
      </c>
      <c r="P1659" s="52"/>
      <c r="Q1659" s="52"/>
      <c r="R1659" s="52"/>
      <c r="S1659" s="52"/>
      <c r="T1659" s="52"/>
      <c r="U1659" s="52"/>
      <c r="V1659" s="52"/>
      <c r="W1659" s="52"/>
    </row>
    <row r="1660" spans="1:23" hidden="1" x14ac:dyDescent="0.35">
      <c r="A1660" s="52" t="s">
        <v>78</v>
      </c>
      <c r="B1660" s="52" t="s">
        <v>79</v>
      </c>
      <c r="C1660" s="3">
        <v>10</v>
      </c>
      <c r="D1660" s="52" t="s">
        <v>83</v>
      </c>
      <c r="E1660" s="52" t="s">
        <v>26</v>
      </c>
      <c r="F1660" s="52" t="s">
        <v>81</v>
      </c>
      <c r="G1660" s="52" t="s">
        <v>82</v>
      </c>
      <c r="H1660" s="4">
        <v>1</v>
      </c>
      <c r="I1660" s="2">
        <v>14.65</v>
      </c>
      <c r="J1660" s="52" t="s">
        <v>5162</v>
      </c>
      <c r="K1660" s="71" t="s">
        <v>5163</v>
      </c>
      <c r="L1660" s="52" t="s">
        <v>2063</v>
      </c>
      <c r="M1660" s="72">
        <v>3759</v>
      </c>
      <c r="N1660" s="52" t="s">
        <v>2072</v>
      </c>
      <c r="O1660" s="52" t="s">
        <v>2073</v>
      </c>
      <c r="P1660" s="52"/>
      <c r="Q1660" s="52"/>
      <c r="R1660" s="52"/>
      <c r="S1660" s="52"/>
      <c r="T1660" s="52"/>
      <c r="U1660" s="52"/>
      <c r="V1660" s="52"/>
      <c r="W1660" s="52"/>
    </row>
    <row r="1661" spans="1:23" hidden="1" x14ac:dyDescent="0.35">
      <c r="A1661" s="52" t="s">
        <v>78</v>
      </c>
      <c r="B1661" s="52" t="s">
        <v>79</v>
      </c>
      <c r="C1661" s="3">
        <v>211</v>
      </c>
      <c r="D1661" s="52" t="s">
        <v>2022</v>
      </c>
      <c r="E1661" s="52" t="s">
        <v>26</v>
      </c>
      <c r="F1661" s="52" t="s">
        <v>81</v>
      </c>
      <c r="G1661" s="52" t="s">
        <v>82</v>
      </c>
      <c r="H1661" s="4">
        <v>1</v>
      </c>
      <c r="I1661" s="2">
        <v>14.65</v>
      </c>
      <c r="J1661" s="52" t="s">
        <v>5164</v>
      </c>
      <c r="K1661" s="71" t="s">
        <v>5165</v>
      </c>
      <c r="L1661" s="52" t="s">
        <v>2063</v>
      </c>
      <c r="M1661" s="72">
        <v>685</v>
      </c>
      <c r="N1661" s="52" t="s">
        <v>2154</v>
      </c>
      <c r="O1661" s="52" t="s">
        <v>2155</v>
      </c>
      <c r="P1661" s="52"/>
      <c r="Q1661" s="52"/>
      <c r="R1661" s="52"/>
      <c r="S1661" s="52"/>
      <c r="T1661" s="52"/>
      <c r="U1661" s="52"/>
      <c r="V1661" s="52"/>
      <c r="W1661" s="52"/>
    </row>
    <row r="1662" spans="1:23" hidden="1" x14ac:dyDescent="0.35">
      <c r="A1662" s="52" t="s">
        <v>78</v>
      </c>
      <c r="B1662" s="52" t="s">
        <v>79</v>
      </c>
      <c r="C1662" s="3">
        <v>20</v>
      </c>
      <c r="D1662" s="52" t="s">
        <v>2023</v>
      </c>
      <c r="E1662" s="52" t="s">
        <v>26</v>
      </c>
      <c r="F1662" s="52" t="s">
        <v>81</v>
      </c>
      <c r="G1662" s="52" t="s">
        <v>82</v>
      </c>
      <c r="H1662" s="4">
        <v>1</v>
      </c>
      <c r="I1662" s="2">
        <v>14.65</v>
      </c>
      <c r="J1662" s="52" t="s">
        <v>3987</v>
      </c>
      <c r="K1662" s="71" t="s">
        <v>5166</v>
      </c>
      <c r="L1662" s="52" t="s">
        <v>2063</v>
      </c>
      <c r="M1662" s="72">
        <v>1742</v>
      </c>
      <c r="N1662" s="52"/>
      <c r="O1662" s="52"/>
      <c r="P1662" s="52"/>
      <c r="Q1662" s="52"/>
      <c r="R1662" s="52"/>
      <c r="S1662" s="52"/>
      <c r="T1662" s="52"/>
      <c r="U1662" s="52"/>
      <c r="V1662" s="52"/>
      <c r="W1662" s="52"/>
    </row>
    <row r="1663" spans="1:23" hidden="1" x14ac:dyDescent="0.35">
      <c r="A1663" s="52" t="s">
        <v>78</v>
      </c>
      <c r="B1663" s="52" t="s">
        <v>79</v>
      </c>
      <c r="C1663" s="3">
        <v>10</v>
      </c>
      <c r="D1663" s="52" t="s">
        <v>2023</v>
      </c>
      <c r="E1663" s="52" t="s">
        <v>26</v>
      </c>
      <c r="F1663" s="52" t="s">
        <v>81</v>
      </c>
      <c r="G1663" s="52" t="s">
        <v>82</v>
      </c>
      <c r="H1663" s="4">
        <v>1</v>
      </c>
      <c r="I1663" s="2">
        <v>14.65</v>
      </c>
      <c r="J1663" s="52" t="s">
        <v>5167</v>
      </c>
      <c r="K1663" s="71" t="s">
        <v>5168</v>
      </c>
      <c r="L1663" s="52" t="s">
        <v>2063</v>
      </c>
      <c r="M1663" s="72">
        <v>5580</v>
      </c>
      <c r="N1663" s="52" t="s">
        <v>2072</v>
      </c>
      <c r="O1663" s="52" t="s">
        <v>2073</v>
      </c>
      <c r="P1663" s="52" t="s">
        <v>2072</v>
      </c>
      <c r="Q1663" s="52" t="s">
        <v>2073</v>
      </c>
      <c r="R1663" s="52"/>
      <c r="S1663" s="52"/>
      <c r="T1663" s="52"/>
      <c r="U1663" s="52"/>
      <c r="V1663" s="52"/>
      <c r="W1663" s="52"/>
    </row>
    <row r="1664" spans="1:23" x14ac:dyDescent="0.35">
      <c r="A1664" s="52" t="s">
        <v>78</v>
      </c>
      <c r="B1664" s="52" t="s">
        <v>79</v>
      </c>
      <c r="C1664" s="3">
        <v>20</v>
      </c>
      <c r="D1664" s="52" t="s">
        <v>80</v>
      </c>
      <c r="E1664" s="52" t="s">
        <v>26</v>
      </c>
      <c r="F1664" s="52" t="s">
        <v>81</v>
      </c>
      <c r="G1664" s="52" t="s">
        <v>82</v>
      </c>
      <c r="H1664" s="4">
        <v>1</v>
      </c>
      <c r="I1664" s="2">
        <v>14.65</v>
      </c>
      <c r="J1664" s="52" t="s">
        <v>5169</v>
      </c>
      <c r="K1664" s="71" t="s">
        <v>5170</v>
      </c>
      <c r="L1664" s="52" t="s">
        <v>2063</v>
      </c>
      <c r="M1664" s="72">
        <v>4817</v>
      </c>
      <c r="N1664" s="52" t="s">
        <v>2259</v>
      </c>
      <c r="O1664" s="52" t="s">
        <v>2260</v>
      </c>
      <c r="P1664" s="52"/>
      <c r="Q1664" s="52"/>
      <c r="R1664" s="52"/>
      <c r="S1664" s="52"/>
      <c r="T1664" s="52"/>
      <c r="U1664" s="52"/>
      <c r="V1664" s="52"/>
      <c r="W1664" s="52"/>
    </row>
    <row r="1665" spans="1:23" hidden="1" x14ac:dyDescent="0.35">
      <c r="A1665" s="52" t="s">
        <v>78</v>
      </c>
      <c r="B1665" s="52" t="s">
        <v>79</v>
      </c>
      <c r="C1665" s="3">
        <v>10</v>
      </c>
      <c r="D1665" s="52" t="s">
        <v>2022</v>
      </c>
      <c r="E1665" s="52" t="s">
        <v>26</v>
      </c>
      <c r="F1665" s="52" t="s">
        <v>81</v>
      </c>
      <c r="G1665" s="52" t="s">
        <v>82</v>
      </c>
      <c r="H1665" s="4">
        <v>1</v>
      </c>
      <c r="I1665" s="2">
        <v>14.65</v>
      </c>
      <c r="J1665" s="52" t="s">
        <v>5171</v>
      </c>
      <c r="K1665" s="71" t="s">
        <v>5172</v>
      </c>
      <c r="L1665" s="52" t="s">
        <v>2095</v>
      </c>
      <c r="M1665" s="72">
        <v>4694</v>
      </c>
      <c r="N1665" s="52"/>
      <c r="O1665" s="52"/>
      <c r="P1665" s="52"/>
      <c r="Q1665" s="52"/>
      <c r="R1665" s="52"/>
      <c r="S1665" s="52"/>
      <c r="T1665" s="52"/>
      <c r="U1665" s="52"/>
      <c r="V1665" s="52"/>
      <c r="W1665" s="52"/>
    </row>
    <row r="1666" spans="1:23" hidden="1" x14ac:dyDescent="0.35">
      <c r="A1666" s="52" t="s">
        <v>78</v>
      </c>
      <c r="B1666" s="52" t="s">
        <v>79</v>
      </c>
      <c r="C1666" s="3">
        <v>10</v>
      </c>
      <c r="D1666" s="52" t="s">
        <v>2021</v>
      </c>
      <c r="E1666" s="52" t="s">
        <v>26</v>
      </c>
      <c r="F1666" s="52" t="s">
        <v>81</v>
      </c>
      <c r="G1666" s="52" t="s">
        <v>82</v>
      </c>
      <c r="H1666" s="4">
        <v>1</v>
      </c>
      <c r="I1666" s="2">
        <v>14.65</v>
      </c>
      <c r="J1666" s="52" t="s">
        <v>4324</v>
      </c>
      <c r="K1666" s="71" t="s">
        <v>5173</v>
      </c>
      <c r="L1666" s="52" t="s">
        <v>2063</v>
      </c>
      <c r="M1666" s="72">
        <v>1033</v>
      </c>
      <c r="N1666" s="52" t="s">
        <v>2072</v>
      </c>
      <c r="O1666" s="52" t="s">
        <v>2073</v>
      </c>
      <c r="P1666" s="52"/>
      <c r="Q1666" s="52"/>
      <c r="R1666" s="52"/>
      <c r="S1666" s="52"/>
      <c r="T1666" s="52"/>
      <c r="U1666" s="52"/>
      <c r="V1666" s="52"/>
      <c r="W1666" s="52"/>
    </row>
    <row r="1667" spans="1:23" hidden="1" x14ac:dyDescent="0.35">
      <c r="A1667" s="52" t="s">
        <v>78</v>
      </c>
      <c r="B1667" s="52" t="s">
        <v>79</v>
      </c>
      <c r="C1667" s="3">
        <v>20</v>
      </c>
      <c r="D1667" s="52" t="s">
        <v>2024</v>
      </c>
      <c r="E1667" s="52" t="s">
        <v>26</v>
      </c>
      <c r="F1667" s="52" t="s">
        <v>81</v>
      </c>
      <c r="G1667" s="52" t="s">
        <v>82</v>
      </c>
      <c r="H1667" s="4">
        <v>1</v>
      </c>
      <c r="I1667" s="2">
        <v>14.65</v>
      </c>
      <c r="J1667" s="52" t="s">
        <v>4697</v>
      </c>
      <c r="K1667" s="71" t="s">
        <v>5174</v>
      </c>
      <c r="L1667" s="52" t="s">
        <v>2063</v>
      </c>
      <c r="M1667" s="72">
        <v>9154</v>
      </c>
      <c r="N1667" s="52"/>
      <c r="O1667" s="52"/>
      <c r="P1667" s="52"/>
      <c r="Q1667" s="52"/>
      <c r="R1667" s="52"/>
      <c r="S1667" s="52"/>
      <c r="T1667" s="52"/>
      <c r="U1667" s="52"/>
      <c r="V1667" s="52"/>
      <c r="W1667" s="52"/>
    </row>
    <row r="1668" spans="1:23" hidden="1" x14ac:dyDescent="0.35">
      <c r="A1668" s="52" t="s">
        <v>78</v>
      </c>
      <c r="B1668" s="52" t="s">
        <v>79</v>
      </c>
      <c r="C1668" s="3">
        <v>10</v>
      </c>
      <c r="D1668" s="52" t="s">
        <v>83</v>
      </c>
      <c r="E1668" s="52" t="s">
        <v>26</v>
      </c>
      <c r="F1668" s="52" t="s">
        <v>81</v>
      </c>
      <c r="G1668" s="52" t="s">
        <v>82</v>
      </c>
      <c r="H1668" s="4">
        <v>1</v>
      </c>
      <c r="I1668" s="2">
        <v>14.65</v>
      </c>
      <c r="J1668" s="52" t="s">
        <v>5175</v>
      </c>
      <c r="K1668" s="71" t="s">
        <v>5176</v>
      </c>
      <c r="L1668" s="52" t="s">
        <v>2063</v>
      </c>
      <c r="M1668" s="72">
        <v>8350</v>
      </c>
      <c r="N1668" s="52" t="s">
        <v>2158</v>
      </c>
      <c r="O1668" s="52" t="s">
        <v>2159</v>
      </c>
      <c r="P1668" s="52"/>
      <c r="Q1668" s="52"/>
      <c r="R1668" s="52"/>
      <c r="S1668" s="52"/>
      <c r="T1668" s="52"/>
      <c r="U1668" s="52"/>
      <c r="V1668" s="52"/>
      <c r="W1668" s="52"/>
    </row>
    <row r="1669" spans="1:23" hidden="1" x14ac:dyDescent="0.35">
      <c r="A1669" s="52" t="s">
        <v>78</v>
      </c>
      <c r="B1669" s="52" t="s">
        <v>79</v>
      </c>
      <c r="C1669" s="3">
        <v>10</v>
      </c>
      <c r="D1669" s="52" t="s">
        <v>2023</v>
      </c>
      <c r="E1669" s="52" t="s">
        <v>26</v>
      </c>
      <c r="F1669" s="52" t="s">
        <v>81</v>
      </c>
      <c r="G1669" s="52" t="s">
        <v>82</v>
      </c>
      <c r="H1669" s="4">
        <v>1</v>
      </c>
      <c r="I1669" s="2">
        <v>14.65</v>
      </c>
      <c r="J1669" s="52" t="s">
        <v>5177</v>
      </c>
      <c r="K1669" s="71" t="s">
        <v>5178</v>
      </c>
      <c r="L1669" s="52" t="s">
        <v>2063</v>
      </c>
      <c r="M1669" s="72">
        <v>9560</v>
      </c>
      <c r="N1669" s="52" t="s">
        <v>2072</v>
      </c>
      <c r="O1669" s="52" t="s">
        <v>2073</v>
      </c>
      <c r="P1669" s="52"/>
      <c r="Q1669" s="52"/>
      <c r="R1669" s="52"/>
      <c r="S1669" s="52"/>
      <c r="T1669" s="52"/>
      <c r="U1669" s="52"/>
      <c r="V1669" s="52"/>
      <c r="W1669" s="52"/>
    </row>
    <row r="1670" spans="1:23" hidden="1" x14ac:dyDescent="0.35">
      <c r="A1670" s="52" t="s">
        <v>78</v>
      </c>
      <c r="B1670" s="52" t="s">
        <v>79</v>
      </c>
      <c r="C1670" s="3">
        <v>20</v>
      </c>
      <c r="D1670" s="52" t="s">
        <v>2023</v>
      </c>
      <c r="E1670" s="52" t="s">
        <v>26</v>
      </c>
      <c r="F1670" s="52" t="s">
        <v>81</v>
      </c>
      <c r="G1670" s="52" t="s">
        <v>82</v>
      </c>
      <c r="H1670" s="4">
        <v>1</v>
      </c>
      <c r="I1670" s="2">
        <v>14.65</v>
      </c>
      <c r="J1670" s="52" t="s">
        <v>4474</v>
      </c>
      <c r="K1670" s="71" t="s">
        <v>5179</v>
      </c>
      <c r="L1670" s="52" t="s">
        <v>2063</v>
      </c>
      <c r="M1670" s="72">
        <v>8994</v>
      </c>
      <c r="N1670" s="52" t="s">
        <v>2072</v>
      </c>
      <c r="O1670" s="52" t="s">
        <v>2073</v>
      </c>
      <c r="P1670" s="52"/>
      <c r="Q1670" s="52"/>
      <c r="R1670" s="52"/>
      <c r="S1670" s="52"/>
      <c r="T1670" s="52"/>
      <c r="U1670" s="52"/>
      <c r="V1670" s="52"/>
      <c r="W1670" s="52"/>
    </row>
    <row r="1671" spans="1:23" hidden="1" x14ac:dyDescent="0.35">
      <c r="A1671" s="52" t="s">
        <v>78</v>
      </c>
      <c r="B1671" s="52" t="s">
        <v>79</v>
      </c>
      <c r="C1671" s="3">
        <v>20</v>
      </c>
      <c r="D1671" s="52" t="s">
        <v>2023</v>
      </c>
      <c r="E1671" s="52" t="s">
        <v>26</v>
      </c>
      <c r="F1671" s="52" t="s">
        <v>81</v>
      </c>
      <c r="G1671" s="52" t="s">
        <v>82</v>
      </c>
      <c r="H1671" s="4">
        <v>1</v>
      </c>
      <c r="I1671" s="2">
        <v>14.65</v>
      </c>
      <c r="J1671" s="52" t="s">
        <v>5180</v>
      </c>
      <c r="K1671" s="71" t="s">
        <v>5181</v>
      </c>
      <c r="L1671" s="52" t="s">
        <v>2063</v>
      </c>
      <c r="M1671" s="72">
        <v>7185</v>
      </c>
      <c r="N1671" s="52" t="s">
        <v>2066</v>
      </c>
      <c r="O1671" s="52" t="s">
        <v>2067</v>
      </c>
      <c r="P1671" s="52"/>
      <c r="Q1671" s="52"/>
      <c r="R1671" s="52"/>
      <c r="S1671" s="52"/>
      <c r="T1671" s="52"/>
      <c r="U1671" s="52"/>
      <c r="V1671" s="52"/>
      <c r="W1671" s="52"/>
    </row>
    <row r="1672" spans="1:23" hidden="1" x14ac:dyDescent="0.35">
      <c r="A1672" s="52" t="s">
        <v>78</v>
      </c>
      <c r="B1672" s="52" t="s">
        <v>79</v>
      </c>
      <c r="C1672" s="3">
        <v>10</v>
      </c>
      <c r="D1672" s="52" t="s">
        <v>2019</v>
      </c>
      <c r="E1672" s="52" t="s">
        <v>26</v>
      </c>
      <c r="F1672" s="52" t="s">
        <v>81</v>
      </c>
      <c r="G1672" s="52" t="s">
        <v>82</v>
      </c>
      <c r="H1672" s="4">
        <v>1</v>
      </c>
      <c r="I1672" s="2">
        <v>14.65</v>
      </c>
      <c r="J1672" s="52" t="s">
        <v>3704</v>
      </c>
      <c r="K1672" s="71" t="s">
        <v>5182</v>
      </c>
      <c r="L1672" s="52" t="s">
        <v>2063</v>
      </c>
      <c r="M1672" s="72">
        <v>753</v>
      </c>
      <c r="N1672" s="52"/>
      <c r="O1672" s="52"/>
      <c r="P1672" s="52"/>
      <c r="Q1672" s="52"/>
      <c r="R1672" s="52"/>
      <c r="S1672" s="52"/>
      <c r="T1672" s="52"/>
      <c r="U1672" s="52"/>
      <c r="V1672" s="52"/>
      <c r="W1672" s="52"/>
    </row>
    <row r="1673" spans="1:23" hidden="1" x14ac:dyDescent="0.35">
      <c r="A1673" s="52" t="s">
        <v>78</v>
      </c>
      <c r="B1673" s="52" t="s">
        <v>79</v>
      </c>
      <c r="C1673" s="3">
        <v>10</v>
      </c>
      <c r="D1673" s="52" t="s">
        <v>85</v>
      </c>
      <c r="E1673" s="52" t="s">
        <v>26</v>
      </c>
      <c r="F1673" s="52" t="s">
        <v>81</v>
      </c>
      <c r="G1673" s="52" t="s">
        <v>82</v>
      </c>
      <c r="H1673" s="4">
        <v>1</v>
      </c>
      <c r="I1673" s="2">
        <v>14.65</v>
      </c>
      <c r="J1673" s="52" t="s">
        <v>5183</v>
      </c>
      <c r="K1673" s="71" t="s">
        <v>5184</v>
      </c>
      <c r="L1673" s="52" t="s">
        <v>2063</v>
      </c>
      <c r="M1673" s="72">
        <v>450</v>
      </c>
      <c r="N1673" s="52" t="s">
        <v>2066</v>
      </c>
      <c r="O1673" s="52" t="s">
        <v>2067</v>
      </c>
      <c r="P1673" s="52"/>
      <c r="Q1673" s="52"/>
      <c r="R1673" s="52"/>
      <c r="S1673" s="52"/>
      <c r="T1673" s="52"/>
      <c r="U1673" s="52"/>
      <c r="V1673" s="52"/>
      <c r="W1673" s="52"/>
    </row>
    <row r="1674" spans="1:23" hidden="1" x14ac:dyDescent="0.35">
      <c r="A1674" s="52" t="s">
        <v>78</v>
      </c>
      <c r="B1674" s="52" t="s">
        <v>79</v>
      </c>
      <c r="C1674" s="3">
        <v>10</v>
      </c>
      <c r="D1674" s="52" t="s">
        <v>2022</v>
      </c>
      <c r="E1674" s="52" t="s">
        <v>26</v>
      </c>
      <c r="F1674" s="52" t="s">
        <v>81</v>
      </c>
      <c r="G1674" s="52" t="s">
        <v>82</v>
      </c>
      <c r="H1674" s="4">
        <v>1</v>
      </c>
      <c r="I1674" s="2">
        <v>14.65</v>
      </c>
      <c r="J1674" s="52" t="s">
        <v>5185</v>
      </c>
      <c r="K1674" s="71" t="s">
        <v>5186</v>
      </c>
      <c r="L1674" s="52" t="s">
        <v>2095</v>
      </c>
      <c r="M1674" s="72">
        <v>6582</v>
      </c>
      <c r="N1674" s="52" t="s">
        <v>2158</v>
      </c>
      <c r="O1674" s="52" t="s">
        <v>2159</v>
      </c>
      <c r="P1674" s="52"/>
      <c r="Q1674" s="52"/>
      <c r="R1674" s="52"/>
      <c r="S1674" s="52"/>
      <c r="T1674" s="52"/>
      <c r="U1674" s="52"/>
      <c r="V1674" s="52"/>
      <c r="W1674" s="52"/>
    </row>
    <row r="1675" spans="1:23" x14ac:dyDescent="0.35">
      <c r="A1675" s="52" t="s">
        <v>78</v>
      </c>
      <c r="B1675" s="52" t="s">
        <v>79</v>
      </c>
      <c r="C1675" s="3">
        <v>20</v>
      </c>
      <c r="D1675" s="52" t="s">
        <v>2021</v>
      </c>
      <c r="E1675" s="52" t="s">
        <v>26</v>
      </c>
      <c r="F1675" s="52" t="s">
        <v>81</v>
      </c>
      <c r="G1675" s="52" t="s">
        <v>82</v>
      </c>
      <c r="H1675" s="4">
        <v>1</v>
      </c>
      <c r="I1675" s="2">
        <v>14.65</v>
      </c>
      <c r="J1675" s="52" t="s">
        <v>4970</v>
      </c>
      <c r="K1675" s="71" t="s">
        <v>5187</v>
      </c>
      <c r="L1675" s="52" t="s">
        <v>2063</v>
      </c>
      <c r="M1675" s="72">
        <v>2949</v>
      </c>
      <c r="N1675" s="52" t="s">
        <v>2259</v>
      </c>
      <c r="O1675" s="52" t="s">
        <v>2260</v>
      </c>
      <c r="P1675" s="52"/>
      <c r="Q1675" s="52"/>
      <c r="R1675" s="52"/>
      <c r="S1675" s="52"/>
      <c r="T1675" s="52"/>
      <c r="U1675" s="52"/>
      <c r="V1675" s="52"/>
      <c r="W1675" s="52"/>
    </row>
    <row r="1676" spans="1:23" hidden="1" x14ac:dyDescent="0.35">
      <c r="A1676" s="52" t="s">
        <v>78</v>
      </c>
      <c r="B1676" s="52" t="s">
        <v>79</v>
      </c>
      <c r="C1676" s="3">
        <v>20</v>
      </c>
      <c r="D1676" s="52" t="s">
        <v>2022</v>
      </c>
      <c r="E1676" s="52" t="s">
        <v>26</v>
      </c>
      <c r="F1676" s="52" t="s">
        <v>81</v>
      </c>
      <c r="G1676" s="52" t="s">
        <v>82</v>
      </c>
      <c r="H1676" s="4">
        <v>1</v>
      </c>
      <c r="I1676" s="2">
        <v>14.65</v>
      </c>
      <c r="J1676" s="52" t="s">
        <v>5188</v>
      </c>
      <c r="K1676" s="71" t="s">
        <v>5189</v>
      </c>
      <c r="L1676" s="52" t="s">
        <v>2063</v>
      </c>
      <c r="M1676" s="72">
        <v>1701</v>
      </c>
      <c r="N1676" s="52" t="s">
        <v>2072</v>
      </c>
      <c r="O1676" s="52" t="s">
        <v>2073</v>
      </c>
      <c r="P1676" s="52"/>
      <c r="Q1676" s="52"/>
      <c r="R1676" s="52"/>
      <c r="S1676" s="52"/>
      <c r="T1676" s="52"/>
      <c r="U1676" s="52"/>
      <c r="V1676" s="52"/>
      <c r="W1676" s="52"/>
    </row>
    <row r="1677" spans="1:23" hidden="1" x14ac:dyDescent="0.35">
      <c r="A1677" s="52" t="s">
        <v>78</v>
      </c>
      <c r="B1677" s="52" t="s">
        <v>79</v>
      </c>
      <c r="C1677" s="3">
        <v>20</v>
      </c>
      <c r="D1677" s="52" t="s">
        <v>2021</v>
      </c>
      <c r="E1677" s="52" t="s">
        <v>26</v>
      </c>
      <c r="F1677" s="52" t="s">
        <v>81</v>
      </c>
      <c r="G1677" s="52" t="s">
        <v>82</v>
      </c>
      <c r="H1677" s="4">
        <v>1</v>
      </c>
      <c r="I1677" s="2">
        <v>14.65</v>
      </c>
      <c r="J1677" s="52" t="s">
        <v>5190</v>
      </c>
      <c r="K1677" s="71" t="s">
        <v>5191</v>
      </c>
      <c r="L1677" s="52" t="s">
        <v>2063</v>
      </c>
      <c r="M1677" s="72">
        <v>9851</v>
      </c>
      <c r="N1677" s="52" t="s">
        <v>2066</v>
      </c>
      <c r="O1677" s="52" t="s">
        <v>2067</v>
      </c>
      <c r="P1677" s="52"/>
      <c r="Q1677" s="52"/>
      <c r="R1677" s="52"/>
      <c r="S1677" s="52"/>
      <c r="T1677" s="52"/>
      <c r="U1677" s="52"/>
      <c r="V1677" s="52"/>
      <c r="W1677" s="52"/>
    </row>
    <row r="1678" spans="1:23" hidden="1" x14ac:dyDescent="0.35">
      <c r="A1678" s="52" t="s">
        <v>78</v>
      </c>
      <c r="B1678" s="52" t="s">
        <v>79</v>
      </c>
      <c r="C1678" s="3">
        <v>20</v>
      </c>
      <c r="D1678" s="52" t="s">
        <v>2021</v>
      </c>
      <c r="E1678" s="52" t="s">
        <v>26</v>
      </c>
      <c r="F1678" s="52" t="s">
        <v>81</v>
      </c>
      <c r="G1678" s="52" t="s">
        <v>82</v>
      </c>
      <c r="H1678" s="4">
        <v>1</v>
      </c>
      <c r="I1678" s="2">
        <v>14.65</v>
      </c>
      <c r="J1678" s="52" t="s">
        <v>5192</v>
      </c>
      <c r="K1678" s="71" t="s">
        <v>5193</v>
      </c>
      <c r="L1678" s="52" t="s">
        <v>2063</v>
      </c>
      <c r="M1678" s="72">
        <v>3368</v>
      </c>
      <c r="N1678" s="52" t="s">
        <v>2072</v>
      </c>
      <c r="O1678" s="52" t="s">
        <v>2073</v>
      </c>
      <c r="P1678" s="52"/>
      <c r="Q1678" s="52"/>
      <c r="R1678" s="52"/>
      <c r="S1678" s="52"/>
      <c r="T1678" s="52"/>
      <c r="U1678" s="52"/>
      <c r="V1678" s="52"/>
      <c r="W1678" s="52"/>
    </row>
    <row r="1679" spans="1:23" hidden="1" x14ac:dyDescent="0.35">
      <c r="A1679" s="52" t="s">
        <v>78</v>
      </c>
      <c r="B1679" s="52" t="s">
        <v>79</v>
      </c>
      <c r="C1679" s="3">
        <v>10</v>
      </c>
      <c r="D1679" s="52" t="s">
        <v>85</v>
      </c>
      <c r="E1679" s="52" t="s">
        <v>26</v>
      </c>
      <c r="F1679" s="52" t="s">
        <v>81</v>
      </c>
      <c r="G1679" s="52" t="s">
        <v>82</v>
      </c>
      <c r="H1679" s="4">
        <v>1</v>
      </c>
      <c r="I1679" s="2">
        <v>14.65</v>
      </c>
      <c r="J1679" s="52" t="s">
        <v>5194</v>
      </c>
      <c r="K1679" s="71" t="s">
        <v>5195</v>
      </c>
      <c r="L1679" s="52" t="s">
        <v>2063</v>
      </c>
      <c r="M1679" s="72">
        <v>4628</v>
      </c>
      <c r="N1679" s="52" t="s">
        <v>2072</v>
      </c>
      <c r="O1679" s="52" t="s">
        <v>2073</v>
      </c>
      <c r="P1679" s="52"/>
      <c r="Q1679" s="52"/>
      <c r="R1679" s="52"/>
      <c r="S1679" s="52"/>
      <c r="T1679" s="52"/>
      <c r="U1679" s="52"/>
      <c r="V1679" s="52"/>
      <c r="W1679" s="52"/>
    </row>
    <row r="1680" spans="1:23" hidden="1" x14ac:dyDescent="0.35">
      <c r="A1680" s="52" t="s">
        <v>78</v>
      </c>
      <c r="B1680" s="52" t="s">
        <v>79</v>
      </c>
      <c r="C1680" s="3">
        <v>10</v>
      </c>
      <c r="D1680" s="52" t="s">
        <v>2022</v>
      </c>
      <c r="E1680" s="52" t="s">
        <v>26</v>
      </c>
      <c r="F1680" s="52" t="s">
        <v>81</v>
      </c>
      <c r="G1680" s="52" t="s">
        <v>82</v>
      </c>
      <c r="H1680" s="4">
        <v>1</v>
      </c>
      <c r="I1680" s="2">
        <v>14.65</v>
      </c>
      <c r="J1680" s="52" t="s">
        <v>5194</v>
      </c>
      <c r="K1680" s="71" t="s">
        <v>5196</v>
      </c>
      <c r="L1680" s="52" t="s">
        <v>2063</v>
      </c>
      <c r="M1680" s="72">
        <v>4654</v>
      </c>
      <c r="N1680" s="52" t="s">
        <v>2072</v>
      </c>
      <c r="O1680" s="52" t="s">
        <v>2073</v>
      </c>
      <c r="P1680" s="52"/>
      <c r="Q1680" s="52"/>
      <c r="R1680" s="52"/>
      <c r="S1680" s="52"/>
      <c r="T1680" s="52"/>
      <c r="U1680" s="52"/>
      <c r="V1680" s="52"/>
      <c r="W1680" s="52"/>
    </row>
    <row r="1681" spans="1:23" hidden="1" x14ac:dyDescent="0.35">
      <c r="A1681" s="52" t="s">
        <v>78</v>
      </c>
      <c r="B1681" s="52" t="s">
        <v>79</v>
      </c>
      <c r="C1681" s="3">
        <v>20</v>
      </c>
      <c r="D1681" s="52" t="s">
        <v>80</v>
      </c>
      <c r="E1681" s="52" t="s">
        <v>26</v>
      </c>
      <c r="F1681" s="52" t="s">
        <v>81</v>
      </c>
      <c r="G1681" s="52" t="s">
        <v>82</v>
      </c>
      <c r="H1681" s="4">
        <v>1</v>
      </c>
      <c r="I1681" s="2">
        <v>14.65</v>
      </c>
      <c r="J1681" s="52" t="s">
        <v>3384</v>
      </c>
      <c r="K1681" s="71" t="s">
        <v>5197</v>
      </c>
      <c r="L1681" s="52" t="s">
        <v>2063</v>
      </c>
      <c r="M1681" s="72">
        <v>2251</v>
      </c>
      <c r="N1681" s="52"/>
      <c r="O1681" s="52"/>
      <c r="P1681" s="52"/>
      <c r="Q1681" s="52"/>
      <c r="R1681" s="52"/>
      <c r="S1681" s="52"/>
      <c r="T1681" s="52"/>
      <c r="U1681" s="52"/>
      <c r="V1681" s="52"/>
      <c r="W1681" s="52"/>
    </row>
    <row r="1682" spans="1:23" hidden="1" x14ac:dyDescent="0.35">
      <c r="A1682" s="52" t="s">
        <v>78</v>
      </c>
      <c r="B1682" s="52" t="s">
        <v>79</v>
      </c>
      <c r="C1682" s="3">
        <v>230</v>
      </c>
      <c r="D1682" s="52" t="s">
        <v>2021</v>
      </c>
      <c r="E1682" s="52" t="s">
        <v>26</v>
      </c>
      <c r="F1682" s="52" t="s">
        <v>81</v>
      </c>
      <c r="G1682" s="52" t="s">
        <v>82</v>
      </c>
      <c r="H1682" s="4">
        <v>1</v>
      </c>
      <c r="I1682" s="2">
        <v>14.65</v>
      </c>
      <c r="J1682" s="52" t="s">
        <v>5125</v>
      </c>
      <c r="K1682" s="71" t="s">
        <v>5198</v>
      </c>
      <c r="L1682" s="52" t="s">
        <v>2063</v>
      </c>
      <c r="M1682" s="72">
        <v>5952</v>
      </c>
      <c r="N1682" s="52" t="s">
        <v>2195</v>
      </c>
      <c r="O1682" s="52" t="s">
        <v>2196</v>
      </c>
      <c r="P1682" s="52"/>
      <c r="Q1682" s="52"/>
      <c r="R1682" s="52"/>
      <c r="S1682" s="52"/>
      <c r="T1682" s="52"/>
      <c r="U1682" s="52"/>
      <c r="V1682" s="52"/>
      <c r="W1682" s="52"/>
    </row>
    <row r="1683" spans="1:23" hidden="1" x14ac:dyDescent="0.35">
      <c r="A1683" s="52" t="s">
        <v>78</v>
      </c>
      <c r="B1683" s="52" t="s">
        <v>79</v>
      </c>
      <c r="C1683" s="3">
        <v>10</v>
      </c>
      <c r="D1683" s="52" t="s">
        <v>2019</v>
      </c>
      <c r="E1683" s="52" t="s">
        <v>26</v>
      </c>
      <c r="F1683" s="52" t="s">
        <v>81</v>
      </c>
      <c r="G1683" s="52" t="s">
        <v>82</v>
      </c>
      <c r="H1683" s="4">
        <v>1</v>
      </c>
      <c r="I1683" s="2">
        <v>14.65</v>
      </c>
      <c r="J1683" s="52" t="s">
        <v>4352</v>
      </c>
      <c r="K1683" s="71" t="s">
        <v>5199</v>
      </c>
      <c r="L1683" s="52" t="s">
        <v>2063</v>
      </c>
      <c r="M1683" s="72">
        <v>5061</v>
      </c>
      <c r="N1683" s="52" t="s">
        <v>2072</v>
      </c>
      <c r="O1683" s="52" t="s">
        <v>2073</v>
      </c>
      <c r="P1683" s="52"/>
      <c r="Q1683" s="52"/>
      <c r="R1683" s="52"/>
      <c r="S1683" s="52"/>
      <c r="T1683" s="52"/>
      <c r="U1683" s="52"/>
      <c r="V1683" s="52"/>
      <c r="W1683" s="52"/>
    </row>
    <row r="1684" spans="1:23" hidden="1" x14ac:dyDescent="0.35">
      <c r="A1684" s="52" t="s">
        <v>78</v>
      </c>
      <c r="B1684" s="52" t="s">
        <v>79</v>
      </c>
      <c r="C1684" s="3">
        <v>10</v>
      </c>
      <c r="D1684" s="52" t="s">
        <v>80</v>
      </c>
      <c r="E1684" s="52" t="s">
        <v>26</v>
      </c>
      <c r="F1684" s="52" t="s">
        <v>81</v>
      </c>
      <c r="G1684" s="52" t="s">
        <v>82</v>
      </c>
      <c r="H1684" s="4">
        <v>1</v>
      </c>
      <c r="I1684" s="2">
        <v>14.65</v>
      </c>
      <c r="J1684" s="52" t="s">
        <v>5200</v>
      </c>
      <c r="K1684" s="71" t="s">
        <v>5201</v>
      </c>
      <c r="L1684" s="52" t="s">
        <v>2063</v>
      </c>
      <c r="M1684" s="72">
        <v>9661</v>
      </c>
      <c r="N1684" s="52" t="s">
        <v>2072</v>
      </c>
      <c r="O1684" s="52" t="s">
        <v>2073</v>
      </c>
      <c r="P1684" s="52"/>
      <c r="Q1684" s="52"/>
      <c r="R1684" s="52"/>
      <c r="S1684" s="52"/>
      <c r="T1684" s="52"/>
      <c r="U1684" s="52"/>
      <c r="V1684" s="52"/>
      <c r="W1684" s="52"/>
    </row>
    <row r="1685" spans="1:23" hidden="1" x14ac:dyDescent="0.35">
      <c r="A1685" s="52" t="s">
        <v>78</v>
      </c>
      <c r="B1685" s="52" t="s">
        <v>79</v>
      </c>
      <c r="C1685" s="3">
        <v>20</v>
      </c>
      <c r="D1685" s="52" t="s">
        <v>2020</v>
      </c>
      <c r="E1685" s="52" t="s">
        <v>26</v>
      </c>
      <c r="F1685" s="52" t="s">
        <v>81</v>
      </c>
      <c r="G1685" s="52" t="s">
        <v>82</v>
      </c>
      <c r="H1685" s="4">
        <v>1</v>
      </c>
      <c r="I1685" s="2">
        <v>14.65</v>
      </c>
      <c r="J1685" s="52" t="s">
        <v>5202</v>
      </c>
      <c r="K1685" s="71" t="s">
        <v>5203</v>
      </c>
      <c r="L1685" s="52" t="s">
        <v>2063</v>
      </c>
      <c r="M1685" s="72">
        <v>4134</v>
      </c>
      <c r="N1685" s="52" t="s">
        <v>2158</v>
      </c>
      <c r="O1685" s="52" t="s">
        <v>2159</v>
      </c>
      <c r="P1685" s="52"/>
      <c r="Q1685" s="52"/>
      <c r="R1685" s="52"/>
      <c r="S1685" s="52"/>
      <c r="T1685" s="52"/>
      <c r="U1685" s="52"/>
      <c r="V1685" s="52"/>
      <c r="W1685" s="52"/>
    </row>
    <row r="1686" spans="1:23" x14ac:dyDescent="0.35">
      <c r="A1686" s="52" t="s">
        <v>78</v>
      </c>
      <c r="B1686" s="52" t="s">
        <v>79</v>
      </c>
      <c r="C1686" s="3">
        <v>221</v>
      </c>
      <c r="D1686" s="52" t="s">
        <v>2022</v>
      </c>
      <c r="E1686" s="52" t="s">
        <v>26</v>
      </c>
      <c r="F1686" s="52" t="s">
        <v>81</v>
      </c>
      <c r="G1686" s="52" t="s">
        <v>82</v>
      </c>
      <c r="H1686" s="4">
        <v>1</v>
      </c>
      <c r="I1686" s="2">
        <v>14.65</v>
      </c>
      <c r="J1686" s="52" t="s">
        <v>5204</v>
      </c>
      <c r="K1686" s="71" t="s">
        <v>5205</v>
      </c>
      <c r="L1686" s="52" t="s">
        <v>2095</v>
      </c>
      <c r="M1686" s="72">
        <v>492</v>
      </c>
      <c r="N1686" s="52" t="s">
        <v>2076</v>
      </c>
      <c r="O1686" s="52" t="s">
        <v>2077</v>
      </c>
      <c r="P1686" s="52"/>
      <c r="Q1686" s="52"/>
      <c r="R1686" s="52"/>
      <c r="S1686" s="52"/>
      <c r="T1686" s="52"/>
      <c r="U1686" s="52"/>
      <c r="V1686" s="52"/>
      <c r="W1686" s="52"/>
    </row>
    <row r="1687" spans="1:23" hidden="1" x14ac:dyDescent="0.35">
      <c r="A1687" s="52" t="s">
        <v>78</v>
      </c>
      <c r="B1687" s="52" t="s">
        <v>79</v>
      </c>
      <c r="C1687" s="3">
        <v>211</v>
      </c>
      <c r="D1687" s="52" t="s">
        <v>86</v>
      </c>
      <c r="E1687" s="52" t="s">
        <v>26</v>
      </c>
      <c r="F1687" s="52" t="s">
        <v>81</v>
      </c>
      <c r="G1687" s="52" t="s">
        <v>82</v>
      </c>
      <c r="H1687" s="4">
        <v>1</v>
      </c>
      <c r="I1687" s="2">
        <v>14.65</v>
      </c>
      <c r="J1687" s="52" t="s">
        <v>5206</v>
      </c>
      <c r="K1687" s="71" t="s">
        <v>5207</v>
      </c>
      <c r="L1687" s="52" t="s">
        <v>2063</v>
      </c>
      <c r="M1687" s="72">
        <v>6766</v>
      </c>
      <c r="N1687" s="52" t="s">
        <v>2072</v>
      </c>
      <c r="O1687" s="52" t="s">
        <v>2073</v>
      </c>
      <c r="P1687" s="52"/>
      <c r="Q1687" s="52"/>
      <c r="R1687" s="52"/>
      <c r="S1687" s="52"/>
      <c r="T1687" s="52"/>
      <c r="U1687" s="52"/>
      <c r="V1687" s="52"/>
      <c r="W1687" s="52"/>
    </row>
    <row r="1688" spans="1:23" hidden="1" x14ac:dyDescent="0.35">
      <c r="A1688" s="52" t="s">
        <v>78</v>
      </c>
      <c r="B1688" s="52" t="s">
        <v>79</v>
      </c>
      <c r="C1688" s="3">
        <v>10</v>
      </c>
      <c r="D1688" s="52" t="s">
        <v>2019</v>
      </c>
      <c r="E1688" s="52" t="s">
        <v>26</v>
      </c>
      <c r="F1688" s="52" t="s">
        <v>81</v>
      </c>
      <c r="G1688" s="52" t="s">
        <v>82</v>
      </c>
      <c r="H1688" s="4">
        <v>1</v>
      </c>
      <c r="I1688" s="2">
        <v>14.65</v>
      </c>
      <c r="J1688" s="52" t="s">
        <v>5208</v>
      </c>
      <c r="K1688" s="71" t="s">
        <v>5209</v>
      </c>
      <c r="L1688" s="52" t="s">
        <v>2063</v>
      </c>
      <c r="M1688" s="72">
        <v>2771</v>
      </c>
      <c r="N1688" s="52" t="s">
        <v>2072</v>
      </c>
      <c r="O1688" s="52" t="s">
        <v>2073</v>
      </c>
      <c r="P1688" s="52"/>
      <c r="Q1688" s="52"/>
      <c r="R1688" s="52"/>
      <c r="S1688" s="52"/>
      <c r="T1688" s="52"/>
      <c r="U1688" s="52"/>
      <c r="V1688" s="52"/>
      <c r="W1688" s="52"/>
    </row>
    <row r="1689" spans="1:23" x14ac:dyDescent="0.35">
      <c r="A1689" s="52" t="s">
        <v>78</v>
      </c>
      <c r="B1689" s="52" t="s">
        <v>79</v>
      </c>
      <c r="C1689" s="3">
        <v>10</v>
      </c>
      <c r="D1689" s="52" t="s">
        <v>2020</v>
      </c>
      <c r="E1689" s="52" t="s">
        <v>26</v>
      </c>
      <c r="F1689" s="52" t="s">
        <v>81</v>
      </c>
      <c r="G1689" s="52" t="s">
        <v>82</v>
      </c>
      <c r="H1689" s="4">
        <v>1</v>
      </c>
      <c r="I1689" s="2">
        <v>14.65</v>
      </c>
      <c r="J1689" s="52" t="s">
        <v>5210</v>
      </c>
      <c r="K1689" s="71" t="s">
        <v>5211</v>
      </c>
      <c r="L1689" s="52" t="s">
        <v>2063</v>
      </c>
      <c r="M1689" s="72">
        <v>8286</v>
      </c>
      <c r="N1689" s="52" t="s">
        <v>2259</v>
      </c>
      <c r="O1689" s="52" t="s">
        <v>2260</v>
      </c>
      <c r="P1689" s="52"/>
      <c r="Q1689" s="52"/>
      <c r="R1689" s="52"/>
      <c r="S1689" s="52"/>
      <c r="T1689" s="52"/>
      <c r="U1689" s="52"/>
      <c r="V1689" s="52"/>
      <c r="W1689" s="52"/>
    </row>
    <row r="1690" spans="1:23" hidden="1" x14ac:dyDescent="0.35">
      <c r="A1690" s="52" t="s">
        <v>78</v>
      </c>
      <c r="B1690" s="52" t="s">
        <v>79</v>
      </c>
      <c r="C1690" s="3">
        <v>20</v>
      </c>
      <c r="D1690" s="52" t="s">
        <v>83</v>
      </c>
      <c r="E1690" s="52" t="s">
        <v>26</v>
      </c>
      <c r="F1690" s="52" t="s">
        <v>81</v>
      </c>
      <c r="G1690" s="52" t="s">
        <v>82</v>
      </c>
      <c r="H1690" s="4">
        <v>1</v>
      </c>
      <c r="I1690" s="2">
        <v>14.65</v>
      </c>
      <c r="J1690" s="52" t="s">
        <v>5212</v>
      </c>
      <c r="K1690" s="71" t="s">
        <v>5213</v>
      </c>
      <c r="L1690" s="52" t="s">
        <v>2063</v>
      </c>
      <c r="M1690" s="72">
        <v>9618</v>
      </c>
      <c r="N1690" s="52"/>
      <c r="O1690" s="52"/>
      <c r="P1690" s="52"/>
      <c r="Q1690" s="52"/>
      <c r="R1690" s="52"/>
      <c r="S1690" s="52"/>
      <c r="T1690" s="52"/>
      <c r="U1690" s="52"/>
      <c r="V1690" s="52"/>
      <c r="W1690" s="52"/>
    </row>
    <row r="1691" spans="1:23" hidden="1" x14ac:dyDescent="0.35">
      <c r="A1691" s="52" t="s">
        <v>78</v>
      </c>
      <c r="B1691" s="52" t="s">
        <v>79</v>
      </c>
      <c r="C1691" s="3">
        <v>10</v>
      </c>
      <c r="D1691" s="52" t="s">
        <v>2024</v>
      </c>
      <c r="E1691" s="52" t="s">
        <v>26</v>
      </c>
      <c r="F1691" s="52" t="s">
        <v>81</v>
      </c>
      <c r="G1691" s="52" t="s">
        <v>82</v>
      </c>
      <c r="H1691" s="4">
        <v>1</v>
      </c>
      <c r="I1691" s="2">
        <v>14.65</v>
      </c>
      <c r="J1691" s="52" t="s">
        <v>5214</v>
      </c>
      <c r="K1691" s="71" t="s">
        <v>5215</v>
      </c>
      <c r="L1691" s="52" t="s">
        <v>2063</v>
      </c>
      <c r="M1691" s="72">
        <v>7979</v>
      </c>
      <c r="N1691" s="52" t="s">
        <v>2072</v>
      </c>
      <c r="O1691" s="52" t="s">
        <v>2073</v>
      </c>
      <c r="P1691" s="52"/>
      <c r="Q1691" s="52"/>
      <c r="R1691" s="52"/>
      <c r="S1691" s="52"/>
      <c r="T1691" s="52"/>
      <c r="U1691" s="52"/>
      <c r="V1691" s="52"/>
      <c r="W1691" s="52"/>
    </row>
    <row r="1692" spans="1:23" hidden="1" x14ac:dyDescent="0.35">
      <c r="A1692" s="52" t="s">
        <v>78</v>
      </c>
      <c r="B1692" s="52" t="s">
        <v>79</v>
      </c>
      <c r="C1692" s="3">
        <v>10</v>
      </c>
      <c r="D1692" s="52" t="s">
        <v>80</v>
      </c>
      <c r="E1692" s="52" t="s">
        <v>26</v>
      </c>
      <c r="F1692" s="52" t="s">
        <v>81</v>
      </c>
      <c r="G1692" s="52" t="s">
        <v>82</v>
      </c>
      <c r="H1692" s="4">
        <v>1</v>
      </c>
      <c r="I1692" s="2">
        <v>14.65</v>
      </c>
      <c r="J1692" s="52" t="s">
        <v>5216</v>
      </c>
      <c r="K1692" s="71" t="s">
        <v>5217</v>
      </c>
      <c r="L1692" s="52" t="s">
        <v>2063</v>
      </c>
      <c r="M1692" s="72">
        <v>2762</v>
      </c>
      <c r="N1692" s="52"/>
      <c r="O1692" s="52"/>
      <c r="P1692" s="52"/>
      <c r="Q1692" s="52"/>
      <c r="R1692" s="52"/>
      <c r="S1692" s="52"/>
      <c r="T1692" s="52"/>
      <c r="U1692" s="52"/>
      <c r="V1692" s="52"/>
      <c r="W1692" s="52"/>
    </row>
    <row r="1693" spans="1:23" hidden="1" x14ac:dyDescent="0.35">
      <c r="A1693" s="52" t="s">
        <v>78</v>
      </c>
      <c r="B1693" s="52" t="s">
        <v>79</v>
      </c>
      <c r="C1693" s="3">
        <v>20</v>
      </c>
      <c r="D1693" s="52" t="s">
        <v>2020</v>
      </c>
      <c r="E1693" s="52" t="s">
        <v>26</v>
      </c>
      <c r="F1693" s="52" t="s">
        <v>81</v>
      </c>
      <c r="G1693" s="52" t="s">
        <v>82</v>
      </c>
      <c r="H1693" s="4">
        <v>1</v>
      </c>
      <c r="I1693" s="2">
        <v>14.65</v>
      </c>
      <c r="J1693" s="52" t="s">
        <v>4592</v>
      </c>
      <c r="K1693" s="71" t="s">
        <v>5218</v>
      </c>
      <c r="L1693" s="52" t="s">
        <v>2063</v>
      </c>
      <c r="M1693" s="72">
        <v>862</v>
      </c>
      <c r="N1693" s="52" t="s">
        <v>2072</v>
      </c>
      <c r="O1693" s="52" t="s">
        <v>2073</v>
      </c>
      <c r="P1693" s="52"/>
      <c r="Q1693" s="52"/>
      <c r="R1693" s="52"/>
      <c r="S1693" s="52"/>
      <c r="T1693" s="52"/>
      <c r="U1693" s="52"/>
      <c r="V1693" s="52"/>
      <c r="W1693" s="52"/>
    </row>
    <row r="1694" spans="1:23" hidden="1" x14ac:dyDescent="0.35">
      <c r="A1694" s="52" t="s">
        <v>78</v>
      </c>
      <c r="B1694" s="52" t="s">
        <v>79</v>
      </c>
      <c r="C1694" s="3">
        <v>20</v>
      </c>
      <c r="D1694" s="52" t="s">
        <v>2024</v>
      </c>
      <c r="E1694" s="52" t="s">
        <v>26</v>
      </c>
      <c r="F1694" s="52" t="s">
        <v>81</v>
      </c>
      <c r="G1694" s="52" t="s">
        <v>82</v>
      </c>
      <c r="H1694" s="4">
        <v>1</v>
      </c>
      <c r="I1694" s="2">
        <v>14.65</v>
      </c>
      <c r="J1694" s="52" t="s">
        <v>5219</v>
      </c>
      <c r="K1694" s="71" t="s">
        <v>5220</v>
      </c>
      <c r="L1694" s="52" t="s">
        <v>2063</v>
      </c>
      <c r="M1694" s="72">
        <v>6569</v>
      </c>
      <c r="N1694" s="52" t="s">
        <v>2304</v>
      </c>
      <c r="O1694" s="52" t="s">
        <v>2305</v>
      </c>
      <c r="P1694" s="52"/>
      <c r="Q1694" s="52"/>
      <c r="R1694" s="52"/>
      <c r="S1694" s="52"/>
      <c r="T1694" s="52"/>
      <c r="U1694" s="52"/>
      <c r="V1694" s="52"/>
      <c r="W1694" s="52"/>
    </row>
    <row r="1695" spans="1:23" hidden="1" x14ac:dyDescent="0.35">
      <c r="A1695" s="52" t="s">
        <v>78</v>
      </c>
      <c r="B1695" s="52" t="s">
        <v>79</v>
      </c>
      <c r="C1695" s="3">
        <v>20</v>
      </c>
      <c r="D1695" s="52" t="s">
        <v>83</v>
      </c>
      <c r="E1695" s="52" t="s">
        <v>26</v>
      </c>
      <c r="F1695" s="52" t="s">
        <v>81</v>
      </c>
      <c r="G1695" s="52" t="s">
        <v>82</v>
      </c>
      <c r="H1695" s="4">
        <v>1</v>
      </c>
      <c r="I1695" s="2">
        <v>14.65</v>
      </c>
      <c r="J1695" s="52" t="s">
        <v>5221</v>
      </c>
      <c r="K1695" s="71" t="s">
        <v>5222</v>
      </c>
      <c r="L1695" s="52" t="s">
        <v>2063</v>
      </c>
      <c r="M1695" s="72">
        <v>2614</v>
      </c>
      <c r="N1695" s="52" t="s">
        <v>2072</v>
      </c>
      <c r="O1695" s="52" t="s">
        <v>2073</v>
      </c>
      <c r="P1695" s="52"/>
      <c r="Q1695" s="52"/>
      <c r="R1695" s="52"/>
      <c r="S1695" s="52"/>
      <c r="T1695" s="52"/>
      <c r="U1695" s="52"/>
      <c r="V1695" s="52"/>
      <c r="W1695" s="52"/>
    </row>
    <row r="1696" spans="1:23" hidden="1" x14ac:dyDescent="0.35">
      <c r="A1696" s="52" t="s">
        <v>78</v>
      </c>
      <c r="B1696" s="52" t="s">
        <v>79</v>
      </c>
      <c r="C1696" s="3">
        <v>20</v>
      </c>
      <c r="D1696" s="52" t="s">
        <v>2021</v>
      </c>
      <c r="E1696" s="52" t="s">
        <v>26</v>
      </c>
      <c r="F1696" s="52" t="s">
        <v>81</v>
      </c>
      <c r="G1696" s="52" t="s">
        <v>82</v>
      </c>
      <c r="H1696" s="4">
        <v>1</v>
      </c>
      <c r="I1696" s="2">
        <v>14.65</v>
      </c>
      <c r="J1696" s="52" t="s">
        <v>5223</v>
      </c>
      <c r="K1696" s="71" t="s">
        <v>5224</v>
      </c>
      <c r="L1696" s="52" t="s">
        <v>2063</v>
      </c>
      <c r="M1696" s="72">
        <v>9387</v>
      </c>
      <c r="N1696" s="52" t="s">
        <v>2072</v>
      </c>
      <c r="O1696" s="52" t="s">
        <v>2073</v>
      </c>
      <c r="P1696" s="52"/>
      <c r="Q1696" s="52"/>
      <c r="R1696" s="52"/>
      <c r="S1696" s="52"/>
      <c r="T1696" s="52"/>
      <c r="U1696" s="52"/>
      <c r="V1696" s="52"/>
      <c r="W1696" s="52"/>
    </row>
    <row r="1697" spans="1:23" x14ac:dyDescent="0.35">
      <c r="A1697" s="52" t="s">
        <v>78</v>
      </c>
      <c r="B1697" s="52" t="s">
        <v>79</v>
      </c>
      <c r="C1697" s="3">
        <v>10</v>
      </c>
      <c r="D1697" s="52" t="s">
        <v>2022</v>
      </c>
      <c r="E1697" s="52" t="s">
        <v>26</v>
      </c>
      <c r="F1697" s="52" t="s">
        <v>81</v>
      </c>
      <c r="G1697" s="52" t="s">
        <v>82</v>
      </c>
      <c r="H1697" s="4">
        <v>1</v>
      </c>
      <c r="I1697" s="2">
        <v>14.65</v>
      </c>
      <c r="J1697" s="52" t="s">
        <v>5225</v>
      </c>
      <c r="K1697" s="71" t="s">
        <v>5226</v>
      </c>
      <c r="L1697" s="52" t="s">
        <v>2063</v>
      </c>
      <c r="M1697" s="72">
        <v>333</v>
      </c>
      <c r="N1697" s="52" t="s">
        <v>2259</v>
      </c>
      <c r="O1697" s="52" t="s">
        <v>2260</v>
      </c>
      <c r="P1697" s="52"/>
      <c r="Q1697" s="52"/>
      <c r="R1697" s="52"/>
      <c r="S1697" s="52"/>
      <c r="T1697" s="52"/>
      <c r="U1697" s="52"/>
      <c r="V1697" s="52"/>
      <c r="W1697" s="52"/>
    </row>
    <row r="1698" spans="1:23" hidden="1" x14ac:dyDescent="0.35">
      <c r="A1698" s="52" t="s">
        <v>78</v>
      </c>
      <c r="B1698" s="52" t="s">
        <v>79</v>
      </c>
      <c r="C1698" s="3">
        <v>10</v>
      </c>
      <c r="D1698" s="52" t="s">
        <v>86</v>
      </c>
      <c r="E1698" s="52" t="s">
        <v>26</v>
      </c>
      <c r="F1698" s="52" t="s">
        <v>81</v>
      </c>
      <c r="G1698" s="52" t="s">
        <v>82</v>
      </c>
      <c r="H1698" s="4">
        <v>1</v>
      </c>
      <c r="I1698" s="2">
        <v>14.65</v>
      </c>
      <c r="J1698" s="52" t="s">
        <v>3980</v>
      </c>
      <c r="K1698" s="71" t="s">
        <v>5227</v>
      </c>
      <c r="L1698" s="52" t="s">
        <v>2063</v>
      </c>
      <c r="M1698" s="72">
        <v>1204</v>
      </c>
      <c r="N1698" s="52" t="s">
        <v>2072</v>
      </c>
      <c r="O1698" s="52" t="s">
        <v>2073</v>
      </c>
      <c r="P1698" s="52"/>
      <c r="Q1698" s="52"/>
      <c r="R1698" s="52"/>
      <c r="S1698" s="52"/>
      <c r="T1698" s="52"/>
      <c r="U1698" s="52"/>
      <c r="V1698" s="52"/>
      <c r="W1698" s="52"/>
    </row>
    <row r="1699" spans="1:23" hidden="1" x14ac:dyDescent="0.35">
      <c r="A1699" s="52" t="s">
        <v>78</v>
      </c>
      <c r="B1699" s="52" t="s">
        <v>79</v>
      </c>
      <c r="C1699" s="3">
        <v>10</v>
      </c>
      <c r="D1699" s="52" t="s">
        <v>2019</v>
      </c>
      <c r="E1699" s="52" t="s">
        <v>26</v>
      </c>
      <c r="F1699" s="52" t="s">
        <v>81</v>
      </c>
      <c r="G1699" s="52" t="s">
        <v>82</v>
      </c>
      <c r="H1699" s="4">
        <v>1</v>
      </c>
      <c r="I1699" s="2">
        <v>14.65</v>
      </c>
      <c r="J1699" s="52" t="s">
        <v>5228</v>
      </c>
      <c r="K1699" s="71" t="s">
        <v>5229</v>
      </c>
      <c r="L1699" s="52" t="s">
        <v>2063</v>
      </c>
      <c r="M1699" s="72">
        <v>6977</v>
      </c>
      <c r="N1699" s="52" t="s">
        <v>2072</v>
      </c>
      <c r="O1699" s="52" t="s">
        <v>2073</v>
      </c>
      <c r="P1699" s="52"/>
      <c r="Q1699" s="52"/>
      <c r="R1699" s="52"/>
      <c r="S1699" s="52"/>
      <c r="T1699" s="52"/>
      <c r="U1699" s="52"/>
      <c r="V1699" s="52"/>
      <c r="W1699" s="52"/>
    </row>
    <row r="1700" spans="1:23" hidden="1" x14ac:dyDescent="0.35">
      <c r="A1700" s="52" t="s">
        <v>78</v>
      </c>
      <c r="B1700" s="52" t="s">
        <v>79</v>
      </c>
      <c r="C1700" s="3">
        <v>10</v>
      </c>
      <c r="D1700" s="52" t="s">
        <v>86</v>
      </c>
      <c r="E1700" s="52" t="s">
        <v>26</v>
      </c>
      <c r="F1700" s="52" t="s">
        <v>81</v>
      </c>
      <c r="G1700" s="52" t="s">
        <v>82</v>
      </c>
      <c r="H1700" s="4">
        <v>1</v>
      </c>
      <c r="I1700" s="2">
        <v>14.65</v>
      </c>
      <c r="J1700" s="52" t="s">
        <v>4881</v>
      </c>
      <c r="K1700" s="71" t="s">
        <v>5230</v>
      </c>
      <c r="L1700" s="52" t="s">
        <v>2063</v>
      </c>
      <c r="M1700" s="72">
        <v>40</v>
      </c>
      <c r="N1700" s="52" t="s">
        <v>2154</v>
      </c>
      <c r="O1700" s="52" t="s">
        <v>2155</v>
      </c>
      <c r="P1700" s="52"/>
      <c r="Q1700" s="52"/>
      <c r="R1700" s="52"/>
      <c r="S1700" s="52"/>
      <c r="T1700" s="52"/>
      <c r="U1700" s="52"/>
      <c r="V1700" s="52"/>
      <c r="W1700" s="52"/>
    </row>
    <row r="1701" spans="1:23" hidden="1" x14ac:dyDescent="0.35">
      <c r="A1701" s="52" t="s">
        <v>78</v>
      </c>
      <c r="B1701" s="52" t="s">
        <v>79</v>
      </c>
      <c r="C1701" s="3">
        <v>10</v>
      </c>
      <c r="D1701" s="52" t="s">
        <v>2022</v>
      </c>
      <c r="E1701" s="52" t="s">
        <v>26</v>
      </c>
      <c r="F1701" s="52" t="s">
        <v>81</v>
      </c>
      <c r="G1701" s="52" t="s">
        <v>82</v>
      </c>
      <c r="H1701" s="4">
        <v>1</v>
      </c>
      <c r="I1701" s="2">
        <v>14.65</v>
      </c>
      <c r="J1701" s="52" t="s">
        <v>5231</v>
      </c>
      <c r="K1701" s="71" t="s">
        <v>5232</v>
      </c>
      <c r="L1701" s="52" t="s">
        <v>2063</v>
      </c>
      <c r="M1701" s="72">
        <v>4190</v>
      </c>
      <c r="N1701" s="52" t="s">
        <v>2072</v>
      </c>
      <c r="O1701" s="52" t="s">
        <v>2073</v>
      </c>
      <c r="P1701" s="52"/>
      <c r="Q1701" s="52"/>
      <c r="R1701" s="52"/>
      <c r="S1701" s="52"/>
      <c r="T1701" s="52"/>
      <c r="U1701" s="52"/>
      <c r="V1701" s="52"/>
      <c r="W1701" s="52"/>
    </row>
    <row r="1702" spans="1:23" hidden="1" x14ac:dyDescent="0.35">
      <c r="A1702" s="52" t="s">
        <v>78</v>
      </c>
      <c r="B1702" s="52" t="s">
        <v>79</v>
      </c>
      <c r="C1702" s="3">
        <v>20</v>
      </c>
      <c r="D1702" s="52" t="s">
        <v>83</v>
      </c>
      <c r="E1702" s="52" t="s">
        <v>26</v>
      </c>
      <c r="F1702" s="52" t="s">
        <v>81</v>
      </c>
      <c r="G1702" s="52" t="s">
        <v>82</v>
      </c>
      <c r="H1702" s="4">
        <v>1</v>
      </c>
      <c r="I1702" s="2">
        <v>14.65</v>
      </c>
      <c r="J1702" s="52" t="s">
        <v>5233</v>
      </c>
      <c r="K1702" s="71" t="s">
        <v>5234</v>
      </c>
      <c r="L1702" s="52" t="s">
        <v>2063</v>
      </c>
      <c r="M1702" s="72">
        <v>5269</v>
      </c>
      <c r="N1702" s="52" t="s">
        <v>2066</v>
      </c>
      <c r="O1702" s="52" t="s">
        <v>2067</v>
      </c>
      <c r="P1702" s="52"/>
      <c r="Q1702" s="52"/>
      <c r="R1702" s="52"/>
      <c r="S1702" s="52"/>
      <c r="T1702" s="52"/>
      <c r="U1702" s="52"/>
      <c r="V1702" s="52"/>
      <c r="W1702" s="52"/>
    </row>
    <row r="1703" spans="1:23" hidden="1" x14ac:dyDescent="0.35">
      <c r="A1703" s="52" t="s">
        <v>78</v>
      </c>
      <c r="B1703" s="52" t="s">
        <v>79</v>
      </c>
      <c r="C1703" s="3">
        <v>20</v>
      </c>
      <c r="D1703" s="52" t="s">
        <v>2023</v>
      </c>
      <c r="E1703" s="52" t="s">
        <v>26</v>
      </c>
      <c r="F1703" s="52" t="s">
        <v>81</v>
      </c>
      <c r="G1703" s="52" t="s">
        <v>82</v>
      </c>
      <c r="H1703" s="4">
        <v>1</v>
      </c>
      <c r="I1703" s="2">
        <v>14.65</v>
      </c>
      <c r="J1703" s="52" t="s">
        <v>5235</v>
      </c>
      <c r="K1703" s="71" t="s">
        <v>5236</v>
      </c>
      <c r="L1703" s="52" t="s">
        <v>2063</v>
      </c>
      <c r="M1703" s="72">
        <v>2596</v>
      </c>
      <c r="N1703" s="52" t="s">
        <v>2072</v>
      </c>
      <c r="O1703" s="52" t="s">
        <v>2073</v>
      </c>
      <c r="P1703" s="52"/>
      <c r="Q1703" s="52"/>
      <c r="R1703" s="52"/>
      <c r="S1703" s="52"/>
      <c r="T1703" s="52"/>
      <c r="U1703" s="52"/>
      <c r="V1703" s="52"/>
      <c r="W1703" s="52"/>
    </row>
    <row r="1704" spans="1:23" hidden="1" x14ac:dyDescent="0.35">
      <c r="A1704" s="52" t="s">
        <v>78</v>
      </c>
      <c r="B1704" s="52" t="s">
        <v>79</v>
      </c>
      <c r="C1704" s="3">
        <v>20</v>
      </c>
      <c r="D1704" s="52" t="s">
        <v>86</v>
      </c>
      <c r="E1704" s="52" t="s">
        <v>26</v>
      </c>
      <c r="F1704" s="52" t="s">
        <v>81</v>
      </c>
      <c r="G1704" s="52" t="s">
        <v>82</v>
      </c>
      <c r="H1704" s="4">
        <v>1</v>
      </c>
      <c r="I1704" s="2">
        <v>14.65</v>
      </c>
      <c r="J1704" s="52" t="s">
        <v>5237</v>
      </c>
      <c r="K1704" s="71" t="s">
        <v>5238</v>
      </c>
      <c r="L1704" s="52" t="s">
        <v>2063</v>
      </c>
      <c r="M1704" s="72">
        <v>6729</v>
      </c>
      <c r="N1704" s="52" t="s">
        <v>2072</v>
      </c>
      <c r="O1704" s="52" t="s">
        <v>2073</v>
      </c>
      <c r="P1704" s="52"/>
      <c r="Q1704" s="52"/>
      <c r="R1704" s="52"/>
      <c r="S1704" s="52"/>
      <c r="T1704" s="52"/>
      <c r="U1704" s="52"/>
      <c r="V1704" s="52"/>
      <c r="W1704" s="52"/>
    </row>
    <row r="1705" spans="1:23" hidden="1" x14ac:dyDescent="0.35">
      <c r="A1705" s="52" t="s">
        <v>78</v>
      </c>
      <c r="B1705" s="52" t="s">
        <v>79</v>
      </c>
      <c r="C1705" s="3">
        <v>10</v>
      </c>
      <c r="D1705" s="52" t="s">
        <v>2019</v>
      </c>
      <c r="E1705" s="52" t="s">
        <v>26</v>
      </c>
      <c r="F1705" s="52" t="s">
        <v>81</v>
      </c>
      <c r="G1705" s="52" t="s">
        <v>82</v>
      </c>
      <c r="H1705" s="4">
        <v>1</v>
      </c>
      <c r="I1705" s="2">
        <v>14.65</v>
      </c>
      <c r="J1705" s="52" t="s">
        <v>5239</v>
      </c>
      <c r="K1705" s="71" t="s">
        <v>5240</v>
      </c>
      <c r="L1705" s="52" t="s">
        <v>2063</v>
      </c>
      <c r="M1705" s="72">
        <v>622</v>
      </c>
      <c r="N1705" s="52" t="s">
        <v>2072</v>
      </c>
      <c r="O1705" s="52" t="s">
        <v>2073</v>
      </c>
      <c r="P1705" s="52"/>
      <c r="Q1705" s="52"/>
      <c r="R1705" s="52"/>
      <c r="S1705" s="52"/>
      <c r="T1705" s="52"/>
      <c r="U1705" s="52"/>
      <c r="V1705" s="52"/>
      <c r="W1705" s="52"/>
    </row>
    <row r="1706" spans="1:23" hidden="1" x14ac:dyDescent="0.35">
      <c r="A1706" s="52" t="s">
        <v>78</v>
      </c>
      <c r="B1706" s="52" t="s">
        <v>79</v>
      </c>
      <c r="C1706" s="3">
        <v>20</v>
      </c>
      <c r="D1706" s="52" t="s">
        <v>2022</v>
      </c>
      <c r="E1706" s="52" t="s">
        <v>26</v>
      </c>
      <c r="F1706" s="52" t="s">
        <v>81</v>
      </c>
      <c r="G1706" s="52" t="s">
        <v>82</v>
      </c>
      <c r="H1706" s="4">
        <v>1</v>
      </c>
      <c r="I1706" s="2">
        <v>14.65</v>
      </c>
      <c r="J1706" s="52" t="s">
        <v>5241</v>
      </c>
      <c r="K1706" s="71" t="s">
        <v>5242</v>
      </c>
      <c r="L1706" s="52" t="s">
        <v>2063</v>
      </c>
      <c r="M1706" s="72">
        <v>3021</v>
      </c>
      <c r="N1706" s="52" t="s">
        <v>2072</v>
      </c>
      <c r="O1706" s="52" t="s">
        <v>2073</v>
      </c>
      <c r="P1706" s="52"/>
      <c r="Q1706" s="52"/>
      <c r="R1706" s="52"/>
      <c r="S1706" s="52"/>
      <c r="T1706" s="52"/>
      <c r="U1706" s="52"/>
      <c r="V1706" s="52"/>
      <c r="W1706" s="52"/>
    </row>
    <row r="1707" spans="1:23" hidden="1" x14ac:dyDescent="0.35">
      <c r="A1707" s="52" t="s">
        <v>78</v>
      </c>
      <c r="B1707" s="52" t="s">
        <v>79</v>
      </c>
      <c r="C1707" s="3">
        <v>10</v>
      </c>
      <c r="D1707" s="52" t="s">
        <v>2020</v>
      </c>
      <c r="E1707" s="52" t="s">
        <v>26</v>
      </c>
      <c r="F1707" s="52" t="s">
        <v>81</v>
      </c>
      <c r="G1707" s="52" t="s">
        <v>82</v>
      </c>
      <c r="H1707" s="4">
        <v>1</v>
      </c>
      <c r="I1707" s="2">
        <v>14.65</v>
      </c>
      <c r="J1707" s="52" t="s">
        <v>4362</v>
      </c>
      <c r="K1707" s="71" t="s">
        <v>5243</v>
      </c>
      <c r="L1707" s="52" t="s">
        <v>2063</v>
      </c>
      <c r="M1707" s="72">
        <v>3005</v>
      </c>
      <c r="N1707" s="52"/>
      <c r="O1707" s="52"/>
      <c r="P1707" s="52"/>
      <c r="Q1707" s="52"/>
      <c r="R1707" s="52"/>
      <c r="S1707" s="52"/>
      <c r="T1707" s="52"/>
      <c r="U1707" s="52"/>
      <c r="V1707" s="52"/>
      <c r="W1707" s="52"/>
    </row>
    <row r="1708" spans="1:23" hidden="1" x14ac:dyDescent="0.35">
      <c r="A1708" s="52" t="s">
        <v>78</v>
      </c>
      <c r="B1708" s="52" t="s">
        <v>79</v>
      </c>
      <c r="C1708" s="3">
        <v>10</v>
      </c>
      <c r="D1708" s="52" t="s">
        <v>2020</v>
      </c>
      <c r="E1708" s="52" t="s">
        <v>26</v>
      </c>
      <c r="F1708" s="52" t="s">
        <v>81</v>
      </c>
      <c r="G1708" s="52" t="s">
        <v>82</v>
      </c>
      <c r="H1708" s="4">
        <v>1</v>
      </c>
      <c r="I1708" s="2">
        <v>14.65</v>
      </c>
      <c r="J1708" s="52" t="s">
        <v>5244</v>
      </c>
      <c r="K1708" s="71" t="s">
        <v>5245</v>
      </c>
      <c r="L1708" s="52" t="s">
        <v>2063</v>
      </c>
      <c r="M1708" s="72">
        <v>8650</v>
      </c>
      <c r="N1708" s="52"/>
      <c r="O1708" s="52"/>
      <c r="P1708" s="52"/>
      <c r="Q1708" s="52"/>
      <c r="R1708" s="52"/>
      <c r="S1708" s="52"/>
      <c r="T1708" s="52"/>
      <c r="U1708" s="52"/>
      <c r="V1708" s="52"/>
      <c r="W1708" s="52"/>
    </row>
    <row r="1709" spans="1:23" hidden="1" x14ac:dyDescent="0.35">
      <c r="A1709" s="52" t="s">
        <v>78</v>
      </c>
      <c r="B1709" s="52" t="s">
        <v>79</v>
      </c>
      <c r="C1709" s="3">
        <v>20</v>
      </c>
      <c r="D1709" s="52" t="s">
        <v>2024</v>
      </c>
      <c r="E1709" s="52" t="s">
        <v>26</v>
      </c>
      <c r="F1709" s="52" t="s">
        <v>81</v>
      </c>
      <c r="G1709" s="52" t="s">
        <v>82</v>
      </c>
      <c r="H1709" s="4">
        <v>1</v>
      </c>
      <c r="I1709" s="2">
        <v>14.65</v>
      </c>
      <c r="J1709" s="52" t="s">
        <v>5246</v>
      </c>
      <c r="K1709" s="71" t="s">
        <v>5247</v>
      </c>
      <c r="L1709" s="52" t="s">
        <v>2063</v>
      </c>
      <c r="M1709" s="72">
        <v>4503</v>
      </c>
      <c r="N1709" s="52" t="s">
        <v>2072</v>
      </c>
      <c r="O1709" s="52" t="s">
        <v>2073</v>
      </c>
      <c r="P1709" s="52"/>
      <c r="Q1709" s="52"/>
      <c r="R1709" s="52"/>
      <c r="S1709" s="52"/>
      <c r="T1709" s="52"/>
      <c r="U1709" s="52"/>
      <c r="V1709" s="52"/>
      <c r="W1709" s="52"/>
    </row>
    <row r="1710" spans="1:23" hidden="1" x14ac:dyDescent="0.35">
      <c r="A1710" s="52" t="s">
        <v>78</v>
      </c>
      <c r="B1710" s="52" t="s">
        <v>79</v>
      </c>
      <c r="C1710" s="3">
        <v>20</v>
      </c>
      <c r="D1710" s="52" t="s">
        <v>85</v>
      </c>
      <c r="E1710" s="52" t="s">
        <v>26</v>
      </c>
      <c r="F1710" s="52" t="s">
        <v>81</v>
      </c>
      <c r="G1710" s="52" t="s">
        <v>82</v>
      </c>
      <c r="H1710" s="4">
        <v>1</v>
      </c>
      <c r="I1710" s="2">
        <v>14.65</v>
      </c>
      <c r="J1710" s="52" t="s">
        <v>5248</v>
      </c>
      <c r="K1710" s="71" t="s">
        <v>5249</v>
      </c>
      <c r="L1710" s="52" t="s">
        <v>2063</v>
      </c>
      <c r="M1710" s="72">
        <v>6749</v>
      </c>
      <c r="N1710" s="52" t="s">
        <v>2072</v>
      </c>
      <c r="O1710" s="52" t="s">
        <v>2073</v>
      </c>
      <c r="P1710" s="52"/>
      <c r="Q1710" s="52"/>
      <c r="R1710" s="52"/>
      <c r="S1710" s="52"/>
      <c r="T1710" s="52"/>
      <c r="U1710" s="52"/>
      <c r="V1710" s="52"/>
      <c r="W1710" s="52"/>
    </row>
    <row r="1711" spans="1:23" x14ac:dyDescent="0.35">
      <c r="A1711" s="52" t="s">
        <v>78</v>
      </c>
      <c r="B1711" s="52" t="s">
        <v>79</v>
      </c>
      <c r="C1711" s="3">
        <v>10</v>
      </c>
      <c r="D1711" s="52" t="s">
        <v>2024</v>
      </c>
      <c r="E1711" s="52" t="s">
        <v>26</v>
      </c>
      <c r="F1711" s="52" t="s">
        <v>81</v>
      </c>
      <c r="G1711" s="52" t="s">
        <v>82</v>
      </c>
      <c r="H1711" s="4">
        <v>1</v>
      </c>
      <c r="I1711" s="2">
        <v>14.65</v>
      </c>
      <c r="J1711" s="52" t="s">
        <v>5250</v>
      </c>
      <c r="K1711" s="71" t="s">
        <v>5251</v>
      </c>
      <c r="L1711" s="52" t="s">
        <v>2063</v>
      </c>
      <c r="M1711" s="72">
        <v>8251</v>
      </c>
      <c r="N1711" s="52" t="s">
        <v>2076</v>
      </c>
      <c r="O1711" s="52" t="s">
        <v>2077</v>
      </c>
      <c r="P1711" s="52"/>
      <c r="Q1711" s="52"/>
      <c r="R1711" s="52"/>
      <c r="S1711" s="52"/>
      <c r="T1711" s="52"/>
      <c r="U1711" s="52"/>
      <c r="V1711" s="52"/>
      <c r="W1711" s="52"/>
    </row>
    <row r="1712" spans="1:23" hidden="1" x14ac:dyDescent="0.35">
      <c r="A1712" s="52" t="s">
        <v>78</v>
      </c>
      <c r="B1712" s="52" t="s">
        <v>79</v>
      </c>
      <c r="C1712" s="3">
        <v>20</v>
      </c>
      <c r="D1712" s="52" t="s">
        <v>2022</v>
      </c>
      <c r="E1712" s="52" t="s">
        <v>26</v>
      </c>
      <c r="F1712" s="52" t="s">
        <v>81</v>
      </c>
      <c r="G1712" s="52" t="s">
        <v>82</v>
      </c>
      <c r="H1712" s="4">
        <v>1</v>
      </c>
      <c r="I1712" s="2">
        <v>14.65</v>
      </c>
      <c r="J1712" s="52" t="s">
        <v>5252</v>
      </c>
      <c r="K1712" s="71" t="s">
        <v>5253</v>
      </c>
      <c r="L1712" s="52" t="s">
        <v>2063</v>
      </c>
      <c r="M1712" s="72">
        <v>8962</v>
      </c>
      <c r="N1712" s="52"/>
      <c r="O1712" s="52"/>
      <c r="P1712" s="52"/>
      <c r="Q1712" s="52"/>
      <c r="R1712" s="52"/>
      <c r="S1712" s="52"/>
      <c r="T1712" s="52"/>
      <c r="U1712" s="52"/>
      <c r="V1712" s="52"/>
      <c r="W1712" s="52"/>
    </row>
    <row r="1713" spans="1:23" hidden="1" x14ac:dyDescent="0.35">
      <c r="A1713" s="52" t="s">
        <v>78</v>
      </c>
      <c r="B1713" s="52" t="s">
        <v>79</v>
      </c>
      <c r="C1713" s="3">
        <v>20</v>
      </c>
      <c r="D1713" s="52" t="s">
        <v>2023</v>
      </c>
      <c r="E1713" s="52" t="s">
        <v>26</v>
      </c>
      <c r="F1713" s="52" t="s">
        <v>81</v>
      </c>
      <c r="G1713" s="52" t="s">
        <v>82</v>
      </c>
      <c r="H1713" s="4">
        <v>1</v>
      </c>
      <c r="I1713" s="2">
        <v>14.65</v>
      </c>
      <c r="J1713" s="52" t="s">
        <v>5254</v>
      </c>
      <c r="K1713" s="71" t="s">
        <v>5255</v>
      </c>
      <c r="L1713" s="52" t="s">
        <v>2063</v>
      </c>
      <c r="M1713" s="72">
        <v>7060</v>
      </c>
      <c r="N1713" s="52" t="s">
        <v>2072</v>
      </c>
      <c r="O1713" s="52" t="s">
        <v>2073</v>
      </c>
      <c r="P1713" s="52"/>
      <c r="Q1713" s="52"/>
      <c r="R1713" s="52"/>
      <c r="S1713" s="52"/>
      <c r="T1713" s="52"/>
      <c r="U1713" s="52"/>
      <c r="V1713" s="52"/>
      <c r="W1713" s="52"/>
    </row>
    <row r="1714" spans="1:23" hidden="1" x14ac:dyDescent="0.35">
      <c r="A1714" s="52" t="s">
        <v>78</v>
      </c>
      <c r="B1714" s="52" t="s">
        <v>79</v>
      </c>
      <c r="C1714" s="3">
        <v>20</v>
      </c>
      <c r="D1714" s="52" t="s">
        <v>87</v>
      </c>
      <c r="E1714" s="52" t="s">
        <v>26</v>
      </c>
      <c r="F1714" s="52" t="s">
        <v>81</v>
      </c>
      <c r="G1714" s="52" t="s">
        <v>82</v>
      </c>
      <c r="H1714" s="4">
        <v>1</v>
      </c>
      <c r="I1714" s="2">
        <v>14.65</v>
      </c>
      <c r="J1714" s="52" t="s">
        <v>5256</v>
      </c>
      <c r="K1714" s="71" t="s">
        <v>5257</v>
      </c>
      <c r="L1714" s="52" t="s">
        <v>2063</v>
      </c>
      <c r="M1714" s="72">
        <v>4503</v>
      </c>
      <c r="N1714" s="52" t="s">
        <v>2072</v>
      </c>
      <c r="O1714" s="52" t="s">
        <v>2073</v>
      </c>
      <c r="P1714" s="52"/>
      <c r="Q1714" s="52"/>
      <c r="R1714" s="52"/>
      <c r="S1714" s="52"/>
      <c r="T1714" s="52"/>
      <c r="U1714" s="52"/>
      <c r="V1714" s="52"/>
      <c r="W1714" s="52"/>
    </row>
    <row r="1715" spans="1:23" hidden="1" x14ac:dyDescent="0.35">
      <c r="A1715" s="52" t="s">
        <v>78</v>
      </c>
      <c r="B1715" s="52" t="s">
        <v>79</v>
      </c>
      <c r="C1715" s="3">
        <v>20</v>
      </c>
      <c r="D1715" s="52" t="s">
        <v>85</v>
      </c>
      <c r="E1715" s="52" t="s">
        <v>26</v>
      </c>
      <c r="F1715" s="52" t="s">
        <v>81</v>
      </c>
      <c r="G1715" s="52" t="s">
        <v>82</v>
      </c>
      <c r="H1715" s="4">
        <v>1</v>
      </c>
      <c r="I1715" s="2">
        <v>14.65</v>
      </c>
      <c r="J1715" s="52" t="s">
        <v>5258</v>
      </c>
      <c r="K1715" s="71" t="s">
        <v>5259</v>
      </c>
      <c r="L1715" s="52" t="s">
        <v>2063</v>
      </c>
      <c r="M1715" s="72">
        <v>3700</v>
      </c>
      <c r="N1715" s="52" t="s">
        <v>2072</v>
      </c>
      <c r="O1715" s="52" t="s">
        <v>2073</v>
      </c>
      <c r="P1715" s="52"/>
      <c r="Q1715" s="52"/>
      <c r="R1715" s="52"/>
      <c r="S1715" s="52"/>
      <c r="T1715" s="52"/>
      <c r="U1715" s="52"/>
      <c r="V1715" s="52"/>
      <c r="W1715" s="52"/>
    </row>
    <row r="1716" spans="1:23" hidden="1" x14ac:dyDescent="0.35">
      <c r="A1716" s="52" t="s">
        <v>78</v>
      </c>
      <c r="B1716" s="52" t="s">
        <v>79</v>
      </c>
      <c r="C1716" s="3">
        <v>20</v>
      </c>
      <c r="D1716" s="52" t="s">
        <v>2022</v>
      </c>
      <c r="E1716" s="52" t="s">
        <v>26</v>
      </c>
      <c r="F1716" s="52" t="s">
        <v>81</v>
      </c>
      <c r="G1716" s="52" t="s">
        <v>82</v>
      </c>
      <c r="H1716" s="4">
        <v>1</v>
      </c>
      <c r="I1716" s="2">
        <v>14.65</v>
      </c>
      <c r="J1716" s="52" t="s">
        <v>5260</v>
      </c>
      <c r="K1716" s="71" t="s">
        <v>5261</v>
      </c>
      <c r="L1716" s="52" t="s">
        <v>2063</v>
      </c>
      <c r="M1716" s="72">
        <v>355</v>
      </c>
      <c r="N1716" s="52" t="s">
        <v>2066</v>
      </c>
      <c r="O1716" s="52" t="s">
        <v>2067</v>
      </c>
      <c r="P1716" s="52"/>
      <c r="Q1716" s="52"/>
      <c r="R1716" s="52"/>
      <c r="S1716" s="52"/>
      <c r="T1716" s="52"/>
      <c r="U1716" s="52"/>
      <c r="V1716" s="52"/>
      <c r="W1716" s="52"/>
    </row>
    <row r="1717" spans="1:23" hidden="1" x14ac:dyDescent="0.35">
      <c r="A1717" s="52" t="s">
        <v>78</v>
      </c>
      <c r="B1717" s="52" t="s">
        <v>79</v>
      </c>
      <c r="C1717" s="3">
        <v>211</v>
      </c>
      <c r="D1717" s="52" t="s">
        <v>87</v>
      </c>
      <c r="E1717" s="52" t="s">
        <v>26</v>
      </c>
      <c r="F1717" s="52" t="s">
        <v>81</v>
      </c>
      <c r="G1717" s="52" t="s">
        <v>82</v>
      </c>
      <c r="H1717" s="4">
        <v>1</v>
      </c>
      <c r="I1717" s="2">
        <v>14.65</v>
      </c>
      <c r="J1717" s="52" t="s">
        <v>3969</v>
      </c>
      <c r="K1717" s="71" t="s">
        <v>5262</v>
      </c>
      <c r="L1717" s="52" t="s">
        <v>2095</v>
      </c>
      <c r="M1717" s="72">
        <v>7722</v>
      </c>
      <c r="N1717" s="52" t="s">
        <v>2066</v>
      </c>
      <c r="O1717" s="52" t="s">
        <v>2067</v>
      </c>
      <c r="P1717" s="52"/>
      <c r="Q1717" s="52"/>
      <c r="R1717" s="52"/>
      <c r="S1717" s="52"/>
      <c r="T1717" s="52"/>
      <c r="U1717" s="52"/>
      <c r="V1717" s="52"/>
      <c r="W1717" s="52"/>
    </row>
    <row r="1718" spans="1:23" hidden="1" x14ac:dyDescent="0.35">
      <c r="A1718" s="52" t="s">
        <v>78</v>
      </c>
      <c r="B1718" s="52" t="s">
        <v>79</v>
      </c>
      <c r="C1718" s="3">
        <v>10</v>
      </c>
      <c r="D1718" s="52" t="s">
        <v>2021</v>
      </c>
      <c r="E1718" s="52" t="s">
        <v>26</v>
      </c>
      <c r="F1718" s="52" t="s">
        <v>81</v>
      </c>
      <c r="G1718" s="52" t="s">
        <v>82</v>
      </c>
      <c r="H1718" s="4">
        <v>1</v>
      </c>
      <c r="I1718" s="2">
        <v>14.65</v>
      </c>
      <c r="J1718" s="52" t="s">
        <v>5263</v>
      </c>
      <c r="K1718" s="71" t="s">
        <v>5264</v>
      </c>
      <c r="L1718" s="52" t="s">
        <v>2063</v>
      </c>
      <c r="M1718" s="72">
        <v>544</v>
      </c>
      <c r="N1718" s="52" t="s">
        <v>2072</v>
      </c>
      <c r="O1718" s="52" t="s">
        <v>2073</v>
      </c>
      <c r="P1718" s="52"/>
      <c r="Q1718" s="52"/>
      <c r="R1718" s="52"/>
      <c r="S1718" s="52"/>
      <c r="T1718" s="52"/>
      <c r="U1718" s="52"/>
      <c r="V1718" s="52"/>
      <c r="W1718" s="52"/>
    </row>
    <row r="1719" spans="1:23" x14ac:dyDescent="0.35">
      <c r="A1719" s="52" t="s">
        <v>78</v>
      </c>
      <c r="B1719" s="52" t="s">
        <v>79</v>
      </c>
      <c r="C1719" s="3">
        <v>10</v>
      </c>
      <c r="D1719" s="52" t="s">
        <v>87</v>
      </c>
      <c r="E1719" s="52" t="s">
        <v>26</v>
      </c>
      <c r="F1719" s="52" t="s">
        <v>81</v>
      </c>
      <c r="G1719" s="52" t="s">
        <v>82</v>
      </c>
      <c r="H1719" s="4">
        <v>1</v>
      </c>
      <c r="I1719" s="2">
        <v>14.65</v>
      </c>
      <c r="J1719" s="52" t="s">
        <v>5265</v>
      </c>
      <c r="K1719" s="71" t="s">
        <v>5266</v>
      </c>
      <c r="L1719" s="52" t="s">
        <v>2063</v>
      </c>
      <c r="M1719" s="72">
        <v>2240</v>
      </c>
      <c r="N1719" s="52" t="s">
        <v>2076</v>
      </c>
      <c r="O1719" s="52" t="s">
        <v>2077</v>
      </c>
      <c r="P1719" s="52"/>
      <c r="Q1719" s="52"/>
      <c r="R1719" s="52"/>
      <c r="S1719" s="52"/>
      <c r="T1719" s="52"/>
      <c r="U1719" s="52"/>
      <c r="V1719" s="52"/>
      <c r="W1719" s="52"/>
    </row>
    <row r="1720" spans="1:23" hidden="1" x14ac:dyDescent="0.35">
      <c r="A1720" s="52" t="s">
        <v>78</v>
      </c>
      <c r="B1720" s="52" t="s">
        <v>79</v>
      </c>
      <c r="C1720" s="3">
        <v>10</v>
      </c>
      <c r="D1720" s="52" t="s">
        <v>2021</v>
      </c>
      <c r="E1720" s="52" t="s">
        <v>26</v>
      </c>
      <c r="F1720" s="52" t="s">
        <v>81</v>
      </c>
      <c r="G1720" s="52" t="s">
        <v>82</v>
      </c>
      <c r="H1720" s="4">
        <v>1</v>
      </c>
      <c r="I1720" s="2">
        <v>14.65</v>
      </c>
      <c r="J1720" s="52" t="s">
        <v>5250</v>
      </c>
      <c r="K1720" s="71" t="s">
        <v>5267</v>
      </c>
      <c r="L1720" s="52" t="s">
        <v>2063</v>
      </c>
      <c r="M1720" s="72">
        <v>7176</v>
      </c>
      <c r="N1720" s="52" t="s">
        <v>2072</v>
      </c>
      <c r="O1720" s="52" t="s">
        <v>2073</v>
      </c>
      <c r="P1720" s="52"/>
      <c r="Q1720" s="52"/>
      <c r="R1720" s="52"/>
      <c r="S1720" s="52"/>
      <c r="T1720" s="52"/>
      <c r="U1720" s="52"/>
      <c r="V1720" s="52"/>
      <c r="W1720" s="52"/>
    </row>
    <row r="1721" spans="1:23" hidden="1" x14ac:dyDescent="0.35">
      <c r="A1721" s="52" t="s">
        <v>78</v>
      </c>
      <c r="B1721" s="52" t="s">
        <v>79</v>
      </c>
      <c r="C1721" s="3">
        <v>211</v>
      </c>
      <c r="D1721" s="52" t="s">
        <v>2020</v>
      </c>
      <c r="E1721" s="52" t="s">
        <v>26</v>
      </c>
      <c r="F1721" s="52" t="s">
        <v>81</v>
      </c>
      <c r="G1721" s="52" t="s">
        <v>82</v>
      </c>
      <c r="H1721" s="4">
        <v>1</v>
      </c>
      <c r="I1721" s="2">
        <v>14.65</v>
      </c>
      <c r="J1721" s="52" t="s">
        <v>4517</v>
      </c>
      <c r="K1721" s="71" t="s">
        <v>5268</v>
      </c>
      <c r="L1721" s="52" t="s">
        <v>2095</v>
      </c>
      <c r="M1721" s="72">
        <v>5562</v>
      </c>
      <c r="N1721" s="52"/>
      <c r="O1721" s="52"/>
      <c r="P1721" s="52"/>
      <c r="Q1721" s="52"/>
      <c r="R1721" s="52"/>
      <c r="S1721" s="52"/>
      <c r="T1721" s="52"/>
      <c r="U1721" s="52"/>
      <c r="V1721" s="52"/>
      <c r="W1721" s="52"/>
    </row>
    <row r="1722" spans="1:23" hidden="1" x14ac:dyDescent="0.35">
      <c r="A1722" s="52" t="s">
        <v>78</v>
      </c>
      <c r="B1722" s="52" t="s">
        <v>79</v>
      </c>
      <c r="C1722" s="3">
        <v>20</v>
      </c>
      <c r="D1722" s="52" t="s">
        <v>2019</v>
      </c>
      <c r="E1722" s="52" t="s">
        <v>26</v>
      </c>
      <c r="F1722" s="52" t="s">
        <v>81</v>
      </c>
      <c r="G1722" s="52" t="s">
        <v>82</v>
      </c>
      <c r="H1722" s="4">
        <v>1</v>
      </c>
      <c r="I1722" s="2">
        <v>14.65</v>
      </c>
      <c r="J1722" s="52" t="s">
        <v>5269</v>
      </c>
      <c r="K1722" s="71" t="s">
        <v>5270</v>
      </c>
      <c r="L1722" s="52" t="s">
        <v>2095</v>
      </c>
      <c r="M1722" s="72">
        <v>4754</v>
      </c>
      <c r="N1722" s="52" t="s">
        <v>2195</v>
      </c>
      <c r="O1722" s="52" t="s">
        <v>2196</v>
      </c>
      <c r="P1722" s="52"/>
      <c r="Q1722" s="52"/>
      <c r="R1722" s="52"/>
      <c r="S1722" s="52"/>
      <c r="T1722" s="52"/>
      <c r="U1722" s="52"/>
      <c r="V1722" s="52"/>
      <c r="W1722" s="52"/>
    </row>
    <row r="1723" spans="1:23" hidden="1" x14ac:dyDescent="0.35">
      <c r="A1723" s="52" t="s">
        <v>78</v>
      </c>
      <c r="B1723" s="52" t="s">
        <v>79</v>
      </c>
      <c r="C1723" s="3">
        <v>20</v>
      </c>
      <c r="D1723" s="52" t="s">
        <v>2022</v>
      </c>
      <c r="E1723" s="52" t="s">
        <v>26</v>
      </c>
      <c r="F1723" s="52" t="s">
        <v>81</v>
      </c>
      <c r="G1723" s="52" t="s">
        <v>82</v>
      </c>
      <c r="H1723" s="4">
        <v>1</v>
      </c>
      <c r="I1723" s="2">
        <v>14.65</v>
      </c>
      <c r="J1723" s="52" t="s">
        <v>5271</v>
      </c>
      <c r="K1723" s="71" t="s">
        <v>5272</v>
      </c>
      <c r="L1723" s="52" t="s">
        <v>2063</v>
      </c>
      <c r="M1723" s="72">
        <v>2585</v>
      </c>
      <c r="N1723" s="52" t="s">
        <v>2072</v>
      </c>
      <c r="O1723" s="52" t="s">
        <v>2073</v>
      </c>
      <c r="P1723" s="52"/>
      <c r="Q1723" s="52"/>
      <c r="R1723" s="52"/>
      <c r="S1723" s="52"/>
      <c r="T1723" s="52"/>
      <c r="U1723" s="52"/>
      <c r="V1723" s="52"/>
      <c r="W1723" s="52"/>
    </row>
    <row r="1724" spans="1:23" hidden="1" x14ac:dyDescent="0.35">
      <c r="A1724" s="52" t="s">
        <v>78</v>
      </c>
      <c r="B1724" s="52" t="s">
        <v>79</v>
      </c>
      <c r="C1724" s="3">
        <v>10</v>
      </c>
      <c r="D1724" s="52" t="s">
        <v>2019</v>
      </c>
      <c r="E1724" s="52" t="s">
        <v>26</v>
      </c>
      <c r="F1724" s="52" t="s">
        <v>81</v>
      </c>
      <c r="G1724" s="52" t="s">
        <v>82</v>
      </c>
      <c r="H1724" s="4">
        <v>1</v>
      </c>
      <c r="I1724" s="2">
        <v>14.65</v>
      </c>
      <c r="J1724" s="52" t="s">
        <v>4048</v>
      </c>
      <c r="K1724" s="71" t="s">
        <v>5273</v>
      </c>
      <c r="L1724" s="52" t="s">
        <v>2095</v>
      </c>
      <c r="M1724" s="72">
        <v>7904</v>
      </c>
      <c r="N1724" s="52" t="s">
        <v>2072</v>
      </c>
      <c r="O1724" s="52" t="s">
        <v>2073</v>
      </c>
      <c r="P1724" s="52"/>
      <c r="Q1724" s="52"/>
      <c r="R1724" s="52"/>
      <c r="S1724" s="52"/>
      <c r="T1724" s="52"/>
      <c r="U1724" s="52"/>
      <c r="V1724" s="52"/>
      <c r="W1724" s="52"/>
    </row>
    <row r="1725" spans="1:23" hidden="1" x14ac:dyDescent="0.35">
      <c r="A1725" s="52" t="s">
        <v>78</v>
      </c>
      <c r="B1725" s="52" t="s">
        <v>79</v>
      </c>
      <c r="C1725" s="3">
        <v>10</v>
      </c>
      <c r="D1725" s="52" t="s">
        <v>2024</v>
      </c>
      <c r="E1725" s="52" t="s">
        <v>26</v>
      </c>
      <c r="F1725" s="52" t="s">
        <v>81</v>
      </c>
      <c r="G1725" s="52" t="s">
        <v>82</v>
      </c>
      <c r="H1725" s="4">
        <v>1</v>
      </c>
      <c r="I1725" s="2">
        <v>14.65</v>
      </c>
      <c r="J1725" s="52" t="s">
        <v>5274</v>
      </c>
      <c r="K1725" s="71" t="s">
        <v>5275</v>
      </c>
      <c r="L1725" s="52" t="s">
        <v>2063</v>
      </c>
      <c r="M1725" s="72">
        <v>3695</v>
      </c>
      <c r="N1725" s="52" t="s">
        <v>2158</v>
      </c>
      <c r="O1725" s="52" t="s">
        <v>2159</v>
      </c>
      <c r="P1725" s="52"/>
      <c r="Q1725" s="52"/>
      <c r="R1725" s="52"/>
      <c r="S1725" s="52"/>
      <c r="T1725" s="52"/>
      <c r="U1725" s="52"/>
      <c r="V1725" s="52"/>
      <c r="W1725" s="52"/>
    </row>
    <row r="1726" spans="1:23" hidden="1" x14ac:dyDescent="0.35">
      <c r="A1726" s="52" t="s">
        <v>78</v>
      </c>
      <c r="B1726" s="52" t="s">
        <v>79</v>
      </c>
      <c r="C1726" s="3">
        <v>10</v>
      </c>
      <c r="D1726" s="52" t="s">
        <v>2020</v>
      </c>
      <c r="E1726" s="52" t="s">
        <v>26</v>
      </c>
      <c r="F1726" s="52" t="s">
        <v>81</v>
      </c>
      <c r="G1726" s="52" t="s">
        <v>82</v>
      </c>
      <c r="H1726" s="4">
        <v>1</v>
      </c>
      <c r="I1726" s="2">
        <v>14.65</v>
      </c>
      <c r="J1726" s="52" t="s">
        <v>4857</v>
      </c>
      <c r="K1726" s="71" t="s">
        <v>5276</v>
      </c>
      <c r="L1726" s="52" t="s">
        <v>2063</v>
      </c>
      <c r="M1726" s="72">
        <v>5920</v>
      </c>
      <c r="N1726" s="52" t="s">
        <v>2072</v>
      </c>
      <c r="O1726" s="52" t="s">
        <v>2073</v>
      </c>
      <c r="P1726" s="52"/>
      <c r="Q1726" s="52"/>
      <c r="R1726" s="52"/>
      <c r="S1726" s="52"/>
      <c r="T1726" s="52"/>
      <c r="U1726" s="52"/>
      <c r="V1726" s="52"/>
      <c r="W1726" s="52"/>
    </row>
    <row r="1727" spans="1:23" x14ac:dyDescent="0.35">
      <c r="A1727" s="52" t="s">
        <v>78</v>
      </c>
      <c r="B1727" s="52" t="s">
        <v>79</v>
      </c>
      <c r="C1727" s="3">
        <v>211</v>
      </c>
      <c r="D1727" s="52" t="s">
        <v>2024</v>
      </c>
      <c r="E1727" s="52" t="s">
        <v>26</v>
      </c>
      <c r="F1727" s="52" t="s">
        <v>81</v>
      </c>
      <c r="G1727" s="52" t="s">
        <v>82</v>
      </c>
      <c r="H1727" s="4">
        <v>1</v>
      </c>
      <c r="I1727" s="2">
        <v>14.65</v>
      </c>
      <c r="J1727" s="52" t="s">
        <v>5277</v>
      </c>
      <c r="K1727" s="71" t="s">
        <v>5278</v>
      </c>
      <c r="L1727" s="52" t="s">
        <v>2063</v>
      </c>
      <c r="M1727" s="72">
        <v>40</v>
      </c>
      <c r="N1727" s="52" t="s">
        <v>2259</v>
      </c>
      <c r="O1727" s="52" t="s">
        <v>2260</v>
      </c>
      <c r="P1727" s="52"/>
      <c r="Q1727" s="52"/>
      <c r="R1727" s="52"/>
      <c r="S1727" s="52"/>
      <c r="T1727" s="52"/>
      <c r="U1727" s="52"/>
      <c r="V1727" s="52"/>
      <c r="W1727" s="52"/>
    </row>
    <row r="1728" spans="1:23" hidden="1" x14ac:dyDescent="0.35">
      <c r="A1728" s="52" t="s">
        <v>78</v>
      </c>
      <c r="B1728" s="52" t="s">
        <v>79</v>
      </c>
      <c r="C1728" s="3">
        <v>20</v>
      </c>
      <c r="D1728" s="52" t="s">
        <v>2021</v>
      </c>
      <c r="E1728" s="52" t="s">
        <v>26</v>
      </c>
      <c r="F1728" s="52" t="s">
        <v>81</v>
      </c>
      <c r="G1728" s="52" t="s">
        <v>82</v>
      </c>
      <c r="H1728" s="4">
        <v>1</v>
      </c>
      <c r="I1728" s="2">
        <v>14.65</v>
      </c>
      <c r="J1728" s="52" t="s">
        <v>5202</v>
      </c>
      <c r="K1728" s="71" t="s">
        <v>5279</v>
      </c>
      <c r="L1728" s="52" t="s">
        <v>2063</v>
      </c>
      <c r="M1728" s="72">
        <v>988</v>
      </c>
      <c r="N1728" s="52" t="s">
        <v>2158</v>
      </c>
      <c r="O1728" s="52" t="s">
        <v>2159</v>
      </c>
      <c r="P1728" s="52"/>
      <c r="Q1728" s="52"/>
      <c r="R1728" s="52"/>
      <c r="S1728" s="52"/>
      <c r="T1728" s="52"/>
      <c r="U1728" s="52"/>
      <c r="V1728" s="52"/>
      <c r="W1728" s="52"/>
    </row>
    <row r="1729" spans="1:23" hidden="1" x14ac:dyDescent="0.35">
      <c r="A1729" s="52" t="s">
        <v>78</v>
      </c>
      <c r="B1729" s="52" t="s">
        <v>79</v>
      </c>
      <c r="C1729" s="3">
        <v>10</v>
      </c>
      <c r="D1729" s="52" t="s">
        <v>2022</v>
      </c>
      <c r="E1729" s="52" t="s">
        <v>26</v>
      </c>
      <c r="F1729" s="52" t="s">
        <v>81</v>
      </c>
      <c r="G1729" s="52" t="s">
        <v>82</v>
      </c>
      <c r="H1729" s="4">
        <v>1</v>
      </c>
      <c r="I1729" s="2">
        <v>14.65</v>
      </c>
      <c r="J1729" s="52" t="s">
        <v>5280</v>
      </c>
      <c r="K1729" s="71" t="s">
        <v>5281</v>
      </c>
      <c r="L1729" s="52" t="s">
        <v>2063</v>
      </c>
      <c r="M1729" s="72">
        <v>755</v>
      </c>
      <c r="N1729" s="52" t="s">
        <v>2158</v>
      </c>
      <c r="O1729" s="52" t="s">
        <v>2159</v>
      </c>
      <c r="P1729" s="52"/>
      <c r="Q1729" s="52"/>
      <c r="R1729" s="52"/>
      <c r="S1729" s="52"/>
      <c r="T1729" s="52"/>
      <c r="U1729" s="52"/>
      <c r="V1729" s="52"/>
      <c r="W1729" s="52"/>
    </row>
    <row r="1730" spans="1:23" hidden="1" x14ac:dyDescent="0.35">
      <c r="A1730" s="52" t="s">
        <v>78</v>
      </c>
      <c r="B1730" s="52" t="s">
        <v>79</v>
      </c>
      <c r="C1730" s="3">
        <v>212</v>
      </c>
      <c r="D1730" s="52" t="s">
        <v>83</v>
      </c>
      <c r="E1730" s="52" t="s">
        <v>26</v>
      </c>
      <c r="F1730" s="52" t="s">
        <v>81</v>
      </c>
      <c r="G1730" s="52" t="s">
        <v>82</v>
      </c>
      <c r="H1730" s="4">
        <v>1</v>
      </c>
      <c r="I1730" s="2">
        <v>14.65</v>
      </c>
      <c r="J1730" s="52" t="s">
        <v>5282</v>
      </c>
      <c r="K1730" s="71" t="s">
        <v>5283</v>
      </c>
      <c r="L1730" s="52" t="s">
        <v>2063</v>
      </c>
      <c r="M1730" s="72">
        <v>5794</v>
      </c>
      <c r="N1730" s="52" t="s">
        <v>2066</v>
      </c>
      <c r="O1730" s="52" t="s">
        <v>2067</v>
      </c>
      <c r="P1730" s="52"/>
      <c r="Q1730" s="52"/>
      <c r="R1730" s="52"/>
      <c r="S1730" s="52"/>
      <c r="T1730" s="52"/>
      <c r="U1730" s="52"/>
      <c r="V1730" s="52"/>
      <c r="W1730" s="52"/>
    </row>
    <row r="1731" spans="1:23" hidden="1" x14ac:dyDescent="0.35">
      <c r="A1731" s="52" t="s">
        <v>78</v>
      </c>
      <c r="B1731" s="52" t="s">
        <v>79</v>
      </c>
      <c r="C1731" s="3">
        <v>20</v>
      </c>
      <c r="D1731" s="52" t="s">
        <v>86</v>
      </c>
      <c r="E1731" s="52" t="s">
        <v>26</v>
      </c>
      <c r="F1731" s="52" t="s">
        <v>81</v>
      </c>
      <c r="G1731" s="52" t="s">
        <v>82</v>
      </c>
      <c r="H1731" s="4">
        <v>1</v>
      </c>
      <c r="I1731" s="2">
        <v>14.65</v>
      </c>
      <c r="J1731" s="52" t="s">
        <v>5284</v>
      </c>
      <c r="K1731" s="71" t="s">
        <v>5285</v>
      </c>
      <c r="L1731" s="52" t="s">
        <v>2063</v>
      </c>
      <c r="M1731" s="72">
        <v>8064</v>
      </c>
      <c r="N1731" s="52" t="s">
        <v>2304</v>
      </c>
      <c r="O1731" s="52" t="s">
        <v>2305</v>
      </c>
      <c r="P1731" s="52"/>
      <c r="Q1731" s="52"/>
      <c r="R1731" s="52"/>
      <c r="S1731" s="52"/>
      <c r="T1731" s="52"/>
      <c r="U1731" s="52"/>
      <c r="V1731" s="52"/>
      <c r="W1731" s="52"/>
    </row>
    <row r="1732" spans="1:23" hidden="1" x14ac:dyDescent="0.35">
      <c r="A1732" s="52" t="s">
        <v>78</v>
      </c>
      <c r="B1732" s="52" t="s">
        <v>79</v>
      </c>
      <c r="C1732" s="3">
        <v>10</v>
      </c>
      <c r="D1732" s="52" t="s">
        <v>80</v>
      </c>
      <c r="E1732" s="52" t="s">
        <v>26</v>
      </c>
      <c r="F1732" s="52" t="s">
        <v>81</v>
      </c>
      <c r="G1732" s="52" t="s">
        <v>82</v>
      </c>
      <c r="H1732" s="4">
        <v>1</v>
      </c>
      <c r="I1732" s="2">
        <v>14.65</v>
      </c>
      <c r="J1732" s="52" t="s">
        <v>4250</v>
      </c>
      <c r="K1732" s="71" t="s">
        <v>5286</v>
      </c>
      <c r="L1732" s="52" t="s">
        <v>2063</v>
      </c>
      <c r="M1732" s="72">
        <v>9223</v>
      </c>
      <c r="N1732" s="52" t="s">
        <v>2072</v>
      </c>
      <c r="O1732" s="52" t="s">
        <v>2073</v>
      </c>
      <c r="P1732" s="52"/>
      <c r="Q1732" s="52"/>
      <c r="R1732" s="52"/>
      <c r="S1732" s="52"/>
      <c r="T1732" s="52"/>
      <c r="U1732" s="52"/>
      <c r="V1732" s="52"/>
      <c r="W1732" s="52"/>
    </row>
    <row r="1733" spans="1:23" x14ac:dyDescent="0.35">
      <c r="A1733" s="52" t="s">
        <v>78</v>
      </c>
      <c r="B1733" s="52" t="s">
        <v>79</v>
      </c>
      <c r="C1733" s="3">
        <v>20</v>
      </c>
      <c r="D1733" s="52" t="s">
        <v>2020</v>
      </c>
      <c r="E1733" s="52" t="s">
        <v>26</v>
      </c>
      <c r="F1733" s="52" t="s">
        <v>81</v>
      </c>
      <c r="G1733" s="52" t="s">
        <v>82</v>
      </c>
      <c r="H1733" s="4">
        <v>1</v>
      </c>
      <c r="I1733" s="2">
        <v>14.65</v>
      </c>
      <c r="J1733" s="52" t="s">
        <v>4336</v>
      </c>
      <c r="K1733" s="71" t="s">
        <v>5287</v>
      </c>
      <c r="L1733" s="52" t="s">
        <v>2063</v>
      </c>
      <c r="M1733" s="72">
        <v>7808</v>
      </c>
      <c r="N1733" s="52" t="s">
        <v>2259</v>
      </c>
      <c r="O1733" s="52" t="s">
        <v>2260</v>
      </c>
      <c r="P1733" s="52"/>
      <c r="Q1733" s="52"/>
      <c r="R1733" s="52"/>
      <c r="S1733" s="52"/>
      <c r="T1733" s="52"/>
      <c r="U1733" s="52"/>
      <c r="V1733" s="52"/>
      <c r="W1733" s="52"/>
    </row>
    <row r="1734" spans="1:23" hidden="1" x14ac:dyDescent="0.35">
      <c r="A1734" s="52" t="s">
        <v>78</v>
      </c>
      <c r="B1734" s="52" t="s">
        <v>79</v>
      </c>
      <c r="C1734" s="3">
        <v>20</v>
      </c>
      <c r="D1734" s="52" t="s">
        <v>86</v>
      </c>
      <c r="E1734" s="52" t="s">
        <v>26</v>
      </c>
      <c r="F1734" s="52" t="s">
        <v>81</v>
      </c>
      <c r="G1734" s="52" t="s">
        <v>82</v>
      </c>
      <c r="H1734" s="4">
        <v>1</v>
      </c>
      <c r="I1734" s="2">
        <v>14.65</v>
      </c>
      <c r="J1734" s="52" t="s">
        <v>5288</v>
      </c>
      <c r="K1734" s="71" t="s">
        <v>5289</v>
      </c>
      <c r="L1734" s="52" t="s">
        <v>2063</v>
      </c>
      <c r="M1734" s="72">
        <v>643</v>
      </c>
      <c r="N1734" s="52" t="s">
        <v>2158</v>
      </c>
      <c r="O1734" s="52" t="s">
        <v>2159</v>
      </c>
      <c r="P1734" s="52"/>
      <c r="Q1734" s="52"/>
      <c r="R1734" s="52"/>
      <c r="S1734" s="52"/>
      <c r="T1734" s="52"/>
      <c r="U1734" s="52"/>
      <c r="V1734" s="52"/>
      <c r="W1734" s="52"/>
    </row>
    <row r="1735" spans="1:23" hidden="1" x14ac:dyDescent="0.35">
      <c r="A1735" s="52" t="s">
        <v>78</v>
      </c>
      <c r="B1735" s="52" t="s">
        <v>79</v>
      </c>
      <c r="C1735" s="3">
        <v>20</v>
      </c>
      <c r="D1735" s="52" t="s">
        <v>86</v>
      </c>
      <c r="E1735" s="52" t="s">
        <v>26</v>
      </c>
      <c r="F1735" s="52" t="s">
        <v>81</v>
      </c>
      <c r="G1735" s="52" t="s">
        <v>82</v>
      </c>
      <c r="H1735" s="4">
        <v>1</v>
      </c>
      <c r="I1735" s="2">
        <v>14.65</v>
      </c>
      <c r="J1735" s="52" t="s">
        <v>5290</v>
      </c>
      <c r="K1735" s="71" t="s">
        <v>5291</v>
      </c>
      <c r="L1735" s="52" t="s">
        <v>2063</v>
      </c>
      <c r="M1735" s="72">
        <v>2072</v>
      </c>
      <c r="N1735" s="52"/>
      <c r="O1735" s="52"/>
      <c r="P1735" s="52"/>
      <c r="Q1735" s="52"/>
      <c r="R1735" s="52"/>
      <c r="S1735" s="52"/>
      <c r="T1735" s="52"/>
      <c r="U1735" s="52"/>
      <c r="V1735" s="52"/>
      <c r="W1735" s="52"/>
    </row>
    <row r="1736" spans="1:23" hidden="1" x14ac:dyDescent="0.35">
      <c r="A1736" s="52" t="s">
        <v>78</v>
      </c>
      <c r="B1736" s="52" t="s">
        <v>79</v>
      </c>
      <c r="C1736" s="3">
        <v>20</v>
      </c>
      <c r="D1736" s="52" t="s">
        <v>87</v>
      </c>
      <c r="E1736" s="52" t="s">
        <v>26</v>
      </c>
      <c r="F1736" s="52" t="s">
        <v>81</v>
      </c>
      <c r="G1736" s="52" t="s">
        <v>82</v>
      </c>
      <c r="H1736" s="4">
        <v>1</v>
      </c>
      <c r="I1736" s="2">
        <v>14.65</v>
      </c>
      <c r="J1736" s="52" t="s">
        <v>4697</v>
      </c>
      <c r="K1736" s="71" t="s">
        <v>5292</v>
      </c>
      <c r="L1736" s="52" t="s">
        <v>2063</v>
      </c>
      <c r="M1736" s="72">
        <v>3383</v>
      </c>
      <c r="N1736" s="52"/>
      <c r="O1736" s="52"/>
      <c r="P1736" s="52"/>
      <c r="Q1736" s="52"/>
      <c r="R1736" s="52"/>
      <c r="S1736" s="52"/>
      <c r="T1736" s="52"/>
      <c r="U1736" s="52"/>
      <c r="V1736" s="52"/>
      <c r="W1736" s="52"/>
    </row>
    <row r="1737" spans="1:23" hidden="1" x14ac:dyDescent="0.35">
      <c r="A1737" s="52" t="s">
        <v>78</v>
      </c>
      <c r="B1737" s="52" t="s">
        <v>79</v>
      </c>
      <c r="C1737" s="3">
        <v>10</v>
      </c>
      <c r="D1737" s="52" t="s">
        <v>84</v>
      </c>
      <c r="E1737" s="52" t="s">
        <v>26</v>
      </c>
      <c r="F1737" s="52" t="s">
        <v>81</v>
      </c>
      <c r="G1737" s="52" t="s">
        <v>82</v>
      </c>
      <c r="H1737" s="4">
        <v>1</v>
      </c>
      <c r="I1737" s="2">
        <v>14.65</v>
      </c>
      <c r="J1737" s="52" t="s">
        <v>4218</v>
      </c>
      <c r="K1737" s="71" t="s">
        <v>5293</v>
      </c>
      <c r="L1737" s="52" t="s">
        <v>2063</v>
      </c>
      <c r="M1737" s="72">
        <v>6912</v>
      </c>
      <c r="N1737" s="52"/>
      <c r="O1737" s="52"/>
      <c r="P1737" s="52"/>
      <c r="Q1737" s="52"/>
      <c r="R1737" s="52"/>
      <c r="S1737" s="52"/>
      <c r="T1737" s="52"/>
      <c r="U1737" s="52"/>
      <c r="V1737" s="52"/>
      <c r="W1737" s="52"/>
    </row>
    <row r="1738" spans="1:23" hidden="1" x14ac:dyDescent="0.35">
      <c r="A1738" s="52" t="s">
        <v>78</v>
      </c>
      <c r="B1738" s="52" t="s">
        <v>79</v>
      </c>
      <c r="C1738" s="3">
        <v>20</v>
      </c>
      <c r="D1738" s="52" t="s">
        <v>2019</v>
      </c>
      <c r="E1738" s="52" t="s">
        <v>26</v>
      </c>
      <c r="F1738" s="52" t="s">
        <v>81</v>
      </c>
      <c r="G1738" s="52" t="s">
        <v>82</v>
      </c>
      <c r="H1738" s="4">
        <v>1</v>
      </c>
      <c r="I1738" s="2">
        <v>14.65</v>
      </c>
      <c r="J1738" s="52" t="s">
        <v>5294</v>
      </c>
      <c r="K1738" s="71" t="s">
        <v>5295</v>
      </c>
      <c r="L1738" s="52" t="s">
        <v>2063</v>
      </c>
      <c r="M1738" s="72">
        <v>7616</v>
      </c>
      <c r="N1738" s="52" t="s">
        <v>2072</v>
      </c>
      <c r="O1738" s="52" t="s">
        <v>2073</v>
      </c>
      <c r="P1738" s="52"/>
      <c r="Q1738" s="52"/>
      <c r="R1738" s="52"/>
      <c r="S1738" s="52"/>
      <c r="T1738" s="52"/>
      <c r="U1738" s="52"/>
      <c r="V1738" s="52"/>
      <c r="W1738" s="52"/>
    </row>
    <row r="1739" spans="1:23" x14ac:dyDescent="0.35">
      <c r="A1739" s="52" t="s">
        <v>78</v>
      </c>
      <c r="B1739" s="52" t="s">
        <v>79</v>
      </c>
      <c r="C1739" s="3">
        <v>20</v>
      </c>
      <c r="D1739" s="52" t="s">
        <v>2024</v>
      </c>
      <c r="E1739" s="52" t="s">
        <v>26</v>
      </c>
      <c r="F1739" s="52" t="s">
        <v>81</v>
      </c>
      <c r="G1739" s="52" t="s">
        <v>82</v>
      </c>
      <c r="H1739" s="4">
        <v>1</v>
      </c>
      <c r="I1739" s="2">
        <v>14.65</v>
      </c>
      <c r="J1739" s="52" t="s">
        <v>5296</v>
      </c>
      <c r="K1739" s="71" t="s">
        <v>5297</v>
      </c>
      <c r="L1739" s="52" t="s">
        <v>2063</v>
      </c>
      <c r="M1739" s="72">
        <v>8252</v>
      </c>
      <c r="N1739" s="52" t="s">
        <v>2076</v>
      </c>
      <c r="O1739" s="52" t="s">
        <v>2077</v>
      </c>
      <c r="P1739" s="52"/>
      <c r="Q1739" s="52"/>
      <c r="R1739" s="52"/>
      <c r="S1739" s="52"/>
      <c r="T1739" s="52"/>
      <c r="U1739" s="52"/>
      <c r="V1739" s="52"/>
      <c r="W1739" s="52"/>
    </row>
    <row r="1740" spans="1:23" x14ac:dyDescent="0.35">
      <c r="A1740" s="52" t="s">
        <v>78</v>
      </c>
      <c r="B1740" s="52" t="s">
        <v>79</v>
      </c>
      <c r="C1740" s="3">
        <v>20</v>
      </c>
      <c r="D1740" s="52" t="s">
        <v>2022</v>
      </c>
      <c r="E1740" s="52" t="s">
        <v>26</v>
      </c>
      <c r="F1740" s="52" t="s">
        <v>81</v>
      </c>
      <c r="G1740" s="52" t="s">
        <v>82</v>
      </c>
      <c r="H1740" s="4">
        <v>1</v>
      </c>
      <c r="I1740" s="2">
        <v>14.65</v>
      </c>
      <c r="J1740" s="52" t="s">
        <v>5298</v>
      </c>
      <c r="K1740" s="71" t="s">
        <v>5299</v>
      </c>
      <c r="L1740" s="52" t="s">
        <v>2063</v>
      </c>
      <c r="M1740" s="72">
        <v>3135</v>
      </c>
      <c r="N1740" s="52" t="s">
        <v>2259</v>
      </c>
      <c r="O1740" s="52" t="s">
        <v>2260</v>
      </c>
      <c r="P1740" s="52"/>
      <c r="Q1740" s="52"/>
      <c r="R1740" s="52"/>
      <c r="S1740" s="52"/>
      <c r="T1740" s="52"/>
      <c r="U1740" s="52"/>
      <c r="V1740" s="52"/>
      <c r="W1740" s="52"/>
    </row>
    <row r="1741" spans="1:23" hidden="1" x14ac:dyDescent="0.35">
      <c r="A1741" s="52" t="s">
        <v>78</v>
      </c>
      <c r="B1741" s="52" t="s">
        <v>79</v>
      </c>
      <c r="C1741" s="3">
        <v>10</v>
      </c>
      <c r="D1741" s="52" t="s">
        <v>85</v>
      </c>
      <c r="E1741" s="52" t="s">
        <v>26</v>
      </c>
      <c r="F1741" s="52" t="s">
        <v>81</v>
      </c>
      <c r="G1741" s="52" t="s">
        <v>82</v>
      </c>
      <c r="H1741" s="4">
        <v>1</v>
      </c>
      <c r="I1741" s="2">
        <v>14.65</v>
      </c>
      <c r="J1741" s="52" t="s">
        <v>5300</v>
      </c>
      <c r="K1741" s="71" t="s">
        <v>5301</v>
      </c>
      <c r="L1741" s="52" t="s">
        <v>2095</v>
      </c>
      <c r="M1741" s="72">
        <v>7223</v>
      </c>
      <c r="N1741" s="52"/>
      <c r="O1741" s="52"/>
      <c r="P1741" s="52"/>
      <c r="Q1741" s="52"/>
      <c r="R1741" s="52"/>
      <c r="S1741" s="52"/>
      <c r="T1741" s="52"/>
      <c r="U1741" s="52"/>
      <c r="V1741" s="52"/>
      <c r="W1741" s="52"/>
    </row>
    <row r="1742" spans="1:23" hidden="1" x14ac:dyDescent="0.35">
      <c r="A1742" s="52" t="s">
        <v>78</v>
      </c>
      <c r="B1742" s="52" t="s">
        <v>79</v>
      </c>
      <c r="C1742" s="3">
        <v>20</v>
      </c>
      <c r="D1742" s="52" t="s">
        <v>80</v>
      </c>
      <c r="E1742" s="52" t="s">
        <v>26</v>
      </c>
      <c r="F1742" s="52" t="s">
        <v>81</v>
      </c>
      <c r="G1742" s="52" t="s">
        <v>82</v>
      </c>
      <c r="H1742" s="4">
        <v>1</v>
      </c>
      <c r="I1742" s="2">
        <v>14.65</v>
      </c>
      <c r="J1742" s="52" t="s">
        <v>5302</v>
      </c>
      <c r="K1742" s="71" t="s">
        <v>5303</v>
      </c>
      <c r="L1742" s="52" t="s">
        <v>2063</v>
      </c>
      <c r="M1742" s="72">
        <v>7123</v>
      </c>
      <c r="N1742" s="52" t="s">
        <v>2304</v>
      </c>
      <c r="O1742" s="52" t="s">
        <v>2305</v>
      </c>
      <c r="P1742" s="52"/>
      <c r="Q1742" s="52"/>
      <c r="R1742" s="52"/>
      <c r="S1742" s="52"/>
      <c r="T1742" s="52"/>
      <c r="U1742" s="52"/>
      <c r="V1742" s="52"/>
      <c r="W1742" s="52"/>
    </row>
    <row r="1743" spans="1:23" hidden="1" x14ac:dyDescent="0.35">
      <c r="A1743" s="52" t="s">
        <v>78</v>
      </c>
      <c r="B1743" s="52" t="s">
        <v>79</v>
      </c>
      <c r="C1743" s="3">
        <v>20</v>
      </c>
      <c r="D1743" s="52" t="s">
        <v>2019</v>
      </c>
      <c r="E1743" s="52" t="s">
        <v>26</v>
      </c>
      <c r="F1743" s="52" t="s">
        <v>81</v>
      </c>
      <c r="G1743" s="52" t="s">
        <v>82</v>
      </c>
      <c r="H1743" s="4">
        <v>1</v>
      </c>
      <c r="I1743" s="2">
        <v>14.65</v>
      </c>
      <c r="J1743" s="52" t="s">
        <v>4596</v>
      </c>
      <c r="K1743" s="71" t="s">
        <v>5304</v>
      </c>
      <c r="L1743" s="52" t="s">
        <v>2063</v>
      </c>
      <c r="M1743" s="72">
        <v>3700</v>
      </c>
      <c r="N1743" s="52" t="s">
        <v>2072</v>
      </c>
      <c r="O1743" s="52" t="s">
        <v>2073</v>
      </c>
      <c r="P1743" s="52"/>
      <c r="Q1743" s="52"/>
      <c r="R1743" s="52"/>
      <c r="S1743" s="52"/>
      <c r="T1743" s="52"/>
      <c r="U1743" s="52"/>
      <c r="V1743" s="52"/>
      <c r="W1743" s="52"/>
    </row>
    <row r="1744" spans="1:23" hidden="1" x14ac:dyDescent="0.35">
      <c r="A1744" s="52" t="s">
        <v>78</v>
      </c>
      <c r="B1744" s="52" t="s">
        <v>79</v>
      </c>
      <c r="C1744" s="3">
        <v>20</v>
      </c>
      <c r="D1744" s="52" t="s">
        <v>2020</v>
      </c>
      <c r="E1744" s="52" t="s">
        <v>26</v>
      </c>
      <c r="F1744" s="52" t="s">
        <v>81</v>
      </c>
      <c r="G1744" s="52" t="s">
        <v>82</v>
      </c>
      <c r="H1744" s="4">
        <v>1</v>
      </c>
      <c r="I1744" s="2">
        <v>14.65</v>
      </c>
      <c r="J1744" s="52" t="s">
        <v>5305</v>
      </c>
      <c r="K1744" s="71" t="s">
        <v>5306</v>
      </c>
      <c r="L1744" s="52" t="s">
        <v>2063</v>
      </c>
      <c r="M1744" s="72">
        <v>6973</v>
      </c>
      <c r="N1744" s="52"/>
      <c r="O1744" s="52"/>
      <c r="P1744" s="52"/>
      <c r="Q1744" s="52"/>
      <c r="R1744" s="52"/>
      <c r="S1744" s="52"/>
      <c r="T1744" s="52"/>
      <c r="U1744" s="52"/>
      <c r="V1744" s="52"/>
      <c r="W1744" s="52"/>
    </row>
    <row r="1745" spans="1:23" hidden="1" x14ac:dyDescent="0.35">
      <c r="A1745" s="52" t="s">
        <v>78</v>
      </c>
      <c r="B1745" s="52" t="s">
        <v>79</v>
      </c>
      <c r="C1745" s="3">
        <v>10</v>
      </c>
      <c r="D1745" s="52" t="s">
        <v>80</v>
      </c>
      <c r="E1745" s="52" t="s">
        <v>26</v>
      </c>
      <c r="F1745" s="52" t="s">
        <v>81</v>
      </c>
      <c r="G1745" s="52" t="s">
        <v>82</v>
      </c>
      <c r="H1745" s="4">
        <v>1</v>
      </c>
      <c r="I1745" s="2">
        <v>14.65</v>
      </c>
      <c r="J1745" s="52" t="s">
        <v>5307</v>
      </c>
      <c r="K1745" s="71" t="s">
        <v>5308</v>
      </c>
      <c r="L1745" s="52" t="s">
        <v>2063</v>
      </c>
      <c r="M1745" s="72">
        <v>5897</v>
      </c>
      <c r="N1745" s="52"/>
      <c r="O1745" s="52"/>
      <c r="P1745" s="52"/>
      <c r="Q1745" s="52"/>
      <c r="R1745" s="52"/>
      <c r="S1745" s="52"/>
      <c r="T1745" s="52"/>
      <c r="U1745" s="52"/>
      <c r="V1745" s="52"/>
      <c r="W1745" s="52"/>
    </row>
    <row r="1746" spans="1:23" hidden="1" x14ac:dyDescent="0.35">
      <c r="A1746" s="52" t="s">
        <v>78</v>
      </c>
      <c r="B1746" s="52" t="s">
        <v>79</v>
      </c>
      <c r="C1746" s="3">
        <v>20</v>
      </c>
      <c r="D1746" s="52" t="s">
        <v>2019</v>
      </c>
      <c r="E1746" s="52" t="s">
        <v>26</v>
      </c>
      <c r="F1746" s="52" t="s">
        <v>81</v>
      </c>
      <c r="G1746" s="52" t="s">
        <v>82</v>
      </c>
      <c r="H1746" s="4">
        <v>1</v>
      </c>
      <c r="I1746" s="2">
        <v>14.65</v>
      </c>
      <c r="J1746" s="52" t="s">
        <v>5309</v>
      </c>
      <c r="K1746" s="71" t="s">
        <v>5310</v>
      </c>
      <c r="L1746" s="52" t="s">
        <v>2063</v>
      </c>
      <c r="M1746" s="72">
        <v>4107</v>
      </c>
      <c r="N1746" s="52" t="s">
        <v>2072</v>
      </c>
      <c r="O1746" s="52" t="s">
        <v>2073</v>
      </c>
      <c r="P1746" s="52"/>
      <c r="Q1746" s="52"/>
      <c r="R1746" s="52"/>
      <c r="S1746" s="52"/>
      <c r="T1746" s="52"/>
      <c r="U1746" s="52"/>
      <c r="V1746" s="52"/>
      <c r="W1746" s="52"/>
    </row>
    <row r="1747" spans="1:23" hidden="1" x14ac:dyDescent="0.35">
      <c r="A1747" s="52" t="s">
        <v>78</v>
      </c>
      <c r="B1747" s="52" t="s">
        <v>79</v>
      </c>
      <c r="C1747" s="3">
        <v>20</v>
      </c>
      <c r="D1747" s="52" t="s">
        <v>2022</v>
      </c>
      <c r="E1747" s="52" t="s">
        <v>26</v>
      </c>
      <c r="F1747" s="52" t="s">
        <v>81</v>
      </c>
      <c r="G1747" s="52" t="s">
        <v>82</v>
      </c>
      <c r="H1747" s="4">
        <v>1</v>
      </c>
      <c r="I1747" s="2">
        <v>14.65</v>
      </c>
      <c r="J1747" s="52" t="s">
        <v>5311</v>
      </c>
      <c r="K1747" s="71" t="s">
        <v>5312</v>
      </c>
      <c r="L1747" s="52" t="s">
        <v>2063</v>
      </c>
      <c r="M1747" s="72">
        <v>4039</v>
      </c>
      <c r="N1747" s="52" t="s">
        <v>2072</v>
      </c>
      <c r="O1747" s="52" t="s">
        <v>2073</v>
      </c>
      <c r="P1747" s="52"/>
      <c r="Q1747" s="52"/>
      <c r="R1747" s="52"/>
      <c r="S1747" s="52"/>
      <c r="T1747" s="52"/>
      <c r="U1747" s="52"/>
      <c r="V1747" s="52"/>
      <c r="W1747" s="52"/>
    </row>
    <row r="1748" spans="1:23" hidden="1" x14ac:dyDescent="0.35">
      <c r="A1748" s="52" t="s">
        <v>78</v>
      </c>
      <c r="B1748" s="52" t="s">
        <v>79</v>
      </c>
      <c r="C1748" s="3">
        <v>20</v>
      </c>
      <c r="D1748" s="52" t="s">
        <v>2019</v>
      </c>
      <c r="E1748" s="52" t="s">
        <v>26</v>
      </c>
      <c r="F1748" s="52" t="s">
        <v>81</v>
      </c>
      <c r="G1748" s="52" t="s">
        <v>82</v>
      </c>
      <c r="H1748" s="4">
        <v>1</v>
      </c>
      <c r="I1748" s="2">
        <v>14.65</v>
      </c>
      <c r="J1748" s="52" t="s">
        <v>5313</v>
      </c>
      <c r="K1748" s="71" t="s">
        <v>5314</v>
      </c>
      <c r="L1748" s="52" t="s">
        <v>2063</v>
      </c>
      <c r="M1748" s="72">
        <v>1949</v>
      </c>
      <c r="N1748" s="52" t="s">
        <v>2158</v>
      </c>
      <c r="O1748" s="52" t="s">
        <v>2159</v>
      </c>
      <c r="P1748" s="52"/>
      <c r="Q1748" s="52"/>
      <c r="R1748" s="52"/>
      <c r="S1748" s="52"/>
      <c r="T1748" s="52"/>
      <c r="U1748" s="52"/>
      <c r="V1748" s="52"/>
      <c r="W1748" s="52"/>
    </row>
    <row r="1749" spans="1:23" hidden="1" x14ac:dyDescent="0.35">
      <c r="A1749" s="52" t="s">
        <v>78</v>
      </c>
      <c r="B1749" s="52" t="s">
        <v>79</v>
      </c>
      <c r="C1749" s="3">
        <v>20</v>
      </c>
      <c r="D1749" s="52" t="s">
        <v>85</v>
      </c>
      <c r="E1749" s="52" t="s">
        <v>26</v>
      </c>
      <c r="F1749" s="52" t="s">
        <v>81</v>
      </c>
      <c r="G1749" s="52" t="s">
        <v>82</v>
      </c>
      <c r="H1749" s="4">
        <v>1</v>
      </c>
      <c r="I1749" s="2">
        <v>14.65</v>
      </c>
      <c r="J1749" s="52" t="s">
        <v>3685</v>
      </c>
      <c r="K1749" s="71" t="s">
        <v>5315</v>
      </c>
      <c r="L1749" s="52" t="s">
        <v>2063</v>
      </c>
      <c r="M1749" s="72">
        <v>6646</v>
      </c>
      <c r="N1749" s="52" t="s">
        <v>2072</v>
      </c>
      <c r="O1749" s="52" t="s">
        <v>2073</v>
      </c>
      <c r="P1749" s="52"/>
      <c r="Q1749" s="52"/>
      <c r="R1749" s="52"/>
      <c r="S1749" s="52"/>
      <c r="T1749" s="52"/>
      <c r="U1749" s="52"/>
      <c r="V1749" s="52"/>
      <c r="W1749" s="52"/>
    </row>
    <row r="1750" spans="1:23" hidden="1" x14ac:dyDescent="0.35">
      <c r="A1750" s="52" t="s">
        <v>78</v>
      </c>
      <c r="B1750" s="52" t="s">
        <v>79</v>
      </c>
      <c r="C1750" s="3">
        <v>20</v>
      </c>
      <c r="D1750" s="52" t="s">
        <v>87</v>
      </c>
      <c r="E1750" s="52" t="s">
        <v>26</v>
      </c>
      <c r="F1750" s="52" t="s">
        <v>81</v>
      </c>
      <c r="G1750" s="52" t="s">
        <v>82</v>
      </c>
      <c r="H1750" s="4">
        <v>1</v>
      </c>
      <c r="I1750" s="2">
        <v>14.65</v>
      </c>
      <c r="J1750" s="52" t="s">
        <v>5316</v>
      </c>
      <c r="K1750" s="71" t="s">
        <v>5317</v>
      </c>
      <c r="L1750" s="52" t="s">
        <v>2063</v>
      </c>
      <c r="M1750" s="72">
        <v>8345</v>
      </c>
      <c r="N1750" s="52" t="s">
        <v>2072</v>
      </c>
      <c r="O1750" s="52" t="s">
        <v>2073</v>
      </c>
      <c r="P1750" s="52"/>
      <c r="Q1750" s="52"/>
      <c r="R1750" s="52"/>
      <c r="S1750" s="52"/>
      <c r="T1750" s="52"/>
      <c r="U1750" s="52"/>
      <c r="V1750" s="52"/>
      <c r="W1750" s="52"/>
    </row>
    <row r="1751" spans="1:23" hidden="1" x14ac:dyDescent="0.35">
      <c r="A1751" s="52" t="s">
        <v>78</v>
      </c>
      <c r="B1751" s="52" t="s">
        <v>79</v>
      </c>
      <c r="C1751" s="3">
        <v>10</v>
      </c>
      <c r="D1751" s="52" t="s">
        <v>84</v>
      </c>
      <c r="E1751" s="52" t="s">
        <v>26</v>
      </c>
      <c r="F1751" s="52" t="s">
        <v>81</v>
      </c>
      <c r="G1751" s="52" t="s">
        <v>82</v>
      </c>
      <c r="H1751" s="4">
        <v>1</v>
      </c>
      <c r="I1751" s="2">
        <v>14.65</v>
      </c>
      <c r="J1751" s="52" t="s">
        <v>5318</v>
      </c>
      <c r="K1751" s="71" t="s">
        <v>5319</v>
      </c>
      <c r="L1751" s="52" t="s">
        <v>2063</v>
      </c>
      <c r="M1751" s="72">
        <v>635</v>
      </c>
      <c r="N1751" s="52" t="s">
        <v>2066</v>
      </c>
      <c r="O1751" s="52" t="s">
        <v>2067</v>
      </c>
      <c r="P1751" s="52"/>
      <c r="Q1751" s="52"/>
      <c r="R1751" s="52"/>
      <c r="S1751" s="52"/>
      <c r="T1751" s="52"/>
      <c r="U1751" s="52"/>
      <c r="V1751" s="52"/>
      <c r="W1751" s="52"/>
    </row>
    <row r="1752" spans="1:23" hidden="1" x14ac:dyDescent="0.35">
      <c r="A1752" s="52" t="s">
        <v>78</v>
      </c>
      <c r="B1752" s="52" t="s">
        <v>79</v>
      </c>
      <c r="C1752" s="3">
        <v>20</v>
      </c>
      <c r="D1752" s="52" t="s">
        <v>2021</v>
      </c>
      <c r="E1752" s="52" t="s">
        <v>26</v>
      </c>
      <c r="F1752" s="52" t="s">
        <v>81</v>
      </c>
      <c r="G1752" s="52" t="s">
        <v>82</v>
      </c>
      <c r="H1752" s="4">
        <v>1</v>
      </c>
      <c r="I1752" s="2">
        <v>14.65</v>
      </c>
      <c r="J1752" s="52" t="s">
        <v>5320</v>
      </c>
      <c r="K1752" s="71" t="s">
        <v>5321</v>
      </c>
      <c r="L1752" s="52" t="s">
        <v>2063</v>
      </c>
      <c r="M1752" s="72">
        <v>693</v>
      </c>
      <c r="N1752" s="52"/>
      <c r="O1752" s="52"/>
      <c r="P1752" s="52"/>
      <c r="Q1752" s="52"/>
      <c r="R1752" s="52"/>
      <c r="S1752" s="52"/>
      <c r="T1752" s="52"/>
      <c r="U1752" s="52"/>
      <c r="V1752" s="52"/>
      <c r="W1752" s="52"/>
    </row>
    <row r="1753" spans="1:23" hidden="1" x14ac:dyDescent="0.35">
      <c r="A1753" s="52" t="s">
        <v>78</v>
      </c>
      <c r="B1753" s="52" t="s">
        <v>79</v>
      </c>
      <c r="C1753" s="3">
        <v>10</v>
      </c>
      <c r="D1753" s="52" t="s">
        <v>2022</v>
      </c>
      <c r="E1753" s="52" t="s">
        <v>26</v>
      </c>
      <c r="F1753" s="52" t="s">
        <v>81</v>
      </c>
      <c r="G1753" s="52" t="s">
        <v>82</v>
      </c>
      <c r="H1753" s="4">
        <v>1</v>
      </c>
      <c r="I1753" s="2">
        <v>14.65</v>
      </c>
      <c r="J1753" s="52" t="s">
        <v>5322</v>
      </c>
      <c r="K1753" s="71" t="s">
        <v>5323</v>
      </c>
      <c r="L1753" s="52" t="s">
        <v>2063</v>
      </c>
      <c r="M1753" s="72">
        <v>2716</v>
      </c>
      <c r="N1753" s="52" t="s">
        <v>2072</v>
      </c>
      <c r="O1753" s="52" t="s">
        <v>2073</v>
      </c>
      <c r="P1753" s="52"/>
      <c r="Q1753" s="52"/>
      <c r="R1753" s="52"/>
      <c r="S1753" s="52"/>
      <c r="T1753" s="52"/>
      <c r="U1753" s="52"/>
      <c r="V1753" s="52"/>
      <c r="W1753" s="52"/>
    </row>
    <row r="1754" spans="1:23" hidden="1" x14ac:dyDescent="0.35">
      <c r="A1754" s="52" t="s">
        <v>78</v>
      </c>
      <c r="B1754" s="52" t="s">
        <v>79</v>
      </c>
      <c r="C1754" s="3">
        <v>10</v>
      </c>
      <c r="D1754" s="52" t="s">
        <v>83</v>
      </c>
      <c r="E1754" s="52" t="s">
        <v>26</v>
      </c>
      <c r="F1754" s="52" t="s">
        <v>81</v>
      </c>
      <c r="G1754" s="52" t="s">
        <v>82</v>
      </c>
      <c r="H1754" s="4">
        <v>1</v>
      </c>
      <c r="I1754" s="2">
        <v>14.65</v>
      </c>
      <c r="J1754" s="52" t="s">
        <v>5324</v>
      </c>
      <c r="K1754" s="71" t="s">
        <v>5325</v>
      </c>
      <c r="L1754" s="52" t="s">
        <v>2063</v>
      </c>
      <c r="M1754" s="72">
        <v>373</v>
      </c>
      <c r="N1754" s="52" t="s">
        <v>2072</v>
      </c>
      <c r="O1754" s="52" t="s">
        <v>2073</v>
      </c>
      <c r="P1754" s="52"/>
      <c r="Q1754" s="52"/>
      <c r="R1754" s="52"/>
      <c r="S1754" s="52"/>
      <c r="T1754" s="52"/>
      <c r="U1754" s="52"/>
      <c r="V1754" s="52"/>
      <c r="W1754" s="52"/>
    </row>
    <row r="1755" spans="1:23" hidden="1" x14ac:dyDescent="0.35">
      <c r="A1755" s="52" t="s">
        <v>78</v>
      </c>
      <c r="B1755" s="52" t="s">
        <v>79</v>
      </c>
      <c r="C1755" s="3">
        <v>211</v>
      </c>
      <c r="D1755" s="52" t="s">
        <v>86</v>
      </c>
      <c r="E1755" s="52" t="s">
        <v>26</v>
      </c>
      <c r="F1755" s="52" t="s">
        <v>81</v>
      </c>
      <c r="G1755" s="52" t="s">
        <v>82</v>
      </c>
      <c r="H1755" s="4">
        <v>1</v>
      </c>
      <c r="I1755" s="2">
        <v>14.65</v>
      </c>
      <c r="J1755" s="52" t="s">
        <v>5326</v>
      </c>
      <c r="K1755" s="71" t="s">
        <v>5327</v>
      </c>
      <c r="L1755" s="52" t="s">
        <v>2063</v>
      </c>
      <c r="M1755" s="72">
        <v>3664</v>
      </c>
      <c r="N1755" s="52" t="s">
        <v>2072</v>
      </c>
      <c r="O1755" s="52" t="s">
        <v>2073</v>
      </c>
      <c r="P1755" s="52" t="s">
        <v>2072</v>
      </c>
      <c r="Q1755" s="52" t="s">
        <v>2073</v>
      </c>
      <c r="R1755" s="52"/>
      <c r="S1755" s="52"/>
      <c r="T1755" s="52"/>
      <c r="U1755" s="52"/>
      <c r="V1755" s="52"/>
      <c r="W1755" s="52"/>
    </row>
    <row r="1756" spans="1:23" hidden="1" x14ac:dyDescent="0.35">
      <c r="A1756" s="52" t="s">
        <v>78</v>
      </c>
      <c r="B1756" s="52" t="s">
        <v>79</v>
      </c>
      <c r="C1756" s="3">
        <v>20</v>
      </c>
      <c r="D1756" s="52" t="s">
        <v>80</v>
      </c>
      <c r="E1756" s="52" t="s">
        <v>26</v>
      </c>
      <c r="F1756" s="52" t="s">
        <v>81</v>
      </c>
      <c r="G1756" s="52" t="s">
        <v>82</v>
      </c>
      <c r="H1756" s="4">
        <v>1</v>
      </c>
      <c r="I1756" s="2">
        <v>14.65</v>
      </c>
      <c r="J1756" s="52" t="s">
        <v>4733</v>
      </c>
      <c r="K1756" s="71" t="s">
        <v>5328</v>
      </c>
      <c r="L1756" s="52" t="s">
        <v>2095</v>
      </c>
      <c r="M1756" s="72">
        <v>4984</v>
      </c>
      <c r="N1756" s="52"/>
      <c r="O1756" s="52"/>
      <c r="P1756" s="52"/>
      <c r="Q1756" s="52"/>
      <c r="R1756" s="52"/>
      <c r="S1756" s="52"/>
      <c r="T1756" s="52"/>
      <c r="U1756" s="52"/>
      <c r="V1756" s="52"/>
      <c r="W1756" s="52"/>
    </row>
    <row r="1757" spans="1:23" hidden="1" x14ac:dyDescent="0.35">
      <c r="A1757" s="52" t="s">
        <v>78</v>
      </c>
      <c r="B1757" s="52" t="s">
        <v>79</v>
      </c>
      <c r="C1757" s="3">
        <v>20</v>
      </c>
      <c r="D1757" s="52" t="s">
        <v>2020</v>
      </c>
      <c r="E1757" s="52" t="s">
        <v>26</v>
      </c>
      <c r="F1757" s="52" t="s">
        <v>81</v>
      </c>
      <c r="G1757" s="52" t="s">
        <v>82</v>
      </c>
      <c r="H1757" s="4">
        <v>1</v>
      </c>
      <c r="I1757" s="2">
        <v>14.65</v>
      </c>
      <c r="J1757" s="52" t="s">
        <v>5329</v>
      </c>
      <c r="K1757" s="71" t="s">
        <v>5330</v>
      </c>
      <c r="L1757" s="52" t="s">
        <v>2063</v>
      </c>
      <c r="M1757" s="72">
        <v>1303</v>
      </c>
      <c r="N1757" s="52"/>
      <c r="O1757" s="52"/>
      <c r="P1757" s="52"/>
      <c r="Q1757" s="52"/>
      <c r="R1757" s="52"/>
      <c r="S1757" s="52"/>
      <c r="T1757" s="52"/>
      <c r="U1757" s="52"/>
      <c r="V1757" s="52"/>
      <c r="W1757" s="52"/>
    </row>
    <row r="1758" spans="1:23" x14ac:dyDescent="0.35">
      <c r="A1758" s="52" t="s">
        <v>78</v>
      </c>
      <c r="B1758" s="52" t="s">
        <v>79</v>
      </c>
      <c r="C1758" s="3">
        <v>211</v>
      </c>
      <c r="D1758" s="52" t="s">
        <v>85</v>
      </c>
      <c r="E1758" s="52" t="s">
        <v>26</v>
      </c>
      <c r="F1758" s="52" t="s">
        <v>81</v>
      </c>
      <c r="G1758" s="52" t="s">
        <v>82</v>
      </c>
      <c r="H1758" s="4">
        <v>1</v>
      </c>
      <c r="I1758" s="2">
        <v>14.65</v>
      </c>
      <c r="J1758" s="52" t="s">
        <v>5331</v>
      </c>
      <c r="K1758" s="71" t="s">
        <v>5332</v>
      </c>
      <c r="L1758" s="52" t="s">
        <v>2063</v>
      </c>
      <c r="M1758" s="72">
        <v>3703</v>
      </c>
      <c r="N1758" s="52" t="s">
        <v>2238</v>
      </c>
      <c r="O1758" s="52" t="s">
        <v>2239</v>
      </c>
      <c r="P1758" s="52" t="s">
        <v>2238</v>
      </c>
      <c r="Q1758" s="52" t="s">
        <v>2239</v>
      </c>
      <c r="R1758" s="52"/>
      <c r="S1758" s="52"/>
      <c r="T1758" s="52"/>
      <c r="U1758" s="52"/>
      <c r="V1758" s="52"/>
      <c r="W1758" s="52"/>
    </row>
    <row r="1759" spans="1:23" hidden="1" x14ac:dyDescent="0.35">
      <c r="A1759" s="52" t="s">
        <v>78</v>
      </c>
      <c r="B1759" s="52" t="s">
        <v>79</v>
      </c>
      <c r="C1759" s="3">
        <v>20</v>
      </c>
      <c r="D1759" s="52" t="s">
        <v>2024</v>
      </c>
      <c r="E1759" s="52" t="s">
        <v>26</v>
      </c>
      <c r="F1759" s="52" t="s">
        <v>81</v>
      </c>
      <c r="G1759" s="52" t="s">
        <v>82</v>
      </c>
      <c r="H1759" s="4">
        <v>1</v>
      </c>
      <c r="I1759" s="2">
        <v>14.65</v>
      </c>
      <c r="J1759" s="52" t="s">
        <v>5333</v>
      </c>
      <c r="K1759" s="71" t="s">
        <v>5334</v>
      </c>
      <c r="L1759" s="52" t="s">
        <v>2063</v>
      </c>
      <c r="M1759" s="72">
        <v>8984</v>
      </c>
      <c r="N1759" s="52" t="s">
        <v>2066</v>
      </c>
      <c r="O1759" s="52" t="s">
        <v>2067</v>
      </c>
      <c r="P1759" s="52"/>
      <c r="Q1759" s="52"/>
      <c r="R1759" s="52"/>
      <c r="S1759" s="52"/>
      <c r="T1759" s="52"/>
      <c r="U1759" s="52"/>
      <c r="V1759" s="52"/>
      <c r="W1759" s="52"/>
    </row>
    <row r="1760" spans="1:23" hidden="1" x14ac:dyDescent="0.35">
      <c r="A1760" s="52" t="s">
        <v>78</v>
      </c>
      <c r="B1760" s="52" t="s">
        <v>79</v>
      </c>
      <c r="C1760" s="3">
        <v>20</v>
      </c>
      <c r="D1760" s="52" t="s">
        <v>84</v>
      </c>
      <c r="E1760" s="52" t="s">
        <v>26</v>
      </c>
      <c r="F1760" s="52" t="s">
        <v>81</v>
      </c>
      <c r="G1760" s="52" t="s">
        <v>82</v>
      </c>
      <c r="H1760" s="4">
        <v>1</v>
      </c>
      <c r="I1760" s="2">
        <v>14.65</v>
      </c>
      <c r="J1760" s="52" t="s">
        <v>5335</v>
      </c>
      <c r="K1760" s="71" t="s">
        <v>5336</v>
      </c>
      <c r="L1760" s="52" t="s">
        <v>2063</v>
      </c>
      <c r="M1760" s="72">
        <v>1875</v>
      </c>
      <c r="N1760" s="52" t="s">
        <v>2066</v>
      </c>
      <c r="O1760" s="52" t="s">
        <v>2067</v>
      </c>
      <c r="P1760" s="52"/>
      <c r="Q1760" s="52"/>
      <c r="R1760" s="52"/>
      <c r="S1760" s="52"/>
      <c r="T1760" s="52"/>
      <c r="U1760" s="52"/>
      <c r="V1760" s="52"/>
      <c r="W1760" s="52"/>
    </row>
    <row r="1761" spans="1:23" hidden="1" x14ac:dyDescent="0.35">
      <c r="A1761" s="52" t="s">
        <v>78</v>
      </c>
      <c r="B1761" s="52" t="s">
        <v>79</v>
      </c>
      <c r="C1761" s="3">
        <v>211</v>
      </c>
      <c r="D1761" s="52" t="s">
        <v>80</v>
      </c>
      <c r="E1761" s="52" t="s">
        <v>26</v>
      </c>
      <c r="F1761" s="52" t="s">
        <v>81</v>
      </c>
      <c r="G1761" s="52" t="s">
        <v>82</v>
      </c>
      <c r="H1761" s="4">
        <v>1</v>
      </c>
      <c r="I1761" s="2">
        <v>14.65</v>
      </c>
      <c r="J1761" s="52" t="s">
        <v>5337</v>
      </c>
      <c r="K1761" s="71" t="s">
        <v>5338</v>
      </c>
      <c r="L1761" s="52" t="s">
        <v>2063</v>
      </c>
      <c r="M1761" s="72">
        <v>2147</v>
      </c>
      <c r="N1761" s="52" t="s">
        <v>2072</v>
      </c>
      <c r="O1761" s="52" t="s">
        <v>2073</v>
      </c>
      <c r="P1761" s="52"/>
      <c r="Q1761" s="52"/>
      <c r="R1761" s="52"/>
      <c r="S1761" s="52"/>
      <c r="T1761" s="52"/>
      <c r="U1761" s="52"/>
      <c r="V1761" s="52"/>
      <c r="W1761" s="52"/>
    </row>
    <row r="1762" spans="1:23" hidden="1" x14ac:dyDescent="0.35">
      <c r="A1762" s="52" t="s">
        <v>78</v>
      </c>
      <c r="B1762" s="52" t="s">
        <v>79</v>
      </c>
      <c r="C1762" s="3">
        <v>20</v>
      </c>
      <c r="D1762" s="52" t="s">
        <v>84</v>
      </c>
      <c r="E1762" s="52" t="s">
        <v>26</v>
      </c>
      <c r="F1762" s="52" t="s">
        <v>81</v>
      </c>
      <c r="G1762" s="52" t="s">
        <v>82</v>
      </c>
      <c r="H1762" s="4">
        <v>1</v>
      </c>
      <c r="I1762" s="2">
        <v>14.65</v>
      </c>
      <c r="J1762" s="52" t="s">
        <v>5339</v>
      </c>
      <c r="K1762" s="71" t="s">
        <v>5340</v>
      </c>
      <c r="L1762" s="52" t="s">
        <v>2063</v>
      </c>
      <c r="M1762" s="72">
        <v>3528</v>
      </c>
      <c r="N1762" s="52" t="s">
        <v>2072</v>
      </c>
      <c r="O1762" s="52" t="s">
        <v>2073</v>
      </c>
      <c r="P1762" s="52"/>
      <c r="Q1762" s="52"/>
      <c r="R1762" s="52"/>
      <c r="S1762" s="52"/>
      <c r="T1762" s="52"/>
      <c r="U1762" s="52"/>
      <c r="V1762" s="52"/>
      <c r="W1762" s="52"/>
    </row>
    <row r="1763" spans="1:23" hidden="1" x14ac:dyDescent="0.35">
      <c r="A1763" s="52" t="s">
        <v>78</v>
      </c>
      <c r="B1763" s="52" t="s">
        <v>79</v>
      </c>
      <c r="C1763" s="3">
        <v>211</v>
      </c>
      <c r="D1763" s="52" t="s">
        <v>87</v>
      </c>
      <c r="E1763" s="52" t="s">
        <v>26</v>
      </c>
      <c r="F1763" s="52" t="s">
        <v>81</v>
      </c>
      <c r="G1763" s="52" t="s">
        <v>82</v>
      </c>
      <c r="H1763" s="4">
        <v>1</v>
      </c>
      <c r="I1763" s="2">
        <v>14.65</v>
      </c>
      <c r="J1763" s="52" t="s">
        <v>4709</v>
      </c>
      <c r="K1763" s="71" t="s">
        <v>5341</v>
      </c>
      <c r="L1763" s="52" t="s">
        <v>2063</v>
      </c>
      <c r="M1763" s="72">
        <v>8006</v>
      </c>
      <c r="N1763" s="52" t="s">
        <v>3580</v>
      </c>
      <c r="O1763" s="52" t="s">
        <v>3581</v>
      </c>
      <c r="P1763" s="52"/>
      <c r="Q1763" s="52"/>
      <c r="R1763" s="52"/>
      <c r="S1763" s="52"/>
      <c r="T1763" s="52"/>
      <c r="U1763" s="52"/>
      <c r="V1763" s="52"/>
      <c r="W1763" s="52"/>
    </row>
    <row r="1764" spans="1:23" x14ac:dyDescent="0.35">
      <c r="A1764" s="52" t="s">
        <v>78</v>
      </c>
      <c r="B1764" s="52" t="s">
        <v>79</v>
      </c>
      <c r="C1764" s="3">
        <v>10</v>
      </c>
      <c r="D1764" s="52" t="s">
        <v>2022</v>
      </c>
      <c r="E1764" s="52" t="s">
        <v>26</v>
      </c>
      <c r="F1764" s="52" t="s">
        <v>81</v>
      </c>
      <c r="G1764" s="52" t="s">
        <v>82</v>
      </c>
      <c r="H1764" s="4">
        <v>1</v>
      </c>
      <c r="I1764" s="2">
        <v>14.65</v>
      </c>
      <c r="J1764" s="52" t="s">
        <v>5342</v>
      </c>
      <c r="K1764" s="71" t="s">
        <v>5343</v>
      </c>
      <c r="L1764" s="52" t="s">
        <v>2063</v>
      </c>
      <c r="M1764" s="72">
        <v>8364</v>
      </c>
      <c r="N1764" s="52" t="s">
        <v>2259</v>
      </c>
      <c r="O1764" s="52" t="s">
        <v>2260</v>
      </c>
      <c r="P1764" s="52"/>
      <c r="Q1764" s="52"/>
      <c r="R1764" s="52"/>
      <c r="S1764" s="52"/>
      <c r="T1764" s="52"/>
      <c r="U1764" s="52"/>
      <c r="V1764" s="52"/>
      <c r="W1764" s="52"/>
    </row>
    <row r="1765" spans="1:23" hidden="1" x14ac:dyDescent="0.35">
      <c r="A1765" s="52" t="s">
        <v>78</v>
      </c>
      <c r="B1765" s="52" t="s">
        <v>79</v>
      </c>
      <c r="C1765" s="3">
        <v>20</v>
      </c>
      <c r="D1765" s="52" t="s">
        <v>80</v>
      </c>
      <c r="E1765" s="52" t="s">
        <v>26</v>
      </c>
      <c r="F1765" s="52" t="s">
        <v>81</v>
      </c>
      <c r="G1765" s="52" t="s">
        <v>82</v>
      </c>
      <c r="H1765" s="4">
        <v>1</v>
      </c>
      <c r="I1765" s="2">
        <v>14.65</v>
      </c>
      <c r="J1765" s="52" t="s">
        <v>5344</v>
      </c>
      <c r="K1765" s="71" t="s">
        <v>5345</v>
      </c>
      <c r="L1765" s="52" t="s">
        <v>2063</v>
      </c>
      <c r="M1765" s="72">
        <v>9517</v>
      </c>
      <c r="N1765" s="52" t="s">
        <v>2072</v>
      </c>
      <c r="O1765" s="52" t="s">
        <v>2073</v>
      </c>
      <c r="P1765" s="52"/>
      <c r="Q1765" s="52"/>
      <c r="R1765" s="52"/>
      <c r="S1765" s="52"/>
      <c r="T1765" s="52"/>
      <c r="U1765" s="52"/>
      <c r="V1765" s="52"/>
      <c r="W1765" s="52"/>
    </row>
    <row r="1766" spans="1:23" hidden="1" x14ac:dyDescent="0.35">
      <c r="A1766" s="52" t="s">
        <v>78</v>
      </c>
      <c r="B1766" s="52" t="s">
        <v>79</v>
      </c>
      <c r="C1766" s="3">
        <v>211</v>
      </c>
      <c r="D1766" s="52" t="s">
        <v>83</v>
      </c>
      <c r="E1766" s="52" t="s">
        <v>26</v>
      </c>
      <c r="F1766" s="52" t="s">
        <v>81</v>
      </c>
      <c r="G1766" s="52" t="s">
        <v>82</v>
      </c>
      <c r="H1766" s="4">
        <v>1</v>
      </c>
      <c r="I1766" s="2">
        <v>14.65</v>
      </c>
      <c r="J1766" s="52" t="s">
        <v>5346</v>
      </c>
      <c r="K1766" s="71" t="s">
        <v>5347</v>
      </c>
      <c r="L1766" s="52" t="s">
        <v>2063</v>
      </c>
      <c r="M1766" s="72">
        <v>8578</v>
      </c>
      <c r="N1766" s="52" t="s">
        <v>2066</v>
      </c>
      <c r="O1766" s="52" t="s">
        <v>2067</v>
      </c>
      <c r="P1766" s="52"/>
      <c r="Q1766" s="52"/>
      <c r="R1766" s="52"/>
      <c r="S1766" s="52"/>
      <c r="T1766" s="52"/>
      <c r="U1766" s="52"/>
      <c r="V1766" s="52"/>
      <c r="W1766" s="52"/>
    </row>
    <row r="1767" spans="1:23" x14ac:dyDescent="0.35">
      <c r="A1767" s="52" t="s">
        <v>78</v>
      </c>
      <c r="B1767" s="52" t="s">
        <v>79</v>
      </c>
      <c r="C1767" s="3">
        <v>230</v>
      </c>
      <c r="D1767" s="52" t="s">
        <v>87</v>
      </c>
      <c r="E1767" s="52" t="s">
        <v>26</v>
      </c>
      <c r="F1767" s="52" t="s">
        <v>81</v>
      </c>
      <c r="G1767" s="52" t="s">
        <v>82</v>
      </c>
      <c r="H1767" s="4">
        <v>1</v>
      </c>
      <c r="I1767" s="2">
        <v>14.65</v>
      </c>
      <c r="J1767" s="52" t="s">
        <v>5348</v>
      </c>
      <c r="K1767" s="71" t="s">
        <v>5349</v>
      </c>
      <c r="L1767" s="52" t="s">
        <v>2063</v>
      </c>
      <c r="M1767" s="72">
        <v>6554</v>
      </c>
      <c r="N1767" s="52" t="s">
        <v>2259</v>
      </c>
      <c r="O1767" s="52" t="s">
        <v>2260</v>
      </c>
      <c r="P1767" s="52"/>
      <c r="Q1767" s="52"/>
      <c r="R1767" s="52"/>
      <c r="S1767" s="52"/>
      <c r="T1767" s="52"/>
      <c r="U1767" s="52"/>
      <c r="V1767" s="52"/>
      <c r="W1767" s="52"/>
    </row>
    <row r="1768" spans="1:23" hidden="1" x14ac:dyDescent="0.35">
      <c r="A1768" s="52" t="s">
        <v>78</v>
      </c>
      <c r="B1768" s="52" t="s">
        <v>79</v>
      </c>
      <c r="C1768" s="3">
        <v>20</v>
      </c>
      <c r="D1768" s="52" t="s">
        <v>85</v>
      </c>
      <c r="E1768" s="52" t="s">
        <v>26</v>
      </c>
      <c r="F1768" s="52" t="s">
        <v>81</v>
      </c>
      <c r="G1768" s="52" t="s">
        <v>82</v>
      </c>
      <c r="H1768" s="4">
        <v>1</v>
      </c>
      <c r="I1768" s="2">
        <v>14.65</v>
      </c>
      <c r="J1768" s="52" t="s">
        <v>5350</v>
      </c>
      <c r="K1768" s="71" t="s">
        <v>5351</v>
      </c>
      <c r="L1768" s="52" t="s">
        <v>2063</v>
      </c>
      <c r="M1768" s="72">
        <v>8482</v>
      </c>
      <c r="N1768" s="52" t="s">
        <v>2072</v>
      </c>
      <c r="O1768" s="52" t="s">
        <v>2073</v>
      </c>
      <c r="P1768" s="52"/>
      <c r="Q1768" s="52"/>
      <c r="R1768" s="52"/>
      <c r="S1768" s="52"/>
      <c r="T1768" s="52"/>
      <c r="U1768" s="52"/>
      <c r="V1768" s="52"/>
      <c r="W1768" s="52"/>
    </row>
    <row r="1769" spans="1:23" hidden="1" x14ac:dyDescent="0.35">
      <c r="A1769" s="52" t="s">
        <v>78</v>
      </c>
      <c r="B1769" s="52" t="s">
        <v>79</v>
      </c>
      <c r="C1769" s="3">
        <v>20</v>
      </c>
      <c r="D1769" s="52" t="s">
        <v>87</v>
      </c>
      <c r="E1769" s="52" t="s">
        <v>26</v>
      </c>
      <c r="F1769" s="52" t="s">
        <v>81</v>
      </c>
      <c r="G1769" s="52" t="s">
        <v>82</v>
      </c>
      <c r="H1769" s="4">
        <v>1</v>
      </c>
      <c r="I1769" s="2">
        <v>14.65</v>
      </c>
      <c r="J1769" s="52" t="s">
        <v>5054</v>
      </c>
      <c r="K1769" s="71" t="s">
        <v>5352</v>
      </c>
      <c r="L1769" s="52" t="s">
        <v>2063</v>
      </c>
      <c r="M1769" s="72">
        <v>4507</v>
      </c>
      <c r="N1769" s="52" t="s">
        <v>2066</v>
      </c>
      <c r="O1769" s="52" t="s">
        <v>2067</v>
      </c>
      <c r="P1769" s="52"/>
      <c r="Q1769" s="52"/>
      <c r="R1769" s="52"/>
      <c r="S1769" s="52"/>
      <c r="T1769" s="52"/>
      <c r="U1769" s="52"/>
      <c r="V1769" s="52"/>
      <c r="W1769" s="52"/>
    </row>
    <row r="1770" spans="1:23" hidden="1" x14ac:dyDescent="0.35">
      <c r="A1770" s="52" t="s">
        <v>78</v>
      </c>
      <c r="B1770" s="52" t="s">
        <v>79</v>
      </c>
      <c r="C1770" s="3">
        <v>10</v>
      </c>
      <c r="D1770" s="52" t="s">
        <v>87</v>
      </c>
      <c r="E1770" s="52" t="s">
        <v>26</v>
      </c>
      <c r="F1770" s="52" t="s">
        <v>81</v>
      </c>
      <c r="G1770" s="52" t="s">
        <v>82</v>
      </c>
      <c r="H1770" s="4">
        <v>1</v>
      </c>
      <c r="I1770" s="2">
        <v>14.65</v>
      </c>
      <c r="J1770" s="52" t="s">
        <v>5353</v>
      </c>
      <c r="K1770" s="71" t="s">
        <v>5354</v>
      </c>
      <c r="L1770" s="52" t="s">
        <v>2063</v>
      </c>
      <c r="M1770" s="72">
        <v>6183</v>
      </c>
      <c r="N1770" s="52" t="s">
        <v>2072</v>
      </c>
      <c r="O1770" s="52" t="s">
        <v>2073</v>
      </c>
      <c r="P1770" s="52"/>
      <c r="Q1770" s="52"/>
      <c r="R1770" s="52"/>
      <c r="S1770" s="52"/>
      <c r="T1770" s="52"/>
      <c r="U1770" s="52"/>
      <c r="V1770" s="52"/>
      <c r="W1770" s="52"/>
    </row>
    <row r="1771" spans="1:23" hidden="1" x14ac:dyDescent="0.35">
      <c r="A1771" s="52" t="s">
        <v>78</v>
      </c>
      <c r="B1771" s="52" t="s">
        <v>79</v>
      </c>
      <c r="C1771" s="3">
        <v>10</v>
      </c>
      <c r="D1771" s="52" t="s">
        <v>86</v>
      </c>
      <c r="E1771" s="52" t="s">
        <v>26</v>
      </c>
      <c r="F1771" s="52" t="s">
        <v>81</v>
      </c>
      <c r="G1771" s="52" t="s">
        <v>82</v>
      </c>
      <c r="H1771" s="4">
        <v>1</v>
      </c>
      <c r="I1771" s="2">
        <v>14.65</v>
      </c>
      <c r="J1771" s="52" t="s">
        <v>5355</v>
      </c>
      <c r="K1771" s="71" t="s">
        <v>5356</v>
      </c>
      <c r="L1771" s="52" t="s">
        <v>2063</v>
      </c>
      <c r="M1771" s="72">
        <v>3893</v>
      </c>
      <c r="N1771" s="52" t="s">
        <v>2072</v>
      </c>
      <c r="O1771" s="52" t="s">
        <v>2073</v>
      </c>
      <c r="P1771" s="52"/>
      <c r="Q1771" s="52"/>
      <c r="R1771" s="52"/>
      <c r="S1771" s="52"/>
      <c r="T1771" s="52"/>
      <c r="U1771" s="52"/>
      <c r="V1771" s="52"/>
      <c r="W1771" s="52"/>
    </row>
    <row r="1772" spans="1:23" hidden="1" x14ac:dyDescent="0.35">
      <c r="A1772" s="52" t="s">
        <v>78</v>
      </c>
      <c r="B1772" s="52" t="s">
        <v>79</v>
      </c>
      <c r="C1772" s="3">
        <v>20</v>
      </c>
      <c r="D1772" s="52" t="s">
        <v>2023</v>
      </c>
      <c r="E1772" s="52" t="s">
        <v>26</v>
      </c>
      <c r="F1772" s="52" t="s">
        <v>81</v>
      </c>
      <c r="G1772" s="52" t="s">
        <v>82</v>
      </c>
      <c r="H1772" s="4">
        <v>1</v>
      </c>
      <c r="I1772" s="2">
        <v>14.65</v>
      </c>
      <c r="J1772" s="52" t="s">
        <v>5357</v>
      </c>
      <c r="K1772" s="71" t="s">
        <v>5358</v>
      </c>
      <c r="L1772" s="52" t="s">
        <v>2063</v>
      </c>
      <c r="M1772" s="72">
        <v>8321</v>
      </c>
      <c r="N1772" s="52" t="s">
        <v>2072</v>
      </c>
      <c r="O1772" s="52" t="s">
        <v>2073</v>
      </c>
      <c r="P1772" s="52"/>
      <c r="Q1772" s="52"/>
      <c r="R1772" s="52"/>
      <c r="S1772" s="52"/>
      <c r="T1772" s="52"/>
      <c r="U1772" s="52"/>
      <c r="V1772" s="52"/>
      <c r="W1772" s="52"/>
    </row>
    <row r="1773" spans="1:23" hidden="1" x14ac:dyDescent="0.35">
      <c r="A1773" s="52" t="s">
        <v>78</v>
      </c>
      <c r="B1773" s="52" t="s">
        <v>79</v>
      </c>
      <c r="C1773" s="3">
        <v>20</v>
      </c>
      <c r="D1773" s="52" t="s">
        <v>85</v>
      </c>
      <c r="E1773" s="52" t="s">
        <v>26</v>
      </c>
      <c r="F1773" s="52" t="s">
        <v>81</v>
      </c>
      <c r="G1773" s="52" t="s">
        <v>82</v>
      </c>
      <c r="H1773" s="4">
        <v>1</v>
      </c>
      <c r="I1773" s="2">
        <v>14.65</v>
      </c>
      <c r="J1773" s="52" t="s">
        <v>5359</v>
      </c>
      <c r="K1773" s="71" t="s">
        <v>5360</v>
      </c>
      <c r="L1773" s="52" t="s">
        <v>2063</v>
      </c>
      <c r="M1773" s="72">
        <v>3481</v>
      </c>
      <c r="N1773" s="52"/>
      <c r="O1773" s="52"/>
      <c r="P1773" s="52"/>
      <c r="Q1773" s="52"/>
      <c r="R1773" s="52"/>
      <c r="S1773" s="52"/>
      <c r="T1773" s="52"/>
      <c r="U1773" s="52"/>
      <c r="V1773" s="52"/>
      <c r="W1773" s="52"/>
    </row>
    <row r="1774" spans="1:23" hidden="1" x14ac:dyDescent="0.35">
      <c r="A1774" s="52" t="s">
        <v>78</v>
      </c>
      <c r="B1774" s="52" t="s">
        <v>79</v>
      </c>
      <c r="C1774" s="3">
        <v>211</v>
      </c>
      <c r="D1774" s="52" t="s">
        <v>2022</v>
      </c>
      <c r="E1774" s="52" t="s">
        <v>26</v>
      </c>
      <c r="F1774" s="52" t="s">
        <v>81</v>
      </c>
      <c r="G1774" s="52" t="s">
        <v>82</v>
      </c>
      <c r="H1774" s="4">
        <v>1</v>
      </c>
      <c r="I1774" s="2">
        <v>14.65</v>
      </c>
      <c r="J1774" s="52" t="s">
        <v>5361</v>
      </c>
      <c r="K1774" s="71" t="s">
        <v>5362</v>
      </c>
      <c r="L1774" s="52" t="s">
        <v>2063</v>
      </c>
      <c r="M1774" s="72">
        <v>4138</v>
      </c>
      <c r="N1774" s="52" t="s">
        <v>2066</v>
      </c>
      <c r="O1774" s="52" t="s">
        <v>2067</v>
      </c>
      <c r="P1774" s="52"/>
      <c r="Q1774" s="52"/>
      <c r="R1774" s="52"/>
      <c r="S1774" s="52"/>
      <c r="T1774" s="52"/>
      <c r="U1774" s="52"/>
      <c r="V1774" s="52"/>
      <c r="W1774" s="52"/>
    </row>
    <row r="1775" spans="1:23" hidden="1" x14ac:dyDescent="0.35">
      <c r="A1775" s="52" t="s">
        <v>78</v>
      </c>
      <c r="B1775" s="52" t="s">
        <v>79</v>
      </c>
      <c r="C1775" s="3">
        <v>20</v>
      </c>
      <c r="D1775" s="52" t="s">
        <v>85</v>
      </c>
      <c r="E1775" s="52" t="s">
        <v>26</v>
      </c>
      <c r="F1775" s="52" t="s">
        <v>81</v>
      </c>
      <c r="G1775" s="52" t="s">
        <v>82</v>
      </c>
      <c r="H1775" s="4">
        <v>1</v>
      </c>
      <c r="I1775" s="2">
        <v>14.65</v>
      </c>
      <c r="J1775" s="52" t="s">
        <v>5350</v>
      </c>
      <c r="K1775" s="71" t="s">
        <v>5363</v>
      </c>
      <c r="L1775" s="52" t="s">
        <v>2063</v>
      </c>
      <c r="M1775" s="72">
        <v>8921</v>
      </c>
      <c r="N1775" s="52" t="s">
        <v>2072</v>
      </c>
      <c r="O1775" s="52" t="s">
        <v>2073</v>
      </c>
      <c r="P1775" s="52"/>
      <c r="Q1775" s="52"/>
      <c r="R1775" s="52"/>
      <c r="S1775" s="52"/>
      <c r="T1775" s="52"/>
      <c r="U1775" s="52"/>
      <c r="V1775" s="52"/>
      <c r="W1775" s="52"/>
    </row>
    <row r="1776" spans="1:23" hidden="1" x14ac:dyDescent="0.35">
      <c r="A1776" s="52" t="s">
        <v>78</v>
      </c>
      <c r="B1776" s="52" t="s">
        <v>79</v>
      </c>
      <c r="C1776" s="3">
        <v>20</v>
      </c>
      <c r="D1776" s="52" t="s">
        <v>2020</v>
      </c>
      <c r="E1776" s="52" t="s">
        <v>26</v>
      </c>
      <c r="F1776" s="52" t="s">
        <v>81</v>
      </c>
      <c r="G1776" s="52" t="s">
        <v>82</v>
      </c>
      <c r="H1776" s="4">
        <v>1</v>
      </c>
      <c r="I1776" s="2">
        <v>14.65</v>
      </c>
      <c r="J1776" s="52" t="s">
        <v>5364</v>
      </c>
      <c r="K1776" s="71" t="s">
        <v>5365</v>
      </c>
      <c r="L1776" s="52" t="s">
        <v>2063</v>
      </c>
      <c r="M1776" s="72">
        <v>337</v>
      </c>
      <c r="N1776" s="52" t="s">
        <v>2072</v>
      </c>
      <c r="O1776" s="52" t="s">
        <v>2073</v>
      </c>
      <c r="P1776" s="52"/>
      <c r="Q1776" s="52"/>
      <c r="R1776" s="52"/>
      <c r="S1776" s="52"/>
      <c r="T1776" s="52"/>
      <c r="U1776" s="52"/>
      <c r="V1776" s="52"/>
      <c r="W1776" s="52"/>
    </row>
    <row r="1777" spans="1:23" hidden="1" x14ac:dyDescent="0.35">
      <c r="A1777" s="52" t="s">
        <v>78</v>
      </c>
      <c r="B1777" s="52" t="s">
        <v>79</v>
      </c>
      <c r="C1777" s="3">
        <v>20</v>
      </c>
      <c r="D1777" s="52" t="s">
        <v>2024</v>
      </c>
      <c r="E1777" s="52" t="s">
        <v>26</v>
      </c>
      <c r="F1777" s="52" t="s">
        <v>81</v>
      </c>
      <c r="G1777" s="52" t="s">
        <v>82</v>
      </c>
      <c r="H1777" s="4">
        <v>1</v>
      </c>
      <c r="I1777" s="2">
        <v>14.65</v>
      </c>
      <c r="J1777" s="52" t="s">
        <v>5366</v>
      </c>
      <c r="K1777" s="71" t="s">
        <v>5367</v>
      </c>
      <c r="L1777" s="52" t="s">
        <v>2063</v>
      </c>
      <c r="M1777" s="72">
        <v>805</v>
      </c>
      <c r="N1777" s="52" t="s">
        <v>2072</v>
      </c>
      <c r="O1777" s="52" t="s">
        <v>2073</v>
      </c>
      <c r="P1777" s="52"/>
      <c r="Q1777" s="52"/>
      <c r="R1777" s="52"/>
      <c r="S1777" s="52"/>
      <c r="T1777" s="52"/>
      <c r="U1777" s="52"/>
      <c r="V1777" s="52"/>
      <c r="W1777" s="52"/>
    </row>
    <row r="1778" spans="1:23" hidden="1" x14ac:dyDescent="0.35">
      <c r="A1778" s="52" t="s">
        <v>78</v>
      </c>
      <c r="B1778" s="52" t="s">
        <v>79</v>
      </c>
      <c r="C1778" s="3">
        <v>20</v>
      </c>
      <c r="D1778" s="52" t="s">
        <v>2021</v>
      </c>
      <c r="E1778" s="52" t="s">
        <v>26</v>
      </c>
      <c r="F1778" s="52" t="s">
        <v>81</v>
      </c>
      <c r="G1778" s="52" t="s">
        <v>82</v>
      </c>
      <c r="H1778" s="4">
        <v>1</v>
      </c>
      <c r="I1778" s="2">
        <v>14.65</v>
      </c>
      <c r="J1778" s="52" t="s">
        <v>5368</v>
      </c>
      <c r="K1778" s="71" t="s">
        <v>5369</v>
      </c>
      <c r="L1778" s="52" t="s">
        <v>2095</v>
      </c>
      <c r="M1778" s="72">
        <v>8581</v>
      </c>
      <c r="N1778" s="52"/>
      <c r="O1778" s="52"/>
      <c r="P1778" s="52"/>
      <c r="Q1778" s="52"/>
      <c r="R1778" s="52"/>
      <c r="S1778" s="52"/>
      <c r="T1778" s="52"/>
      <c r="U1778" s="52"/>
      <c r="V1778" s="52"/>
      <c r="W1778" s="52"/>
    </row>
    <row r="1779" spans="1:23" hidden="1" x14ac:dyDescent="0.35">
      <c r="A1779" s="52" t="s">
        <v>78</v>
      </c>
      <c r="B1779" s="52" t="s">
        <v>79</v>
      </c>
      <c r="C1779" s="3">
        <v>10</v>
      </c>
      <c r="D1779" s="52" t="s">
        <v>84</v>
      </c>
      <c r="E1779" s="52" t="s">
        <v>26</v>
      </c>
      <c r="F1779" s="52" t="s">
        <v>81</v>
      </c>
      <c r="G1779" s="52" t="s">
        <v>82</v>
      </c>
      <c r="H1779" s="4">
        <v>1</v>
      </c>
      <c r="I1779" s="2">
        <v>14.65</v>
      </c>
      <c r="J1779" s="52" t="s">
        <v>5370</v>
      </c>
      <c r="K1779" s="71" t="s">
        <v>5371</v>
      </c>
      <c r="L1779" s="52" t="s">
        <v>2063</v>
      </c>
      <c r="M1779" s="72">
        <v>8952</v>
      </c>
      <c r="N1779" s="52"/>
      <c r="O1779" s="52"/>
      <c r="P1779" s="52"/>
      <c r="Q1779" s="52"/>
      <c r="R1779" s="52"/>
      <c r="S1779" s="52"/>
      <c r="T1779" s="52"/>
      <c r="U1779" s="52"/>
      <c r="V1779" s="52"/>
      <c r="W1779" s="52"/>
    </row>
    <row r="1780" spans="1:23" hidden="1" x14ac:dyDescent="0.35">
      <c r="A1780" s="52" t="s">
        <v>78</v>
      </c>
      <c r="B1780" s="52" t="s">
        <v>79</v>
      </c>
      <c r="C1780" s="3">
        <v>20</v>
      </c>
      <c r="D1780" s="52" t="s">
        <v>2019</v>
      </c>
      <c r="E1780" s="52" t="s">
        <v>26</v>
      </c>
      <c r="F1780" s="52" t="s">
        <v>81</v>
      </c>
      <c r="G1780" s="52" t="s">
        <v>82</v>
      </c>
      <c r="H1780" s="4">
        <v>1</v>
      </c>
      <c r="I1780" s="2">
        <v>14.65</v>
      </c>
      <c r="J1780" s="52" t="s">
        <v>5372</v>
      </c>
      <c r="K1780" s="71" t="s">
        <v>5373</v>
      </c>
      <c r="L1780" s="52" t="s">
        <v>2063</v>
      </c>
      <c r="M1780" s="72">
        <v>9131</v>
      </c>
      <c r="N1780" s="52" t="s">
        <v>2158</v>
      </c>
      <c r="O1780" s="52" t="s">
        <v>2159</v>
      </c>
      <c r="P1780" s="52"/>
      <c r="Q1780" s="52"/>
      <c r="R1780" s="52"/>
      <c r="S1780" s="52"/>
      <c r="T1780" s="52"/>
      <c r="U1780" s="52"/>
      <c r="V1780" s="52"/>
      <c r="W1780" s="52"/>
    </row>
    <row r="1781" spans="1:23" hidden="1" x14ac:dyDescent="0.35">
      <c r="A1781" s="52" t="s">
        <v>78</v>
      </c>
      <c r="B1781" s="52" t="s">
        <v>79</v>
      </c>
      <c r="C1781" s="3">
        <v>20</v>
      </c>
      <c r="D1781" s="52" t="s">
        <v>86</v>
      </c>
      <c r="E1781" s="52" t="s">
        <v>26</v>
      </c>
      <c r="F1781" s="52" t="s">
        <v>81</v>
      </c>
      <c r="G1781" s="52" t="s">
        <v>82</v>
      </c>
      <c r="H1781" s="4">
        <v>1</v>
      </c>
      <c r="I1781" s="2">
        <v>14.65</v>
      </c>
      <c r="J1781" s="52" t="s">
        <v>5374</v>
      </c>
      <c r="K1781" s="71" t="s">
        <v>5375</v>
      </c>
      <c r="L1781" s="52" t="s">
        <v>2063</v>
      </c>
      <c r="M1781" s="72">
        <v>8809</v>
      </c>
      <c r="N1781" s="52" t="s">
        <v>2066</v>
      </c>
      <c r="O1781" s="52" t="s">
        <v>2067</v>
      </c>
      <c r="P1781" s="52"/>
      <c r="Q1781" s="52"/>
      <c r="R1781" s="52"/>
      <c r="S1781" s="52"/>
      <c r="T1781" s="52"/>
      <c r="U1781" s="52"/>
      <c r="V1781" s="52"/>
      <c r="W1781" s="52"/>
    </row>
    <row r="1782" spans="1:23" hidden="1" x14ac:dyDescent="0.35">
      <c r="A1782" s="52" t="s">
        <v>78</v>
      </c>
      <c r="B1782" s="52" t="s">
        <v>79</v>
      </c>
      <c r="C1782" s="3">
        <v>10</v>
      </c>
      <c r="D1782" s="52" t="s">
        <v>84</v>
      </c>
      <c r="E1782" s="52" t="s">
        <v>26</v>
      </c>
      <c r="F1782" s="52" t="s">
        <v>81</v>
      </c>
      <c r="G1782" s="52" t="s">
        <v>82</v>
      </c>
      <c r="H1782" s="4">
        <v>1</v>
      </c>
      <c r="I1782" s="2">
        <v>14.65</v>
      </c>
      <c r="J1782" s="52" t="s">
        <v>5376</v>
      </c>
      <c r="K1782" s="71" t="s">
        <v>5377</v>
      </c>
      <c r="L1782" s="52" t="s">
        <v>2063</v>
      </c>
      <c r="M1782" s="72">
        <v>6364</v>
      </c>
      <c r="N1782" s="52" t="s">
        <v>2072</v>
      </c>
      <c r="O1782" s="52" t="s">
        <v>2073</v>
      </c>
      <c r="P1782" s="52"/>
      <c r="Q1782" s="52"/>
      <c r="R1782" s="52"/>
      <c r="S1782" s="52"/>
      <c r="T1782" s="52"/>
      <c r="U1782" s="52"/>
      <c r="V1782" s="52"/>
      <c r="W1782" s="52"/>
    </row>
    <row r="1783" spans="1:23" hidden="1" x14ac:dyDescent="0.35">
      <c r="A1783" s="52" t="s">
        <v>78</v>
      </c>
      <c r="B1783" s="52" t="s">
        <v>79</v>
      </c>
      <c r="C1783" s="3">
        <v>211</v>
      </c>
      <c r="D1783" s="52" t="s">
        <v>2019</v>
      </c>
      <c r="E1783" s="52" t="s">
        <v>26</v>
      </c>
      <c r="F1783" s="52" t="s">
        <v>81</v>
      </c>
      <c r="G1783" s="52" t="s">
        <v>82</v>
      </c>
      <c r="H1783" s="4">
        <v>1</v>
      </c>
      <c r="I1783" s="2">
        <v>14.65</v>
      </c>
      <c r="J1783" s="52" t="s">
        <v>5378</v>
      </c>
      <c r="K1783" s="71" t="s">
        <v>5379</v>
      </c>
      <c r="L1783" s="52" t="s">
        <v>2063</v>
      </c>
      <c r="M1783" s="72">
        <v>1993</v>
      </c>
      <c r="N1783" s="52" t="s">
        <v>2066</v>
      </c>
      <c r="O1783" s="52" t="s">
        <v>2067</v>
      </c>
      <c r="P1783" s="52"/>
      <c r="Q1783" s="52"/>
      <c r="R1783" s="52"/>
      <c r="S1783" s="52"/>
      <c r="T1783" s="52"/>
      <c r="U1783" s="52"/>
      <c r="V1783" s="52"/>
      <c r="W1783" s="52"/>
    </row>
    <row r="1784" spans="1:23" hidden="1" x14ac:dyDescent="0.35">
      <c r="A1784" s="52" t="s">
        <v>78</v>
      </c>
      <c r="B1784" s="52" t="s">
        <v>79</v>
      </c>
      <c r="C1784" s="3">
        <v>211</v>
      </c>
      <c r="D1784" s="52" t="s">
        <v>85</v>
      </c>
      <c r="E1784" s="52" t="s">
        <v>26</v>
      </c>
      <c r="F1784" s="52" t="s">
        <v>81</v>
      </c>
      <c r="G1784" s="52" t="s">
        <v>82</v>
      </c>
      <c r="H1784" s="4">
        <v>1</v>
      </c>
      <c r="I1784" s="2">
        <v>14.65</v>
      </c>
      <c r="J1784" s="52" t="s">
        <v>5380</v>
      </c>
      <c r="K1784" s="71" t="s">
        <v>5381</v>
      </c>
      <c r="L1784" s="52" t="s">
        <v>2063</v>
      </c>
      <c r="M1784" s="72">
        <v>8809</v>
      </c>
      <c r="N1784" s="52" t="s">
        <v>2154</v>
      </c>
      <c r="O1784" s="52" t="s">
        <v>2155</v>
      </c>
      <c r="P1784" s="52"/>
      <c r="Q1784" s="52"/>
      <c r="R1784" s="52"/>
      <c r="S1784" s="52"/>
      <c r="T1784" s="52"/>
      <c r="U1784" s="52"/>
      <c r="V1784" s="52"/>
      <c r="W1784" s="52"/>
    </row>
    <row r="1785" spans="1:23" hidden="1" x14ac:dyDescent="0.35">
      <c r="A1785" s="52" t="s">
        <v>78</v>
      </c>
      <c r="B1785" s="52" t="s">
        <v>79</v>
      </c>
      <c r="C1785" s="3">
        <v>10</v>
      </c>
      <c r="D1785" s="52" t="s">
        <v>2022</v>
      </c>
      <c r="E1785" s="52" t="s">
        <v>26</v>
      </c>
      <c r="F1785" s="52" t="s">
        <v>81</v>
      </c>
      <c r="G1785" s="52" t="s">
        <v>82</v>
      </c>
      <c r="H1785" s="4">
        <v>1</v>
      </c>
      <c r="I1785" s="2">
        <v>14.65</v>
      </c>
      <c r="J1785" s="52" t="s">
        <v>5044</v>
      </c>
      <c r="K1785" s="71" t="s">
        <v>5382</v>
      </c>
      <c r="L1785" s="52" t="s">
        <v>2063</v>
      </c>
      <c r="M1785" s="72">
        <v>6081</v>
      </c>
      <c r="N1785" s="52" t="s">
        <v>2066</v>
      </c>
      <c r="O1785" s="52" t="s">
        <v>2067</v>
      </c>
      <c r="P1785" s="52"/>
      <c r="Q1785" s="52"/>
      <c r="R1785" s="52"/>
      <c r="S1785" s="52"/>
      <c r="T1785" s="52"/>
      <c r="U1785" s="52"/>
      <c r="V1785" s="52"/>
      <c r="W1785" s="52"/>
    </row>
    <row r="1786" spans="1:23" hidden="1" x14ac:dyDescent="0.35">
      <c r="A1786" s="52" t="s">
        <v>78</v>
      </c>
      <c r="B1786" s="52" t="s">
        <v>79</v>
      </c>
      <c r="C1786" s="3">
        <v>10</v>
      </c>
      <c r="D1786" s="52" t="s">
        <v>2019</v>
      </c>
      <c r="E1786" s="52" t="s">
        <v>26</v>
      </c>
      <c r="F1786" s="52" t="s">
        <v>81</v>
      </c>
      <c r="G1786" s="52" t="s">
        <v>82</v>
      </c>
      <c r="H1786" s="4">
        <v>1</v>
      </c>
      <c r="I1786" s="2">
        <v>14.65</v>
      </c>
      <c r="J1786" s="52" t="s">
        <v>5383</v>
      </c>
      <c r="K1786" s="71" t="s">
        <v>5384</v>
      </c>
      <c r="L1786" s="52" t="s">
        <v>2063</v>
      </c>
      <c r="M1786" s="72">
        <v>8645</v>
      </c>
      <c r="N1786" s="52" t="s">
        <v>2072</v>
      </c>
      <c r="O1786" s="52" t="s">
        <v>2073</v>
      </c>
      <c r="P1786" s="52"/>
      <c r="Q1786" s="52"/>
      <c r="R1786" s="52"/>
      <c r="S1786" s="52"/>
      <c r="T1786" s="52"/>
      <c r="U1786" s="52"/>
      <c r="V1786" s="52"/>
      <c r="W1786" s="52"/>
    </row>
    <row r="1787" spans="1:23" hidden="1" x14ac:dyDescent="0.35">
      <c r="A1787" s="52" t="s">
        <v>78</v>
      </c>
      <c r="B1787" s="52" t="s">
        <v>79</v>
      </c>
      <c r="C1787" s="3">
        <v>10</v>
      </c>
      <c r="D1787" s="52" t="s">
        <v>2024</v>
      </c>
      <c r="E1787" s="52" t="s">
        <v>26</v>
      </c>
      <c r="F1787" s="52" t="s">
        <v>81</v>
      </c>
      <c r="G1787" s="52" t="s">
        <v>82</v>
      </c>
      <c r="H1787" s="4">
        <v>1</v>
      </c>
      <c r="I1787" s="2">
        <v>14.65</v>
      </c>
      <c r="J1787" s="52" t="s">
        <v>5385</v>
      </c>
      <c r="K1787" s="71" t="s">
        <v>5386</v>
      </c>
      <c r="L1787" s="52" t="s">
        <v>2063</v>
      </c>
      <c r="M1787" s="72">
        <v>9350</v>
      </c>
      <c r="N1787" s="52" t="s">
        <v>2072</v>
      </c>
      <c r="O1787" s="52" t="s">
        <v>2073</v>
      </c>
      <c r="P1787" s="52"/>
      <c r="Q1787" s="52"/>
      <c r="R1787" s="52"/>
      <c r="S1787" s="52"/>
      <c r="T1787" s="52"/>
      <c r="U1787" s="52"/>
      <c r="V1787" s="52"/>
      <c r="W1787" s="52"/>
    </row>
    <row r="1788" spans="1:23" hidden="1" x14ac:dyDescent="0.35">
      <c r="A1788" s="52" t="s">
        <v>78</v>
      </c>
      <c r="B1788" s="52" t="s">
        <v>79</v>
      </c>
      <c r="C1788" s="3">
        <v>211</v>
      </c>
      <c r="D1788" s="52" t="s">
        <v>80</v>
      </c>
      <c r="E1788" s="52" t="s">
        <v>26</v>
      </c>
      <c r="F1788" s="52" t="s">
        <v>81</v>
      </c>
      <c r="G1788" s="52" t="s">
        <v>82</v>
      </c>
      <c r="H1788" s="4">
        <v>1</v>
      </c>
      <c r="I1788" s="2">
        <v>14.65</v>
      </c>
      <c r="J1788" s="52" t="s">
        <v>5387</v>
      </c>
      <c r="K1788" s="71" t="s">
        <v>5388</v>
      </c>
      <c r="L1788" s="52" t="s">
        <v>2063</v>
      </c>
      <c r="M1788" s="72">
        <v>7736</v>
      </c>
      <c r="N1788" s="52" t="s">
        <v>2072</v>
      </c>
      <c r="O1788" s="52" t="s">
        <v>2073</v>
      </c>
      <c r="P1788" s="52"/>
      <c r="Q1788" s="52"/>
      <c r="R1788" s="52"/>
      <c r="S1788" s="52"/>
      <c r="T1788" s="52"/>
      <c r="U1788" s="52"/>
      <c r="V1788" s="52"/>
      <c r="W1788" s="52"/>
    </row>
    <row r="1789" spans="1:23" hidden="1" x14ac:dyDescent="0.35">
      <c r="A1789" s="52" t="s">
        <v>78</v>
      </c>
      <c r="B1789" s="52" t="s">
        <v>79</v>
      </c>
      <c r="C1789" s="3">
        <v>10</v>
      </c>
      <c r="D1789" s="52" t="s">
        <v>2024</v>
      </c>
      <c r="E1789" s="52" t="s">
        <v>26</v>
      </c>
      <c r="F1789" s="52" t="s">
        <v>81</v>
      </c>
      <c r="G1789" s="52" t="s">
        <v>82</v>
      </c>
      <c r="H1789" s="4">
        <v>1</v>
      </c>
      <c r="I1789" s="2">
        <v>14.65</v>
      </c>
      <c r="J1789" s="52" t="s">
        <v>5389</v>
      </c>
      <c r="K1789" s="71" t="s">
        <v>5390</v>
      </c>
      <c r="L1789" s="52" t="s">
        <v>2063</v>
      </c>
      <c r="M1789" s="72">
        <v>9481</v>
      </c>
      <c r="N1789" s="52" t="s">
        <v>2304</v>
      </c>
      <c r="O1789" s="52" t="s">
        <v>2305</v>
      </c>
      <c r="P1789" s="52"/>
      <c r="Q1789" s="52"/>
      <c r="R1789" s="52"/>
      <c r="S1789" s="52"/>
      <c r="T1789" s="52"/>
      <c r="U1789" s="52"/>
      <c r="V1789" s="52"/>
      <c r="W1789" s="52"/>
    </row>
    <row r="1790" spans="1:23" hidden="1" x14ac:dyDescent="0.35">
      <c r="A1790" s="52" t="s">
        <v>78</v>
      </c>
      <c r="B1790" s="52" t="s">
        <v>79</v>
      </c>
      <c r="C1790" s="3">
        <v>20</v>
      </c>
      <c r="D1790" s="52" t="s">
        <v>85</v>
      </c>
      <c r="E1790" s="52" t="s">
        <v>26</v>
      </c>
      <c r="F1790" s="52" t="s">
        <v>81</v>
      </c>
      <c r="G1790" s="52" t="s">
        <v>82</v>
      </c>
      <c r="H1790" s="4">
        <v>1</v>
      </c>
      <c r="I1790" s="2">
        <v>14.65</v>
      </c>
      <c r="J1790" s="52" t="s">
        <v>5391</v>
      </c>
      <c r="K1790" s="71" t="s">
        <v>5392</v>
      </c>
      <c r="L1790" s="52" t="s">
        <v>2063</v>
      </c>
      <c r="M1790" s="72">
        <v>4382</v>
      </c>
      <c r="N1790" s="52" t="s">
        <v>2072</v>
      </c>
      <c r="O1790" s="52" t="s">
        <v>2073</v>
      </c>
      <c r="P1790" s="52"/>
      <c r="Q1790" s="52"/>
      <c r="R1790" s="52"/>
      <c r="S1790" s="52"/>
      <c r="T1790" s="52"/>
      <c r="U1790" s="52"/>
      <c r="V1790" s="52"/>
      <c r="W1790" s="52"/>
    </row>
    <row r="1791" spans="1:23" hidden="1" x14ac:dyDescent="0.35">
      <c r="A1791" s="52" t="s">
        <v>78</v>
      </c>
      <c r="B1791" s="52" t="s">
        <v>79</v>
      </c>
      <c r="C1791" s="3">
        <v>10</v>
      </c>
      <c r="D1791" s="52" t="s">
        <v>2019</v>
      </c>
      <c r="E1791" s="52" t="s">
        <v>26</v>
      </c>
      <c r="F1791" s="52" t="s">
        <v>81</v>
      </c>
      <c r="G1791" s="52" t="s">
        <v>82</v>
      </c>
      <c r="H1791" s="4">
        <v>1</v>
      </c>
      <c r="I1791" s="2">
        <v>14.65</v>
      </c>
      <c r="J1791" s="52" t="s">
        <v>5393</v>
      </c>
      <c r="K1791" s="71" t="s">
        <v>5394</v>
      </c>
      <c r="L1791" s="52" t="s">
        <v>2063</v>
      </c>
      <c r="M1791" s="72">
        <v>2340</v>
      </c>
      <c r="N1791" s="52" t="s">
        <v>2066</v>
      </c>
      <c r="O1791" s="52" t="s">
        <v>2067</v>
      </c>
      <c r="P1791" s="52"/>
      <c r="Q1791" s="52"/>
      <c r="R1791" s="52"/>
      <c r="S1791" s="52"/>
      <c r="T1791" s="52"/>
      <c r="U1791" s="52"/>
      <c r="V1791" s="52"/>
      <c r="W1791" s="52"/>
    </row>
    <row r="1792" spans="1:23" hidden="1" x14ac:dyDescent="0.35">
      <c r="A1792" s="52" t="s">
        <v>78</v>
      </c>
      <c r="B1792" s="52" t="s">
        <v>79</v>
      </c>
      <c r="C1792" s="3">
        <v>10</v>
      </c>
      <c r="D1792" s="52" t="s">
        <v>2021</v>
      </c>
      <c r="E1792" s="52" t="s">
        <v>26</v>
      </c>
      <c r="F1792" s="52" t="s">
        <v>81</v>
      </c>
      <c r="G1792" s="52" t="s">
        <v>82</v>
      </c>
      <c r="H1792" s="4">
        <v>1</v>
      </c>
      <c r="I1792" s="2">
        <v>14.65</v>
      </c>
      <c r="J1792" s="52" t="s">
        <v>5395</v>
      </c>
      <c r="K1792" s="71" t="s">
        <v>5396</v>
      </c>
      <c r="L1792" s="52" t="s">
        <v>2063</v>
      </c>
      <c r="M1792" s="72">
        <v>4317</v>
      </c>
      <c r="N1792" s="52" t="s">
        <v>2072</v>
      </c>
      <c r="O1792" s="52" t="s">
        <v>2073</v>
      </c>
      <c r="P1792" s="52"/>
      <c r="Q1792" s="52"/>
      <c r="R1792" s="52"/>
      <c r="S1792" s="52"/>
      <c r="T1792" s="52"/>
      <c r="U1792" s="52"/>
      <c r="V1792" s="52"/>
      <c r="W1792" s="52"/>
    </row>
    <row r="1793" spans="1:23" hidden="1" x14ac:dyDescent="0.35">
      <c r="A1793" s="52" t="s">
        <v>78</v>
      </c>
      <c r="B1793" s="52" t="s">
        <v>79</v>
      </c>
      <c r="C1793" s="3">
        <v>20</v>
      </c>
      <c r="D1793" s="52" t="s">
        <v>83</v>
      </c>
      <c r="E1793" s="52" t="s">
        <v>26</v>
      </c>
      <c r="F1793" s="52" t="s">
        <v>81</v>
      </c>
      <c r="G1793" s="52" t="s">
        <v>82</v>
      </c>
      <c r="H1793" s="4">
        <v>1</v>
      </c>
      <c r="I1793" s="2">
        <v>14.65</v>
      </c>
      <c r="J1793" s="52" t="s">
        <v>5397</v>
      </c>
      <c r="K1793" s="71" t="s">
        <v>5398</v>
      </c>
      <c r="L1793" s="52" t="s">
        <v>2063</v>
      </c>
      <c r="M1793" s="72">
        <v>1017</v>
      </c>
      <c r="N1793" s="52" t="s">
        <v>2066</v>
      </c>
      <c r="O1793" s="52" t="s">
        <v>2067</v>
      </c>
      <c r="P1793" s="52"/>
      <c r="Q1793" s="52"/>
      <c r="R1793" s="52"/>
      <c r="S1793" s="52"/>
      <c r="T1793" s="52"/>
      <c r="U1793" s="52"/>
      <c r="V1793" s="52"/>
      <c r="W1793" s="52"/>
    </row>
    <row r="1794" spans="1:23" hidden="1" x14ac:dyDescent="0.35">
      <c r="A1794" s="52" t="s">
        <v>78</v>
      </c>
      <c r="B1794" s="52" t="s">
        <v>79</v>
      </c>
      <c r="C1794" s="3">
        <v>10</v>
      </c>
      <c r="D1794" s="52" t="s">
        <v>86</v>
      </c>
      <c r="E1794" s="52" t="s">
        <v>26</v>
      </c>
      <c r="F1794" s="52" t="s">
        <v>81</v>
      </c>
      <c r="G1794" s="52" t="s">
        <v>82</v>
      </c>
      <c r="H1794" s="4">
        <v>1</v>
      </c>
      <c r="I1794" s="2">
        <v>14.65</v>
      </c>
      <c r="J1794" s="52" t="s">
        <v>5399</v>
      </c>
      <c r="K1794" s="71" t="s">
        <v>5400</v>
      </c>
      <c r="L1794" s="52" t="s">
        <v>2063</v>
      </c>
      <c r="M1794" s="72">
        <v>3089</v>
      </c>
      <c r="N1794" s="52" t="s">
        <v>2072</v>
      </c>
      <c r="O1794" s="52" t="s">
        <v>2073</v>
      </c>
      <c r="P1794" s="52"/>
      <c r="Q1794" s="52"/>
      <c r="R1794" s="52"/>
      <c r="S1794" s="52"/>
      <c r="T1794" s="52"/>
      <c r="U1794" s="52"/>
      <c r="V1794" s="52"/>
      <c r="W1794" s="52"/>
    </row>
    <row r="1795" spans="1:23" hidden="1" x14ac:dyDescent="0.35">
      <c r="A1795" s="52" t="s">
        <v>78</v>
      </c>
      <c r="B1795" s="52" t="s">
        <v>79</v>
      </c>
      <c r="C1795" s="3">
        <v>20</v>
      </c>
      <c r="D1795" s="52" t="s">
        <v>2024</v>
      </c>
      <c r="E1795" s="52" t="s">
        <v>26</v>
      </c>
      <c r="F1795" s="52" t="s">
        <v>81</v>
      </c>
      <c r="G1795" s="52" t="s">
        <v>82</v>
      </c>
      <c r="H1795" s="4">
        <v>1</v>
      </c>
      <c r="I1795" s="2">
        <v>14.65</v>
      </c>
      <c r="J1795" s="52" t="s">
        <v>5401</v>
      </c>
      <c r="K1795" s="71" t="s">
        <v>5402</v>
      </c>
      <c r="L1795" s="52" t="s">
        <v>2063</v>
      </c>
      <c r="M1795" s="72">
        <v>4770</v>
      </c>
      <c r="N1795" s="52"/>
      <c r="O1795" s="52"/>
      <c r="P1795" s="52"/>
      <c r="Q1795" s="52"/>
      <c r="R1795" s="52"/>
      <c r="S1795" s="52"/>
      <c r="T1795" s="52"/>
      <c r="U1795" s="52"/>
      <c r="V1795" s="52"/>
      <c r="W1795" s="52"/>
    </row>
    <row r="1796" spans="1:23" hidden="1" x14ac:dyDescent="0.35">
      <c r="A1796" s="52" t="s">
        <v>78</v>
      </c>
      <c r="B1796" s="52" t="s">
        <v>79</v>
      </c>
      <c r="C1796" s="3">
        <v>20</v>
      </c>
      <c r="D1796" s="52" t="s">
        <v>84</v>
      </c>
      <c r="E1796" s="52" t="s">
        <v>26</v>
      </c>
      <c r="F1796" s="52" t="s">
        <v>81</v>
      </c>
      <c r="G1796" s="52" t="s">
        <v>82</v>
      </c>
      <c r="H1796" s="4">
        <v>1</v>
      </c>
      <c r="I1796" s="2">
        <v>14.65</v>
      </c>
      <c r="J1796" s="52" t="s">
        <v>5403</v>
      </c>
      <c r="K1796" s="71" t="s">
        <v>5404</v>
      </c>
      <c r="L1796" s="52" t="s">
        <v>2063</v>
      </c>
      <c r="M1796" s="72">
        <v>1372</v>
      </c>
      <c r="N1796" s="52" t="s">
        <v>2066</v>
      </c>
      <c r="O1796" s="52" t="s">
        <v>2067</v>
      </c>
      <c r="P1796" s="52"/>
      <c r="Q1796" s="52"/>
      <c r="R1796" s="52"/>
      <c r="S1796" s="52"/>
      <c r="T1796" s="52"/>
      <c r="U1796" s="52"/>
      <c r="V1796" s="52"/>
      <c r="W1796" s="52"/>
    </row>
    <row r="1797" spans="1:23" hidden="1" x14ac:dyDescent="0.35">
      <c r="A1797" s="52" t="s">
        <v>78</v>
      </c>
      <c r="B1797" s="52" t="s">
        <v>79</v>
      </c>
      <c r="C1797" s="3">
        <v>20</v>
      </c>
      <c r="D1797" s="52" t="s">
        <v>2023</v>
      </c>
      <c r="E1797" s="52" t="s">
        <v>26</v>
      </c>
      <c r="F1797" s="52" t="s">
        <v>81</v>
      </c>
      <c r="G1797" s="52" t="s">
        <v>82</v>
      </c>
      <c r="H1797" s="4">
        <v>1</v>
      </c>
      <c r="I1797" s="2">
        <v>14.65</v>
      </c>
      <c r="J1797" s="52" t="s">
        <v>5405</v>
      </c>
      <c r="K1797" s="71" t="s">
        <v>5406</v>
      </c>
      <c r="L1797" s="52" t="s">
        <v>2063</v>
      </c>
      <c r="M1797" s="72">
        <v>9862</v>
      </c>
      <c r="N1797" s="52"/>
      <c r="O1797" s="52"/>
      <c r="P1797" s="52"/>
      <c r="Q1797" s="52"/>
      <c r="R1797" s="52"/>
      <c r="S1797" s="52"/>
      <c r="T1797" s="52"/>
      <c r="U1797" s="52"/>
      <c r="V1797" s="52"/>
      <c r="W1797" s="52"/>
    </row>
    <row r="1798" spans="1:23" hidden="1" x14ac:dyDescent="0.35">
      <c r="A1798" s="52" t="s">
        <v>78</v>
      </c>
      <c r="B1798" s="52" t="s">
        <v>79</v>
      </c>
      <c r="C1798" s="3">
        <v>10</v>
      </c>
      <c r="D1798" s="52" t="s">
        <v>83</v>
      </c>
      <c r="E1798" s="52" t="s">
        <v>26</v>
      </c>
      <c r="F1798" s="52" t="s">
        <v>81</v>
      </c>
      <c r="G1798" s="52" t="s">
        <v>82</v>
      </c>
      <c r="H1798" s="4">
        <v>1</v>
      </c>
      <c r="I1798" s="2">
        <v>14.65</v>
      </c>
      <c r="J1798" s="52" t="s">
        <v>5407</v>
      </c>
      <c r="K1798" s="71" t="s">
        <v>5408</v>
      </c>
      <c r="L1798" s="52" t="s">
        <v>2063</v>
      </c>
      <c r="M1798" s="72">
        <v>9649</v>
      </c>
      <c r="N1798" s="52" t="s">
        <v>2072</v>
      </c>
      <c r="O1798" s="52" t="s">
        <v>2073</v>
      </c>
      <c r="P1798" s="52"/>
      <c r="Q1798" s="52"/>
      <c r="R1798" s="52"/>
      <c r="S1798" s="52"/>
      <c r="T1798" s="52"/>
      <c r="U1798" s="52"/>
      <c r="V1798" s="52"/>
      <c r="W1798" s="52"/>
    </row>
    <row r="1799" spans="1:23" hidden="1" x14ac:dyDescent="0.35">
      <c r="A1799" s="52" t="s">
        <v>78</v>
      </c>
      <c r="B1799" s="52" t="s">
        <v>79</v>
      </c>
      <c r="C1799" s="3">
        <v>20</v>
      </c>
      <c r="D1799" s="52" t="s">
        <v>2021</v>
      </c>
      <c r="E1799" s="52" t="s">
        <v>26</v>
      </c>
      <c r="F1799" s="52" t="s">
        <v>81</v>
      </c>
      <c r="G1799" s="52" t="s">
        <v>82</v>
      </c>
      <c r="H1799" s="4">
        <v>1</v>
      </c>
      <c r="I1799" s="2">
        <v>14.65</v>
      </c>
      <c r="J1799" s="52" t="s">
        <v>5409</v>
      </c>
      <c r="K1799" s="71" t="s">
        <v>5410</v>
      </c>
      <c r="L1799" s="52" t="s">
        <v>2063</v>
      </c>
      <c r="M1799" s="72">
        <v>7566</v>
      </c>
      <c r="N1799" s="52" t="s">
        <v>2158</v>
      </c>
      <c r="O1799" s="52" t="s">
        <v>2159</v>
      </c>
      <c r="P1799" s="52"/>
      <c r="Q1799" s="52"/>
      <c r="R1799" s="52"/>
      <c r="S1799" s="52"/>
      <c r="T1799" s="52"/>
      <c r="U1799" s="52"/>
      <c r="V1799" s="52"/>
      <c r="W1799" s="52"/>
    </row>
    <row r="1800" spans="1:23" x14ac:dyDescent="0.35">
      <c r="A1800" s="52" t="s">
        <v>78</v>
      </c>
      <c r="B1800" s="52" t="s">
        <v>79</v>
      </c>
      <c r="C1800" s="3">
        <v>211</v>
      </c>
      <c r="D1800" s="52" t="s">
        <v>2020</v>
      </c>
      <c r="E1800" s="52" t="s">
        <v>26</v>
      </c>
      <c r="F1800" s="52" t="s">
        <v>81</v>
      </c>
      <c r="G1800" s="52" t="s">
        <v>82</v>
      </c>
      <c r="H1800" s="4">
        <v>1</v>
      </c>
      <c r="I1800" s="2">
        <v>14.65</v>
      </c>
      <c r="J1800" s="52" t="s">
        <v>4755</v>
      </c>
      <c r="K1800" s="71" t="s">
        <v>5411</v>
      </c>
      <c r="L1800" s="52" t="s">
        <v>2063</v>
      </c>
      <c r="M1800" s="72">
        <v>9656</v>
      </c>
      <c r="N1800" s="52" t="s">
        <v>2259</v>
      </c>
      <c r="O1800" s="52" t="s">
        <v>2260</v>
      </c>
      <c r="P1800" s="52"/>
      <c r="Q1800" s="52"/>
      <c r="R1800" s="52"/>
      <c r="S1800" s="52"/>
      <c r="T1800" s="52"/>
      <c r="U1800" s="52"/>
      <c r="V1800" s="52"/>
      <c r="W1800" s="52"/>
    </row>
    <row r="1801" spans="1:23" hidden="1" x14ac:dyDescent="0.35">
      <c r="A1801" s="52" t="s">
        <v>78</v>
      </c>
      <c r="B1801" s="52" t="s">
        <v>79</v>
      </c>
      <c r="C1801" s="3">
        <v>20</v>
      </c>
      <c r="D1801" s="52" t="s">
        <v>2020</v>
      </c>
      <c r="E1801" s="52" t="s">
        <v>26</v>
      </c>
      <c r="F1801" s="52" t="s">
        <v>81</v>
      </c>
      <c r="G1801" s="52" t="s">
        <v>82</v>
      </c>
      <c r="H1801" s="4">
        <v>1</v>
      </c>
      <c r="I1801" s="2">
        <v>14.65</v>
      </c>
      <c r="J1801" s="52" t="s">
        <v>5412</v>
      </c>
      <c r="K1801" s="71" t="s">
        <v>5413</v>
      </c>
      <c r="L1801" s="52" t="s">
        <v>2063</v>
      </c>
      <c r="M1801" s="72">
        <v>646</v>
      </c>
      <c r="N1801" s="52" t="s">
        <v>2072</v>
      </c>
      <c r="O1801" s="52" t="s">
        <v>2073</v>
      </c>
      <c r="P1801" s="52"/>
      <c r="Q1801" s="52"/>
      <c r="R1801" s="52"/>
      <c r="S1801" s="52"/>
      <c r="T1801" s="52"/>
      <c r="U1801" s="52"/>
      <c r="V1801" s="52"/>
      <c r="W1801" s="52"/>
    </row>
    <row r="1802" spans="1:23" hidden="1" x14ac:dyDescent="0.35">
      <c r="A1802" s="52" t="s">
        <v>78</v>
      </c>
      <c r="B1802" s="52" t="s">
        <v>79</v>
      </c>
      <c r="C1802" s="3">
        <v>20</v>
      </c>
      <c r="D1802" s="52" t="s">
        <v>2021</v>
      </c>
      <c r="E1802" s="52" t="s">
        <v>26</v>
      </c>
      <c r="F1802" s="52" t="s">
        <v>81</v>
      </c>
      <c r="G1802" s="52" t="s">
        <v>82</v>
      </c>
      <c r="H1802" s="4">
        <v>1</v>
      </c>
      <c r="I1802" s="2">
        <v>14.65</v>
      </c>
      <c r="J1802" s="52" t="s">
        <v>5414</v>
      </c>
      <c r="K1802" s="71" t="s">
        <v>5415</v>
      </c>
      <c r="L1802" s="52" t="s">
        <v>2063</v>
      </c>
      <c r="M1802" s="72">
        <v>1318</v>
      </c>
      <c r="N1802" s="52"/>
      <c r="O1802" s="52"/>
      <c r="P1802" s="52"/>
      <c r="Q1802" s="52"/>
      <c r="R1802" s="52"/>
      <c r="S1802" s="52"/>
      <c r="T1802" s="52"/>
      <c r="U1802" s="52"/>
      <c r="V1802" s="52"/>
      <c r="W1802" s="52"/>
    </row>
    <row r="1803" spans="1:23" hidden="1" x14ac:dyDescent="0.35">
      <c r="A1803" s="52" t="s">
        <v>78</v>
      </c>
      <c r="B1803" s="52" t="s">
        <v>79</v>
      </c>
      <c r="C1803" s="3">
        <v>211</v>
      </c>
      <c r="D1803" s="52" t="s">
        <v>2024</v>
      </c>
      <c r="E1803" s="52" t="s">
        <v>26</v>
      </c>
      <c r="F1803" s="52" t="s">
        <v>81</v>
      </c>
      <c r="G1803" s="52" t="s">
        <v>82</v>
      </c>
      <c r="H1803" s="4">
        <v>1</v>
      </c>
      <c r="I1803" s="2">
        <v>14.65</v>
      </c>
      <c r="J1803" s="52" t="s">
        <v>5416</v>
      </c>
      <c r="K1803" s="71" t="s">
        <v>5417</v>
      </c>
      <c r="L1803" s="52" t="s">
        <v>2063</v>
      </c>
      <c r="M1803" s="72">
        <v>3877</v>
      </c>
      <c r="N1803" s="52" t="s">
        <v>2066</v>
      </c>
      <c r="O1803" s="52" t="s">
        <v>2067</v>
      </c>
      <c r="P1803" s="52"/>
      <c r="Q1803" s="52"/>
      <c r="R1803" s="52"/>
      <c r="S1803" s="52"/>
      <c r="T1803" s="52"/>
      <c r="U1803" s="52"/>
      <c r="V1803" s="52"/>
      <c r="W1803" s="52"/>
    </row>
    <row r="1804" spans="1:23" hidden="1" x14ac:dyDescent="0.35">
      <c r="A1804" s="52" t="s">
        <v>78</v>
      </c>
      <c r="B1804" s="52" t="s">
        <v>79</v>
      </c>
      <c r="C1804" s="3">
        <v>20</v>
      </c>
      <c r="D1804" s="52" t="s">
        <v>83</v>
      </c>
      <c r="E1804" s="52" t="s">
        <v>26</v>
      </c>
      <c r="F1804" s="52" t="s">
        <v>81</v>
      </c>
      <c r="G1804" s="52" t="s">
        <v>82</v>
      </c>
      <c r="H1804" s="4">
        <v>1</v>
      </c>
      <c r="I1804" s="2">
        <v>14.65</v>
      </c>
      <c r="J1804" s="52" t="s">
        <v>5418</v>
      </c>
      <c r="K1804" s="71" t="s">
        <v>5419</v>
      </c>
      <c r="L1804" s="52" t="s">
        <v>2063</v>
      </c>
      <c r="M1804" s="72">
        <v>7219</v>
      </c>
      <c r="N1804" s="52" t="s">
        <v>2066</v>
      </c>
      <c r="O1804" s="52" t="s">
        <v>2067</v>
      </c>
      <c r="P1804" s="52"/>
      <c r="Q1804" s="52"/>
      <c r="R1804" s="52"/>
      <c r="S1804" s="52"/>
      <c r="T1804" s="52"/>
      <c r="U1804" s="52"/>
      <c r="V1804" s="52"/>
      <c r="W1804" s="52"/>
    </row>
    <row r="1805" spans="1:23" x14ac:dyDescent="0.35">
      <c r="A1805" s="52" t="s">
        <v>78</v>
      </c>
      <c r="B1805" s="52" t="s">
        <v>79</v>
      </c>
      <c r="C1805" s="3">
        <v>10</v>
      </c>
      <c r="D1805" s="52" t="s">
        <v>2023</v>
      </c>
      <c r="E1805" s="52" t="s">
        <v>26</v>
      </c>
      <c r="F1805" s="52" t="s">
        <v>81</v>
      </c>
      <c r="G1805" s="52" t="s">
        <v>82</v>
      </c>
      <c r="H1805" s="4">
        <v>1</v>
      </c>
      <c r="I1805" s="2">
        <v>14.65</v>
      </c>
      <c r="J1805" s="52" t="s">
        <v>5420</v>
      </c>
      <c r="K1805" s="71" t="s">
        <v>5421</v>
      </c>
      <c r="L1805" s="52" t="s">
        <v>2063</v>
      </c>
      <c r="M1805" s="72">
        <v>7118</v>
      </c>
      <c r="N1805" s="52" t="s">
        <v>2259</v>
      </c>
      <c r="O1805" s="52" t="s">
        <v>2260</v>
      </c>
      <c r="P1805" s="52"/>
      <c r="Q1805" s="52"/>
      <c r="R1805" s="52"/>
      <c r="S1805" s="52"/>
      <c r="T1805" s="52"/>
      <c r="U1805" s="52"/>
      <c r="V1805" s="52"/>
      <c r="W1805" s="52"/>
    </row>
    <row r="1806" spans="1:23" hidden="1" x14ac:dyDescent="0.35">
      <c r="A1806" s="52" t="s">
        <v>78</v>
      </c>
      <c r="B1806" s="52" t="s">
        <v>79</v>
      </c>
      <c r="C1806" s="3">
        <v>10</v>
      </c>
      <c r="D1806" s="52" t="s">
        <v>2019</v>
      </c>
      <c r="E1806" s="52" t="s">
        <v>26</v>
      </c>
      <c r="F1806" s="52" t="s">
        <v>81</v>
      </c>
      <c r="G1806" s="52" t="s">
        <v>82</v>
      </c>
      <c r="H1806" s="4">
        <v>1</v>
      </c>
      <c r="I1806" s="2">
        <v>14.65</v>
      </c>
      <c r="J1806" s="52" t="s">
        <v>5422</v>
      </c>
      <c r="K1806" s="71" t="s">
        <v>5423</v>
      </c>
      <c r="L1806" s="52" t="s">
        <v>2063</v>
      </c>
      <c r="M1806" s="72">
        <v>3692</v>
      </c>
      <c r="N1806" s="52" t="s">
        <v>2304</v>
      </c>
      <c r="O1806" s="52" t="s">
        <v>2305</v>
      </c>
      <c r="P1806" s="52"/>
      <c r="Q1806" s="52"/>
      <c r="R1806" s="52"/>
      <c r="S1806" s="52"/>
      <c r="T1806" s="52"/>
      <c r="U1806" s="52"/>
      <c r="V1806" s="52"/>
      <c r="W1806" s="52"/>
    </row>
    <row r="1807" spans="1:23" x14ac:dyDescent="0.35">
      <c r="A1807" s="52" t="s">
        <v>78</v>
      </c>
      <c r="B1807" s="52" t="s">
        <v>79</v>
      </c>
      <c r="C1807" s="3">
        <v>20</v>
      </c>
      <c r="D1807" s="52" t="s">
        <v>86</v>
      </c>
      <c r="E1807" s="52" t="s">
        <v>26</v>
      </c>
      <c r="F1807" s="52" t="s">
        <v>81</v>
      </c>
      <c r="G1807" s="52" t="s">
        <v>82</v>
      </c>
      <c r="H1807" s="4">
        <v>1</v>
      </c>
      <c r="I1807" s="2">
        <v>14.65</v>
      </c>
      <c r="J1807" s="52" t="s">
        <v>4232</v>
      </c>
      <c r="K1807" s="71" t="s">
        <v>5424</v>
      </c>
      <c r="L1807" s="52" t="s">
        <v>2063</v>
      </c>
      <c r="M1807" s="72">
        <v>7879</v>
      </c>
      <c r="N1807" s="52" t="s">
        <v>2259</v>
      </c>
      <c r="O1807" s="52" t="s">
        <v>2260</v>
      </c>
      <c r="P1807" s="52"/>
      <c r="Q1807" s="52"/>
      <c r="R1807" s="52"/>
      <c r="S1807" s="52"/>
      <c r="T1807" s="52"/>
      <c r="U1807" s="52"/>
      <c r="V1807" s="52"/>
      <c r="W1807" s="52"/>
    </row>
    <row r="1808" spans="1:23" hidden="1" x14ac:dyDescent="0.35">
      <c r="A1808" s="52" t="s">
        <v>78</v>
      </c>
      <c r="B1808" s="52" t="s">
        <v>79</v>
      </c>
      <c r="C1808" s="3">
        <v>20</v>
      </c>
      <c r="D1808" s="52" t="s">
        <v>80</v>
      </c>
      <c r="E1808" s="52" t="s">
        <v>26</v>
      </c>
      <c r="F1808" s="52" t="s">
        <v>81</v>
      </c>
      <c r="G1808" s="52" t="s">
        <v>82</v>
      </c>
      <c r="H1808" s="4">
        <v>1</v>
      </c>
      <c r="I1808" s="2">
        <v>14.65</v>
      </c>
      <c r="J1808" s="52" t="s">
        <v>5425</v>
      </c>
      <c r="K1808" s="71" t="s">
        <v>5426</v>
      </c>
      <c r="L1808" s="52" t="s">
        <v>2063</v>
      </c>
      <c r="M1808" s="72">
        <v>5622</v>
      </c>
      <c r="N1808" s="52" t="s">
        <v>2072</v>
      </c>
      <c r="O1808" s="52" t="s">
        <v>2073</v>
      </c>
      <c r="P1808" s="52"/>
      <c r="Q1808" s="52"/>
      <c r="R1808" s="52"/>
      <c r="S1808" s="52"/>
      <c r="T1808" s="52"/>
      <c r="U1808" s="52"/>
      <c r="V1808" s="52"/>
      <c r="W1808" s="52"/>
    </row>
    <row r="1809" spans="1:23" hidden="1" x14ac:dyDescent="0.35">
      <c r="A1809" s="52" t="s">
        <v>78</v>
      </c>
      <c r="B1809" s="52" t="s">
        <v>79</v>
      </c>
      <c r="C1809" s="3">
        <v>20</v>
      </c>
      <c r="D1809" s="52" t="s">
        <v>2023</v>
      </c>
      <c r="E1809" s="52" t="s">
        <v>26</v>
      </c>
      <c r="F1809" s="52" t="s">
        <v>81</v>
      </c>
      <c r="G1809" s="52" t="s">
        <v>82</v>
      </c>
      <c r="H1809" s="4">
        <v>1</v>
      </c>
      <c r="I1809" s="2">
        <v>14.65</v>
      </c>
      <c r="J1809" s="52" t="s">
        <v>5427</v>
      </c>
      <c r="K1809" s="71" t="s">
        <v>5428</v>
      </c>
      <c r="L1809" s="52" t="s">
        <v>2063</v>
      </c>
      <c r="M1809" s="72">
        <v>4710</v>
      </c>
      <c r="N1809" s="52" t="s">
        <v>2072</v>
      </c>
      <c r="O1809" s="52" t="s">
        <v>2073</v>
      </c>
      <c r="P1809" s="52"/>
      <c r="Q1809" s="52"/>
      <c r="R1809" s="52"/>
      <c r="S1809" s="52"/>
      <c r="T1809" s="52"/>
      <c r="U1809" s="52"/>
      <c r="V1809" s="52"/>
      <c r="W1809" s="52"/>
    </row>
    <row r="1810" spans="1:23" hidden="1" x14ac:dyDescent="0.35">
      <c r="A1810" s="52" t="s">
        <v>78</v>
      </c>
      <c r="B1810" s="52" t="s">
        <v>79</v>
      </c>
      <c r="C1810" s="3">
        <v>20</v>
      </c>
      <c r="D1810" s="52" t="s">
        <v>80</v>
      </c>
      <c r="E1810" s="52" t="s">
        <v>26</v>
      </c>
      <c r="F1810" s="52" t="s">
        <v>81</v>
      </c>
      <c r="G1810" s="52" t="s">
        <v>82</v>
      </c>
      <c r="H1810" s="4">
        <v>1</v>
      </c>
      <c r="I1810" s="2">
        <v>14.65</v>
      </c>
      <c r="J1810" s="52" t="s">
        <v>5429</v>
      </c>
      <c r="K1810" s="71" t="s">
        <v>5430</v>
      </c>
      <c r="L1810" s="52" t="s">
        <v>2095</v>
      </c>
      <c r="M1810" s="72">
        <v>1659</v>
      </c>
      <c r="N1810" s="52"/>
      <c r="O1810" s="52"/>
      <c r="P1810" s="52"/>
      <c r="Q1810" s="52"/>
      <c r="R1810" s="52"/>
      <c r="S1810" s="52"/>
      <c r="T1810" s="52"/>
      <c r="U1810" s="52"/>
      <c r="V1810" s="52"/>
      <c r="W1810" s="52"/>
    </row>
    <row r="1811" spans="1:23" hidden="1" x14ac:dyDescent="0.35">
      <c r="A1811" s="52" t="s">
        <v>78</v>
      </c>
      <c r="B1811" s="52" t="s">
        <v>79</v>
      </c>
      <c r="C1811" s="3">
        <v>20</v>
      </c>
      <c r="D1811" s="52" t="s">
        <v>80</v>
      </c>
      <c r="E1811" s="52" t="s">
        <v>26</v>
      </c>
      <c r="F1811" s="52" t="s">
        <v>81</v>
      </c>
      <c r="G1811" s="52" t="s">
        <v>82</v>
      </c>
      <c r="H1811" s="4">
        <v>1</v>
      </c>
      <c r="I1811" s="2">
        <v>14.65</v>
      </c>
      <c r="J1811" s="52" t="s">
        <v>5431</v>
      </c>
      <c r="K1811" s="71" t="s">
        <v>5432</v>
      </c>
      <c r="L1811" s="52" t="s">
        <v>2063</v>
      </c>
      <c r="M1811" s="72">
        <v>3147</v>
      </c>
      <c r="N1811" s="52" t="s">
        <v>2158</v>
      </c>
      <c r="O1811" s="52" t="s">
        <v>2159</v>
      </c>
      <c r="P1811" s="52"/>
      <c r="Q1811" s="52"/>
      <c r="R1811" s="52"/>
      <c r="S1811" s="52"/>
      <c r="T1811" s="52"/>
      <c r="U1811" s="52"/>
      <c r="V1811" s="52"/>
      <c r="W1811" s="52"/>
    </row>
    <row r="1812" spans="1:23" hidden="1" x14ac:dyDescent="0.35">
      <c r="A1812" s="52" t="s">
        <v>78</v>
      </c>
      <c r="B1812" s="52" t="s">
        <v>79</v>
      </c>
      <c r="C1812" s="3">
        <v>20</v>
      </c>
      <c r="D1812" s="52" t="s">
        <v>2020</v>
      </c>
      <c r="E1812" s="52" t="s">
        <v>26</v>
      </c>
      <c r="F1812" s="52" t="s">
        <v>81</v>
      </c>
      <c r="G1812" s="52" t="s">
        <v>82</v>
      </c>
      <c r="H1812" s="4">
        <v>1</v>
      </c>
      <c r="I1812" s="2">
        <v>14.65</v>
      </c>
      <c r="J1812" s="52" t="s">
        <v>5433</v>
      </c>
      <c r="K1812" s="71" t="s">
        <v>5434</v>
      </c>
      <c r="L1812" s="52" t="s">
        <v>2063</v>
      </c>
      <c r="M1812" s="72">
        <v>2955</v>
      </c>
      <c r="N1812" s="52" t="s">
        <v>2072</v>
      </c>
      <c r="O1812" s="52" t="s">
        <v>2073</v>
      </c>
      <c r="P1812" s="52"/>
      <c r="Q1812" s="52"/>
      <c r="R1812" s="52"/>
      <c r="S1812" s="52"/>
      <c r="T1812" s="52"/>
      <c r="U1812" s="52"/>
      <c r="V1812" s="52"/>
      <c r="W1812" s="52"/>
    </row>
    <row r="1813" spans="1:23" hidden="1" x14ac:dyDescent="0.35">
      <c r="A1813" s="52" t="s">
        <v>78</v>
      </c>
      <c r="B1813" s="52" t="s">
        <v>79</v>
      </c>
      <c r="C1813" s="3">
        <v>20</v>
      </c>
      <c r="D1813" s="52" t="s">
        <v>2024</v>
      </c>
      <c r="E1813" s="52" t="s">
        <v>26</v>
      </c>
      <c r="F1813" s="52" t="s">
        <v>81</v>
      </c>
      <c r="G1813" s="52" t="s">
        <v>82</v>
      </c>
      <c r="H1813" s="4">
        <v>1</v>
      </c>
      <c r="I1813" s="2">
        <v>14.65</v>
      </c>
      <c r="J1813" s="52" t="s">
        <v>5435</v>
      </c>
      <c r="K1813" s="71" t="s">
        <v>5436</v>
      </c>
      <c r="L1813" s="52" t="s">
        <v>2063</v>
      </c>
      <c r="M1813" s="72">
        <v>2301</v>
      </c>
      <c r="N1813" s="52" t="s">
        <v>2072</v>
      </c>
      <c r="O1813" s="52" t="s">
        <v>2073</v>
      </c>
      <c r="P1813" s="52"/>
      <c r="Q1813" s="52"/>
      <c r="R1813" s="52"/>
      <c r="S1813" s="52"/>
      <c r="T1813" s="52"/>
      <c r="U1813" s="52"/>
      <c r="V1813" s="52"/>
      <c r="W1813" s="52"/>
    </row>
    <row r="1814" spans="1:23" x14ac:dyDescent="0.35">
      <c r="A1814" s="52" t="s">
        <v>78</v>
      </c>
      <c r="B1814" s="52" t="s">
        <v>79</v>
      </c>
      <c r="C1814" s="3">
        <v>212</v>
      </c>
      <c r="D1814" s="52" t="s">
        <v>84</v>
      </c>
      <c r="E1814" s="52" t="s">
        <v>26</v>
      </c>
      <c r="F1814" s="52" t="s">
        <v>81</v>
      </c>
      <c r="G1814" s="52" t="s">
        <v>82</v>
      </c>
      <c r="H1814" s="4">
        <v>1</v>
      </c>
      <c r="I1814" s="2">
        <v>14.65</v>
      </c>
      <c r="J1814" s="52" t="s">
        <v>5437</v>
      </c>
      <c r="K1814" s="71" t="s">
        <v>5438</v>
      </c>
      <c r="L1814" s="52" t="s">
        <v>2063</v>
      </c>
      <c r="M1814" s="72">
        <v>1913</v>
      </c>
      <c r="N1814" s="52" t="s">
        <v>2076</v>
      </c>
      <c r="O1814" s="52" t="s">
        <v>2077</v>
      </c>
      <c r="P1814" s="52"/>
      <c r="Q1814" s="52"/>
      <c r="R1814" s="52"/>
      <c r="S1814" s="52"/>
      <c r="T1814" s="52"/>
      <c r="U1814" s="52"/>
      <c r="V1814" s="52"/>
      <c r="W1814" s="52"/>
    </row>
    <row r="1815" spans="1:23" hidden="1" x14ac:dyDescent="0.35">
      <c r="A1815" s="52" t="s">
        <v>78</v>
      </c>
      <c r="B1815" s="52" t="s">
        <v>79</v>
      </c>
      <c r="C1815" s="3">
        <v>20</v>
      </c>
      <c r="D1815" s="52" t="s">
        <v>2022</v>
      </c>
      <c r="E1815" s="52" t="s">
        <v>26</v>
      </c>
      <c r="F1815" s="52" t="s">
        <v>81</v>
      </c>
      <c r="G1815" s="52" t="s">
        <v>82</v>
      </c>
      <c r="H1815" s="4">
        <v>1</v>
      </c>
      <c r="I1815" s="2">
        <v>14.65</v>
      </c>
      <c r="J1815" s="52" t="s">
        <v>5439</v>
      </c>
      <c r="K1815" s="71" t="s">
        <v>5440</v>
      </c>
      <c r="L1815" s="52" t="s">
        <v>2063</v>
      </c>
      <c r="M1815" s="72">
        <v>3092</v>
      </c>
      <c r="N1815" s="52" t="s">
        <v>2072</v>
      </c>
      <c r="O1815" s="52" t="s">
        <v>2073</v>
      </c>
      <c r="P1815" s="52"/>
      <c r="Q1815" s="52"/>
      <c r="R1815" s="52"/>
      <c r="S1815" s="52"/>
      <c r="T1815" s="52"/>
      <c r="U1815" s="52"/>
      <c r="V1815" s="52"/>
      <c r="W1815" s="52"/>
    </row>
    <row r="1816" spans="1:23" hidden="1" x14ac:dyDescent="0.35">
      <c r="A1816" s="52" t="s">
        <v>78</v>
      </c>
      <c r="B1816" s="52" t="s">
        <v>79</v>
      </c>
      <c r="C1816" s="3">
        <v>20</v>
      </c>
      <c r="D1816" s="52" t="s">
        <v>2024</v>
      </c>
      <c r="E1816" s="52" t="s">
        <v>26</v>
      </c>
      <c r="F1816" s="52" t="s">
        <v>81</v>
      </c>
      <c r="G1816" s="52" t="s">
        <v>82</v>
      </c>
      <c r="H1816" s="4">
        <v>1</v>
      </c>
      <c r="I1816" s="2">
        <v>14.65</v>
      </c>
      <c r="J1816" s="52" t="s">
        <v>5441</v>
      </c>
      <c r="K1816" s="71" t="s">
        <v>5442</v>
      </c>
      <c r="L1816" s="52" t="s">
        <v>2063</v>
      </c>
      <c r="M1816" s="72">
        <v>7497</v>
      </c>
      <c r="N1816" s="52" t="s">
        <v>2072</v>
      </c>
      <c r="O1816" s="52" t="s">
        <v>2073</v>
      </c>
      <c r="P1816" s="52"/>
      <c r="Q1816" s="52"/>
      <c r="R1816" s="52"/>
      <c r="S1816" s="52"/>
      <c r="T1816" s="52"/>
      <c r="U1816" s="52"/>
      <c r="V1816" s="52"/>
      <c r="W1816" s="52"/>
    </row>
    <row r="1817" spans="1:23" x14ac:dyDescent="0.35">
      <c r="A1817" s="52" t="s">
        <v>78</v>
      </c>
      <c r="B1817" s="52" t="s">
        <v>79</v>
      </c>
      <c r="C1817" s="3">
        <v>211</v>
      </c>
      <c r="D1817" s="52" t="s">
        <v>80</v>
      </c>
      <c r="E1817" s="52" t="s">
        <v>26</v>
      </c>
      <c r="F1817" s="52" t="s">
        <v>81</v>
      </c>
      <c r="G1817" s="52" t="s">
        <v>82</v>
      </c>
      <c r="H1817" s="4">
        <v>1</v>
      </c>
      <c r="I1817" s="2">
        <v>14.65</v>
      </c>
      <c r="J1817" s="52" t="s">
        <v>5443</v>
      </c>
      <c r="K1817" s="71" t="s">
        <v>5444</v>
      </c>
      <c r="L1817" s="52" t="s">
        <v>2063</v>
      </c>
      <c r="M1817" s="72">
        <v>3713</v>
      </c>
      <c r="N1817" s="52" t="s">
        <v>2076</v>
      </c>
      <c r="O1817" s="52" t="s">
        <v>2077</v>
      </c>
      <c r="P1817" s="52"/>
      <c r="Q1817" s="52"/>
      <c r="R1817" s="52"/>
      <c r="S1817" s="52"/>
      <c r="T1817" s="52"/>
      <c r="U1817" s="52"/>
      <c r="V1817" s="52"/>
      <c r="W1817" s="52"/>
    </row>
    <row r="1818" spans="1:23" hidden="1" x14ac:dyDescent="0.35">
      <c r="A1818" s="52" t="s">
        <v>78</v>
      </c>
      <c r="B1818" s="52" t="s">
        <v>79</v>
      </c>
      <c r="C1818" s="3">
        <v>20</v>
      </c>
      <c r="D1818" s="52" t="s">
        <v>80</v>
      </c>
      <c r="E1818" s="52" t="s">
        <v>26</v>
      </c>
      <c r="F1818" s="52" t="s">
        <v>81</v>
      </c>
      <c r="G1818" s="52" t="s">
        <v>82</v>
      </c>
      <c r="H1818" s="4">
        <v>1</v>
      </c>
      <c r="I1818" s="2">
        <v>14.65</v>
      </c>
      <c r="J1818" s="52" t="s">
        <v>5445</v>
      </c>
      <c r="K1818" s="71" t="s">
        <v>5446</v>
      </c>
      <c r="L1818" s="52" t="s">
        <v>2063</v>
      </c>
      <c r="M1818" s="72">
        <v>2499</v>
      </c>
      <c r="N1818" s="52" t="s">
        <v>2072</v>
      </c>
      <c r="O1818" s="52" t="s">
        <v>2073</v>
      </c>
      <c r="P1818" s="52"/>
      <c r="Q1818" s="52"/>
      <c r="R1818" s="52"/>
      <c r="S1818" s="52"/>
      <c r="T1818" s="52"/>
      <c r="U1818" s="52"/>
      <c r="V1818" s="52"/>
      <c r="W1818" s="52"/>
    </row>
    <row r="1819" spans="1:23" hidden="1" x14ac:dyDescent="0.35">
      <c r="A1819" s="52" t="s">
        <v>78</v>
      </c>
      <c r="B1819" s="52" t="s">
        <v>79</v>
      </c>
      <c r="C1819" s="3">
        <v>20</v>
      </c>
      <c r="D1819" s="52" t="s">
        <v>84</v>
      </c>
      <c r="E1819" s="52" t="s">
        <v>26</v>
      </c>
      <c r="F1819" s="52" t="s">
        <v>81</v>
      </c>
      <c r="G1819" s="52" t="s">
        <v>82</v>
      </c>
      <c r="H1819" s="4">
        <v>1</v>
      </c>
      <c r="I1819" s="2">
        <v>14.65</v>
      </c>
      <c r="J1819" s="52" t="s">
        <v>5447</v>
      </c>
      <c r="K1819" s="71" t="s">
        <v>5448</v>
      </c>
      <c r="L1819" s="52" t="s">
        <v>2063</v>
      </c>
      <c r="M1819" s="72">
        <v>3785</v>
      </c>
      <c r="N1819" s="52"/>
      <c r="O1819" s="52"/>
      <c r="P1819" s="52"/>
      <c r="Q1819" s="52"/>
      <c r="R1819" s="52"/>
      <c r="S1819" s="52"/>
      <c r="T1819" s="52"/>
      <c r="U1819" s="52"/>
      <c r="V1819" s="52"/>
      <c r="W1819" s="52"/>
    </row>
    <row r="1820" spans="1:23" hidden="1" x14ac:dyDescent="0.35">
      <c r="A1820" s="52" t="s">
        <v>78</v>
      </c>
      <c r="B1820" s="52" t="s">
        <v>79</v>
      </c>
      <c r="C1820" s="3">
        <v>20</v>
      </c>
      <c r="D1820" s="52" t="s">
        <v>85</v>
      </c>
      <c r="E1820" s="52" t="s">
        <v>26</v>
      </c>
      <c r="F1820" s="52" t="s">
        <v>81</v>
      </c>
      <c r="G1820" s="52" t="s">
        <v>82</v>
      </c>
      <c r="H1820" s="4">
        <v>1</v>
      </c>
      <c r="I1820" s="2">
        <v>14.65</v>
      </c>
      <c r="J1820" s="52" t="s">
        <v>5449</v>
      </c>
      <c r="K1820" s="71" t="s">
        <v>5450</v>
      </c>
      <c r="L1820" s="52" t="s">
        <v>2063</v>
      </c>
      <c r="M1820" s="72">
        <v>7447</v>
      </c>
      <c r="N1820" s="52" t="s">
        <v>2066</v>
      </c>
      <c r="O1820" s="52" t="s">
        <v>2067</v>
      </c>
      <c r="P1820" s="52"/>
      <c r="Q1820" s="52"/>
      <c r="R1820" s="52"/>
      <c r="S1820" s="52"/>
      <c r="T1820" s="52"/>
      <c r="U1820" s="52"/>
      <c r="V1820" s="52"/>
      <c r="W1820" s="52"/>
    </row>
    <row r="1821" spans="1:23" x14ac:dyDescent="0.35">
      <c r="A1821" s="52" t="s">
        <v>78</v>
      </c>
      <c r="B1821" s="52" t="s">
        <v>79</v>
      </c>
      <c r="C1821" s="3">
        <v>211</v>
      </c>
      <c r="D1821" s="52" t="s">
        <v>80</v>
      </c>
      <c r="E1821" s="52" t="s">
        <v>26</v>
      </c>
      <c r="F1821" s="52" t="s">
        <v>81</v>
      </c>
      <c r="G1821" s="52" t="s">
        <v>82</v>
      </c>
      <c r="H1821" s="4">
        <v>1</v>
      </c>
      <c r="I1821" s="2">
        <v>14.65</v>
      </c>
      <c r="J1821" s="52" t="s">
        <v>4709</v>
      </c>
      <c r="K1821" s="71" t="s">
        <v>5451</v>
      </c>
      <c r="L1821" s="52" t="s">
        <v>2063</v>
      </c>
      <c r="M1821" s="72">
        <v>1156</v>
      </c>
      <c r="N1821" s="52" t="s">
        <v>2259</v>
      </c>
      <c r="O1821" s="52" t="s">
        <v>2260</v>
      </c>
      <c r="P1821" s="52"/>
      <c r="Q1821" s="52"/>
      <c r="R1821" s="52"/>
      <c r="S1821" s="52"/>
      <c r="T1821" s="52"/>
      <c r="U1821" s="52"/>
      <c r="V1821" s="52"/>
      <c r="W1821" s="52"/>
    </row>
    <row r="1822" spans="1:23" hidden="1" x14ac:dyDescent="0.35">
      <c r="A1822" s="52" t="s">
        <v>78</v>
      </c>
      <c r="B1822" s="52" t="s">
        <v>79</v>
      </c>
      <c r="C1822" s="3">
        <v>20</v>
      </c>
      <c r="D1822" s="52" t="s">
        <v>86</v>
      </c>
      <c r="E1822" s="52" t="s">
        <v>26</v>
      </c>
      <c r="F1822" s="52" t="s">
        <v>81</v>
      </c>
      <c r="G1822" s="52" t="s">
        <v>82</v>
      </c>
      <c r="H1822" s="4">
        <v>1</v>
      </c>
      <c r="I1822" s="2">
        <v>14.65</v>
      </c>
      <c r="J1822" s="52" t="s">
        <v>5452</v>
      </c>
      <c r="K1822" s="71" t="s">
        <v>5453</v>
      </c>
      <c r="L1822" s="52" t="s">
        <v>2063</v>
      </c>
      <c r="M1822" s="72">
        <v>9074</v>
      </c>
      <c r="N1822" s="52" t="s">
        <v>2072</v>
      </c>
      <c r="O1822" s="52" t="s">
        <v>2073</v>
      </c>
      <c r="P1822" s="52"/>
      <c r="Q1822" s="52"/>
      <c r="R1822" s="52"/>
      <c r="S1822" s="52"/>
      <c r="T1822" s="52"/>
      <c r="U1822" s="52"/>
      <c r="V1822" s="52"/>
      <c r="W1822" s="52"/>
    </row>
    <row r="1823" spans="1:23" hidden="1" x14ac:dyDescent="0.35">
      <c r="A1823" s="52" t="s">
        <v>78</v>
      </c>
      <c r="B1823" s="52" t="s">
        <v>79</v>
      </c>
      <c r="C1823" s="3">
        <v>20</v>
      </c>
      <c r="D1823" s="52" t="s">
        <v>84</v>
      </c>
      <c r="E1823" s="52" t="s">
        <v>26</v>
      </c>
      <c r="F1823" s="52" t="s">
        <v>81</v>
      </c>
      <c r="G1823" s="52" t="s">
        <v>82</v>
      </c>
      <c r="H1823" s="4">
        <v>1</v>
      </c>
      <c r="I1823" s="2">
        <v>14.65</v>
      </c>
      <c r="J1823" s="52" t="s">
        <v>5454</v>
      </c>
      <c r="K1823" s="71" t="s">
        <v>5455</v>
      </c>
      <c r="L1823" s="52" t="s">
        <v>2063</v>
      </c>
      <c r="M1823" s="72">
        <v>6806</v>
      </c>
      <c r="N1823" s="52" t="s">
        <v>2072</v>
      </c>
      <c r="O1823" s="52" t="s">
        <v>2073</v>
      </c>
      <c r="P1823" s="52"/>
      <c r="Q1823" s="52"/>
      <c r="R1823" s="52"/>
      <c r="S1823" s="52"/>
      <c r="T1823" s="52"/>
      <c r="U1823" s="52"/>
      <c r="V1823" s="52"/>
      <c r="W1823" s="52"/>
    </row>
    <row r="1824" spans="1:23" hidden="1" x14ac:dyDescent="0.35">
      <c r="A1824" s="52" t="s">
        <v>78</v>
      </c>
      <c r="B1824" s="52" t="s">
        <v>79</v>
      </c>
      <c r="C1824" s="3">
        <v>10</v>
      </c>
      <c r="D1824" s="52" t="s">
        <v>85</v>
      </c>
      <c r="E1824" s="52" t="s">
        <v>26</v>
      </c>
      <c r="F1824" s="52" t="s">
        <v>81</v>
      </c>
      <c r="G1824" s="52" t="s">
        <v>82</v>
      </c>
      <c r="H1824" s="4">
        <v>1</v>
      </c>
      <c r="I1824" s="2">
        <v>14.65</v>
      </c>
      <c r="J1824" s="52" t="s">
        <v>5456</v>
      </c>
      <c r="K1824" s="71" t="s">
        <v>5457</v>
      </c>
      <c r="L1824" s="52" t="s">
        <v>2063</v>
      </c>
      <c r="M1824" s="72">
        <v>5231</v>
      </c>
      <c r="N1824" s="52" t="s">
        <v>2072</v>
      </c>
      <c r="O1824" s="52" t="s">
        <v>2073</v>
      </c>
      <c r="P1824" s="52"/>
      <c r="Q1824" s="52"/>
      <c r="R1824" s="52"/>
      <c r="S1824" s="52"/>
      <c r="T1824" s="52"/>
      <c r="U1824" s="52"/>
      <c r="V1824" s="52"/>
      <c r="W1824" s="52"/>
    </row>
    <row r="1825" spans="1:23" hidden="1" x14ac:dyDescent="0.35">
      <c r="A1825" s="52" t="s">
        <v>78</v>
      </c>
      <c r="B1825" s="52" t="s">
        <v>79</v>
      </c>
      <c r="C1825" s="3">
        <v>20</v>
      </c>
      <c r="D1825" s="52" t="s">
        <v>2020</v>
      </c>
      <c r="E1825" s="52" t="s">
        <v>26</v>
      </c>
      <c r="F1825" s="52" t="s">
        <v>81</v>
      </c>
      <c r="G1825" s="52" t="s">
        <v>82</v>
      </c>
      <c r="H1825" s="4">
        <v>1</v>
      </c>
      <c r="I1825" s="2">
        <v>14.65</v>
      </c>
      <c r="J1825" s="52" t="s">
        <v>5458</v>
      </c>
      <c r="K1825" s="71" t="s">
        <v>5459</v>
      </c>
      <c r="L1825" s="52" t="s">
        <v>2063</v>
      </c>
      <c r="M1825" s="72">
        <v>7044</v>
      </c>
      <c r="N1825" s="52" t="s">
        <v>2154</v>
      </c>
      <c r="O1825" s="52" t="s">
        <v>2155</v>
      </c>
      <c r="P1825" s="52"/>
      <c r="Q1825" s="52"/>
      <c r="R1825" s="52"/>
      <c r="S1825" s="52"/>
      <c r="T1825" s="52"/>
      <c r="U1825" s="52"/>
      <c r="V1825" s="52"/>
      <c r="W1825" s="52"/>
    </row>
    <row r="1826" spans="1:23" hidden="1" x14ac:dyDescent="0.35">
      <c r="A1826" s="52" t="s">
        <v>78</v>
      </c>
      <c r="B1826" s="52" t="s">
        <v>79</v>
      </c>
      <c r="C1826" s="3">
        <v>20</v>
      </c>
      <c r="D1826" s="52" t="s">
        <v>2020</v>
      </c>
      <c r="E1826" s="52" t="s">
        <v>26</v>
      </c>
      <c r="F1826" s="52" t="s">
        <v>81</v>
      </c>
      <c r="G1826" s="52" t="s">
        <v>82</v>
      </c>
      <c r="H1826" s="4">
        <v>1</v>
      </c>
      <c r="I1826" s="2">
        <v>14.65</v>
      </c>
      <c r="J1826" s="52" t="s">
        <v>5429</v>
      </c>
      <c r="K1826" s="71" t="s">
        <v>5460</v>
      </c>
      <c r="L1826" s="52" t="s">
        <v>2095</v>
      </c>
      <c r="M1826" s="72">
        <v>5250</v>
      </c>
      <c r="N1826" s="52"/>
      <c r="O1826" s="52"/>
      <c r="P1826" s="52"/>
      <c r="Q1826" s="52"/>
      <c r="R1826" s="52"/>
      <c r="S1826" s="52"/>
      <c r="T1826" s="52"/>
      <c r="U1826" s="52"/>
      <c r="V1826" s="52"/>
      <c r="W1826" s="52"/>
    </row>
    <row r="1827" spans="1:23" hidden="1" x14ac:dyDescent="0.35">
      <c r="A1827" s="52" t="s">
        <v>78</v>
      </c>
      <c r="B1827" s="52" t="s">
        <v>79</v>
      </c>
      <c r="C1827" s="3">
        <v>10</v>
      </c>
      <c r="D1827" s="52" t="s">
        <v>87</v>
      </c>
      <c r="E1827" s="52" t="s">
        <v>26</v>
      </c>
      <c r="F1827" s="52" t="s">
        <v>81</v>
      </c>
      <c r="G1827" s="52" t="s">
        <v>82</v>
      </c>
      <c r="H1827" s="4">
        <v>1</v>
      </c>
      <c r="I1827" s="2">
        <v>14.65</v>
      </c>
      <c r="J1827" s="52" t="s">
        <v>5461</v>
      </c>
      <c r="K1827" s="71" t="s">
        <v>5462</v>
      </c>
      <c r="L1827" s="52" t="s">
        <v>2063</v>
      </c>
      <c r="M1827" s="72">
        <v>1264</v>
      </c>
      <c r="N1827" s="52" t="s">
        <v>2066</v>
      </c>
      <c r="O1827" s="52" t="s">
        <v>2067</v>
      </c>
      <c r="P1827" s="52"/>
      <c r="Q1827" s="52"/>
      <c r="R1827" s="52"/>
      <c r="S1827" s="52"/>
      <c r="T1827" s="52"/>
      <c r="U1827" s="52"/>
      <c r="V1827" s="52"/>
      <c r="W1827" s="52"/>
    </row>
    <row r="1828" spans="1:23" x14ac:dyDescent="0.35">
      <c r="A1828" s="52" t="s">
        <v>78</v>
      </c>
      <c r="B1828" s="52" t="s">
        <v>79</v>
      </c>
      <c r="C1828" s="3">
        <v>20</v>
      </c>
      <c r="D1828" s="52" t="s">
        <v>2020</v>
      </c>
      <c r="E1828" s="52" t="s">
        <v>26</v>
      </c>
      <c r="F1828" s="52" t="s">
        <v>81</v>
      </c>
      <c r="G1828" s="52" t="s">
        <v>82</v>
      </c>
      <c r="H1828" s="4">
        <v>1</v>
      </c>
      <c r="I1828" s="2">
        <v>14.65</v>
      </c>
      <c r="J1828" s="52" t="s">
        <v>5463</v>
      </c>
      <c r="K1828" s="71" t="s">
        <v>5464</v>
      </c>
      <c r="L1828" s="52" t="s">
        <v>2063</v>
      </c>
      <c r="M1828" s="72">
        <v>4025</v>
      </c>
      <c r="N1828" s="52" t="s">
        <v>2259</v>
      </c>
      <c r="O1828" s="52" t="s">
        <v>2260</v>
      </c>
      <c r="P1828" s="52"/>
      <c r="Q1828" s="52"/>
      <c r="R1828" s="52"/>
      <c r="S1828" s="52"/>
      <c r="T1828" s="52"/>
      <c r="U1828" s="52"/>
      <c r="V1828" s="52"/>
      <c r="W1828" s="52"/>
    </row>
    <row r="1829" spans="1:23" x14ac:dyDescent="0.35">
      <c r="A1829" s="52" t="s">
        <v>78</v>
      </c>
      <c r="B1829" s="52" t="s">
        <v>79</v>
      </c>
      <c r="C1829" s="3">
        <v>211</v>
      </c>
      <c r="D1829" s="52" t="s">
        <v>2024</v>
      </c>
      <c r="E1829" s="52" t="s">
        <v>26</v>
      </c>
      <c r="F1829" s="52" t="s">
        <v>81</v>
      </c>
      <c r="G1829" s="52" t="s">
        <v>82</v>
      </c>
      <c r="H1829" s="4">
        <v>1</v>
      </c>
      <c r="I1829" s="2">
        <v>14.65</v>
      </c>
      <c r="J1829" s="52" t="s">
        <v>5465</v>
      </c>
      <c r="K1829" s="71" t="s">
        <v>5466</v>
      </c>
      <c r="L1829" s="52" t="s">
        <v>2063</v>
      </c>
      <c r="M1829" s="72">
        <v>9558</v>
      </c>
      <c r="N1829" s="52" t="s">
        <v>2076</v>
      </c>
      <c r="O1829" s="52" t="s">
        <v>2077</v>
      </c>
      <c r="P1829" s="52"/>
      <c r="Q1829" s="52"/>
      <c r="R1829" s="52"/>
      <c r="S1829" s="52"/>
      <c r="T1829" s="52"/>
      <c r="U1829" s="52"/>
      <c r="V1829" s="52"/>
      <c r="W1829" s="52"/>
    </row>
    <row r="1830" spans="1:23" hidden="1" x14ac:dyDescent="0.35">
      <c r="A1830" s="52" t="s">
        <v>78</v>
      </c>
      <c r="B1830" s="52" t="s">
        <v>79</v>
      </c>
      <c r="C1830" s="3">
        <v>20</v>
      </c>
      <c r="D1830" s="52" t="s">
        <v>2024</v>
      </c>
      <c r="E1830" s="52" t="s">
        <v>26</v>
      </c>
      <c r="F1830" s="52" t="s">
        <v>81</v>
      </c>
      <c r="G1830" s="52" t="s">
        <v>82</v>
      </c>
      <c r="H1830" s="4">
        <v>1</v>
      </c>
      <c r="I1830" s="2">
        <v>14.65</v>
      </c>
      <c r="J1830" s="52" t="s">
        <v>5467</v>
      </c>
      <c r="K1830" s="71" t="s">
        <v>5468</v>
      </c>
      <c r="L1830" s="52" t="s">
        <v>2095</v>
      </c>
      <c r="M1830" s="72">
        <v>9664</v>
      </c>
      <c r="N1830" s="52"/>
      <c r="O1830" s="52"/>
      <c r="P1830" s="52"/>
      <c r="Q1830" s="52"/>
      <c r="R1830" s="52"/>
      <c r="S1830" s="52"/>
      <c r="T1830" s="52"/>
      <c r="U1830" s="52"/>
      <c r="V1830" s="52"/>
      <c r="W1830" s="52"/>
    </row>
    <row r="1831" spans="1:23" hidden="1" x14ac:dyDescent="0.35">
      <c r="A1831" s="52" t="s">
        <v>78</v>
      </c>
      <c r="B1831" s="52" t="s">
        <v>79</v>
      </c>
      <c r="C1831" s="3">
        <v>20</v>
      </c>
      <c r="D1831" s="52" t="s">
        <v>2023</v>
      </c>
      <c r="E1831" s="52" t="s">
        <v>26</v>
      </c>
      <c r="F1831" s="52" t="s">
        <v>81</v>
      </c>
      <c r="G1831" s="52" t="s">
        <v>82</v>
      </c>
      <c r="H1831" s="4">
        <v>1</v>
      </c>
      <c r="I1831" s="2">
        <v>14.65</v>
      </c>
      <c r="J1831" s="52" t="s">
        <v>5469</v>
      </c>
      <c r="K1831" s="71" t="s">
        <v>5470</v>
      </c>
      <c r="L1831" s="52" t="s">
        <v>2063</v>
      </c>
      <c r="M1831" s="72">
        <v>1327</v>
      </c>
      <c r="N1831" s="52" t="s">
        <v>2072</v>
      </c>
      <c r="O1831" s="52" t="s">
        <v>2073</v>
      </c>
      <c r="P1831" s="52"/>
      <c r="Q1831" s="52"/>
      <c r="R1831" s="52"/>
      <c r="S1831" s="52"/>
      <c r="T1831" s="52"/>
      <c r="U1831" s="52"/>
      <c r="V1831" s="52"/>
      <c r="W1831" s="52"/>
    </row>
    <row r="1832" spans="1:23" hidden="1" x14ac:dyDescent="0.35">
      <c r="A1832" s="52" t="s">
        <v>78</v>
      </c>
      <c r="B1832" s="52" t="s">
        <v>79</v>
      </c>
      <c r="C1832" s="3">
        <v>20</v>
      </c>
      <c r="D1832" s="52" t="s">
        <v>83</v>
      </c>
      <c r="E1832" s="52" t="s">
        <v>26</v>
      </c>
      <c r="F1832" s="52" t="s">
        <v>81</v>
      </c>
      <c r="G1832" s="52" t="s">
        <v>82</v>
      </c>
      <c r="H1832" s="4">
        <v>1</v>
      </c>
      <c r="I1832" s="2">
        <v>14.65</v>
      </c>
      <c r="J1832" s="52" t="s">
        <v>5471</v>
      </c>
      <c r="K1832" s="71" t="s">
        <v>5472</v>
      </c>
      <c r="L1832" s="52" t="s">
        <v>2063</v>
      </c>
      <c r="M1832" s="72">
        <v>2498</v>
      </c>
      <c r="N1832" s="52" t="s">
        <v>2072</v>
      </c>
      <c r="O1832" s="52" t="s">
        <v>2073</v>
      </c>
      <c r="P1832" s="52"/>
      <c r="Q1832" s="52"/>
      <c r="R1832" s="52"/>
      <c r="S1832" s="52"/>
      <c r="T1832" s="52"/>
      <c r="U1832" s="52"/>
      <c r="V1832" s="52"/>
      <c r="W1832" s="52"/>
    </row>
    <row r="1833" spans="1:23" hidden="1" x14ac:dyDescent="0.35">
      <c r="A1833" s="52" t="s">
        <v>78</v>
      </c>
      <c r="B1833" s="52" t="s">
        <v>79</v>
      </c>
      <c r="C1833" s="3">
        <v>10</v>
      </c>
      <c r="D1833" s="52" t="s">
        <v>86</v>
      </c>
      <c r="E1833" s="52" t="s">
        <v>26</v>
      </c>
      <c r="F1833" s="52" t="s">
        <v>81</v>
      </c>
      <c r="G1833" s="52" t="s">
        <v>82</v>
      </c>
      <c r="H1833" s="4">
        <v>1</v>
      </c>
      <c r="I1833" s="2">
        <v>14.65</v>
      </c>
      <c r="J1833" s="52" t="s">
        <v>5473</v>
      </c>
      <c r="K1833" s="71" t="s">
        <v>5474</v>
      </c>
      <c r="L1833" s="52" t="s">
        <v>2063</v>
      </c>
      <c r="M1833" s="72">
        <v>155</v>
      </c>
      <c r="N1833" s="52" t="s">
        <v>2066</v>
      </c>
      <c r="O1833" s="52" t="s">
        <v>2067</v>
      </c>
      <c r="P1833" s="52"/>
      <c r="Q1833" s="52"/>
      <c r="R1833" s="52"/>
      <c r="S1833" s="52"/>
      <c r="T1833" s="52"/>
      <c r="U1833" s="52"/>
      <c r="V1833" s="52"/>
      <c r="W1833" s="52"/>
    </row>
    <row r="1834" spans="1:23" hidden="1" x14ac:dyDescent="0.35">
      <c r="A1834" s="52" t="s">
        <v>78</v>
      </c>
      <c r="B1834" s="52" t="s">
        <v>79</v>
      </c>
      <c r="C1834" s="3">
        <v>20</v>
      </c>
      <c r="D1834" s="52" t="s">
        <v>85</v>
      </c>
      <c r="E1834" s="52" t="s">
        <v>26</v>
      </c>
      <c r="F1834" s="52" t="s">
        <v>81</v>
      </c>
      <c r="G1834" s="52" t="s">
        <v>82</v>
      </c>
      <c r="H1834" s="4">
        <v>1</v>
      </c>
      <c r="I1834" s="2">
        <v>14.65</v>
      </c>
      <c r="J1834" s="52" t="s">
        <v>5475</v>
      </c>
      <c r="K1834" s="71" t="s">
        <v>5476</v>
      </c>
      <c r="L1834" s="52" t="s">
        <v>2063</v>
      </c>
      <c r="M1834" s="72">
        <v>2744</v>
      </c>
      <c r="N1834" s="52" t="s">
        <v>2066</v>
      </c>
      <c r="O1834" s="52" t="s">
        <v>2067</v>
      </c>
      <c r="P1834" s="52"/>
      <c r="Q1834" s="52"/>
      <c r="R1834" s="52"/>
      <c r="S1834" s="52"/>
      <c r="T1834" s="52"/>
      <c r="U1834" s="52"/>
      <c r="V1834" s="52"/>
      <c r="W1834" s="52"/>
    </row>
    <row r="1835" spans="1:23" hidden="1" x14ac:dyDescent="0.35">
      <c r="A1835" s="52" t="s">
        <v>78</v>
      </c>
      <c r="B1835" s="52" t="s">
        <v>79</v>
      </c>
      <c r="C1835" s="3">
        <v>20</v>
      </c>
      <c r="D1835" s="52" t="s">
        <v>2019</v>
      </c>
      <c r="E1835" s="52" t="s">
        <v>26</v>
      </c>
      <c r="F1835" s="52" t="s">
        <v>81</v>
      </c>
      <c r="G1835" s="52" t="s">
        <v>82</v>
      </c>
      <c r="H1835" s="4">
        <v>1</v>
      </c>
      <c r="I1835" s="2">
        <v>14.65</v>
      </c>
      <c r="J1835" s="52" t="s">
        <v>5477</v>
      </c>
      <c r="K1835" s="71" t="s">
        <v>5478</v>
      </c>
      <c r="L1835" s="52" t="s">
        <v>2063</v>
      </c>
      <c r="M1835" s="72">
        <v>5708</v>
      </c>
      <c r="N1835" s="52" t="s">
        <v>2066</v>
      </c>
      <c r="O1835" s="52" t="s">
        <v>2067</v>
      </c>
      <c r="P1835" s="52"/>
      <c r="Q1835" s="52"/>
      <c r="R1835" s="52"/>
      <c r="S1835" s="52"/>
      <c r="T1835" s="52"/>
      <c r="U1835" s="52"/>
      <c r="V1835" s="52"/>
      <c r="W1835" s="52"/>
    </row>
    <row r="1836" spans="1:23" hidden="1" x14ac:dyDescent="0.35">
      <c r="A1836" s="52" t="s">
        <v>78</v>
      </c>
      <c r="B1836" s="52" t="s">
        <v>79</v>
      </c>
      <c r="C1836" s="3">
        <v>10</v>
      </c>
      <c r="D1836" s="52" t="s">
        <v>85</v>
      </c>
      <c r="E1836" s="52" t="s">
        <v>26</v>
      </c>
      <c r="F1836" s="52" t="s">
        <v>81</v>
      </c>
      <c r="G1836" s="52" t="s">
        <v>82</v>
      </c>
      <c r="H1836" s="4">
        <v>1</v>
      </c>
      <c r="I1836" s="2">
        <v>14.65</v>
      </c>
      <c r="J1836" s="52" t="s">
        <v>5479</v>
      </c>
      <c r="K1836" s="71" t="s">
        <v>5480</v>
      </c>
      <c r="L1836" s="52" t="s">
        <v>2063</v>
      </c>
      <c r="M1836" s="72">
        <v>9681</v>
      </c>
      <c r="N1836" s="52"/>
      <c r="O1836" s="52"/>
      <c r="P1836" s="52"/>
      <c r="Q1836" s="52"/>
      <c r="R1836" s="52"/>
      <c r="S1836" s="52"/>
      <c r="T1836" s="52"/>
      <c r="U1836" s="52"/>
      <c r="V1836" s="52"/>
      <c r="W1836" s="52"/>
    </row>
    <row r="1837" spans="1:23" hidden="1" x14ac:dyDescent="0.35">
      <c r="A1837" s="52" t="s">
        <v>78</v>
      </c>
      <c r="B1837" s="52" t="s">
        <v>79</v>
      </c>
      <c r="C1837" s="3">
        <v>20</v>
      </c>
      <c r="D1837" s="52" t="s">
        <v>85</v>
      </c>
      <c r="E1837" s="52" t="s">
        <v>26</v>
      </c>
      <c r="F1837" s="52" t="s">
        <v>81</v>
      </c>
      <c r="G1837" s="52" t="s">
        <v>82</v>
      </c>
      <c r="H1837" s="4">
        <v>1</v>
      </c>
      <c r="I1837" s="2">
        <v>14.65</v>
      </c>
      <c r="J1837" s="52" t="s">
        <v>5481</v>
      </c>
      <c r="K1837" s="71" t="s">
        <v>5482</v>
      </c>
      <c r="L1837" s="52" t="s">
        <v>2063</v>
      </c>
      <c r="M1837" s="72">
        <v>1809</v>
      </c>
      <c r="N1837" s="52"/>
      <c r="O1837" s="52"/>
      <c r="P1837" s="52"/>
      <c r="Q1837" s="52"/>
      <c r="R1837" s="52"/>
      <c r="S1837" s="52"/>
      <c r="T1837" s="52"/>
      <c r="U1837" s="52"/>
      <c r="V1837" s="52"/>
      <c r="W1837" s="52"/>
    </row>
    <row r="1838" spans="1:23" hidden="1" x14ac:dyDescent="0.35">
      <c r="A1838" s="52" t="s">
        <v>78</v>
      </c>
      <c r="B1838" s="52" t="s">
        <v>79</v>
      </c>
      <c r="C1838" s="3">
        <v>211</v>
      </c>
      <c r="D1838" s="52" t="s">
        <v>2020</v>
      </c>
      <c r="E1838" s="52" t="s">
        <v>26</v>
      </c>
      <c r="F1838" s="52" t="s">
        <v>81</v>
      </c>
      <c r="G1838" s="52" t="s">
        <v>82</v>
      </c>
      <c r="H1838" s="4">
        <v>1</v>
      </c>
      <c r="I1838" s="2">
        <v>14.65</v>
      </c>
      <c r="J1838" s="52" t="s">
        <v>5483</v>
      </c>
      <c r="K1838" s="71" t="s">
        <v>5484</v>
      </c>
      <c r="L1838" s="52" t="s">
        <v>2095</v>
      </c>
      <c r="M1838" s="72">
        <v>8814</v>
      </c>
      <c r="N1838" s="52" t="s">
        <v>2066</v>
      </c>
      <c r="O1838" s="52" t="s">
        <v>2067</v>
      </c>
      <c r="P1838" s="52"/>
      <c r="Q1838" s="52"/>
      <c r="R1838" s="52"/>
      <c r="S1838" s="52"/>
      <c r="T1838" s="52"/>
      <c r="U1838" s="52"/>
      <c r="V1838" s="52"/>
      <c r="W1838" s="52"/>
    </row>
    <row r="1839" spans="1:23" hidden="1" x14ac:dyDescent="0.35">
      <c r="A1839" s="52" t="s">
        <v>78</v>
      </c>
      <c r="B1839" s="52" t="s">
        <v>79</v>
      </c>
      <c r="C1839" s="3">
        <v>211</v>
      </c>
      <c r="D1839" s="52" t="s">
        <v>2020</v>
      </c>
      <c r="E1839" s="52" t="s">
        <v>26</v>
      </c>
      <c r="F1839" s="52" t="s">
        <v>81</v>
      </c>
      <c r="G1839" s="52" t="s">
        <v>82</v>
      </c>
      <c r="H1839" s="4">
        <v>1</v>
      </c>
      <c r="I1839" s="2">
        <v>14.65</v>
      </c>
      <c r="J1839" s="52" t="s">
        <v>5485</v>
      </c>
      <c r="K1839" s="71" t="s">
        <v>5486</v>
      </c>
      <c r="L1839" s="52" t="s">
        <v>2063</v>
      </c>
      <c r="M1839" s="72">
        <v>2117</v>
      </c>
      <c r="N1839" s="52" t="s">
        <v>2158</v>
      </c>
      <c r="O1839" s="52" t="s">
        <v>2159</v>
      </c>
      <c r="P1839" s="52"/>
      <c r="Q1839" s="52"/>
      <c r="R1839" s="52"/>
      <c r="S1839" s="52"/>
      <c r="T1839" s="52"/>
      <c r="U1839" s="52"/>
      <c r="V1839" s="52"/>
      <c r="W1839" s="52"/>
    </row>
    <row r="1840" spans="1:23" hidden="1" x14ac:dyDescent="0.35">
      <c r="A1840" s="52" t="s">
        <v>78</v>
      </c>
      <c r="B1840" s="52" t="s">
        <v>79</v>
      </c>
      <c r="C1840" s="3">
        <v>20</v>
      </c>
      <c r="D1840" s="52" t="s">
        <v>86</v>
      </c>
      <c r="E1840" s="52" t="s">
        <v>26</v>
      </c>
      <c r="F1840" s="52" t="s">
        <v>81</v>
      </c>
      <c r="G1840" s="52" t="s">
        <v>82</v>
      </c>
      <c r="H1840" s="4">
        <v>1</v>
      </c>
      <c r="I1840" s="2">
        <v>14.65</v>
      </c>
      <c r="J1840" s="52" t="s">
        <v>5487</v>
      </c>
      <c r="K1840" s="71" t="s">
        <v>5488</v>
      </c>
      <c r="L1840" s="52" t="s">
        <v>2063</v>
      </c>
      <c r="M1840" s="72">
        <v>6544</v>
      </c>
      <c r="N1840" s="52"/>
      <c r="O1840" s="52"/>
      <c r="P1840" s="52"/>
      <c r="Q1840" s="52"/>
      <c r="R1840" s="52"/>
      <c r="S1840" s="52"/>
      <c r="T1840" s="52"/>
      <c r="U1840" s="52"/>
      <c r="V1840" s="52"/>
      <c r="W1840" s="52"/>
    </row>
    <row r="1841" spans="1:23" hidden="1" x14ac:dyDescent="0.35">
      <c r="A1841" s="52" t="s">
        <v>78</v>
      </c>
      <c r="B1841" s="52" t="s">
        <v>79</v>
      </c>
      <c r="C1841" s="3">
        <v>20</v>
      </c>
      <c r="D1841" s="52" t="s">
        <v>83</v>
      </c>
      <c r="E1841" s="52" t="s">
        <v>26</v>
      </c>
      <c r="F1841" s="52" t="s">
        <v>81</v>
      </c>
      <c r="G1841" s="52" t="s">
        <v>82</v>
      </c>
      <c r="H1841" s="4">
        <v>1</v>
      </c>
      <c r="I1841" s="2">
        <v>14.65</v>
      </c>
      <c r="J1841" s="52" t="s">
        <v>5489</v>
      </c>
      <c r="K1841" s="71" t="s">
        <v>5490</v>
      </c>
      <c r="L1841" s="52" t="s">
        <v>2063</v>
      </c>
      <c r="M1841" s="72">
        <v>4450</v>
      </c>
      <c r="N1841" s="52" t="s">
        <v>2158</v>
      </c>
      <c r="O1841" s="52" t="s">
        <v>2159</v>
      </c>
      <c r="P1841" s="52"/>
      <c r="Q1841" s="52"/>
      <c r="R1841" s="52"/>
      <c r="S1841" s="52"/>
      <c r="T1841" s="52"/>
      <c r="U1841" s="52"/>
      <c r="V1841" s="52"/>
      <c r="W1841" s="52"/>
    </row>
    <row r="1842" spans="1:23" hidden="1" x14ac:dyDescent="0.35">
      <c r="A1842" s="52" t="s">
        <v>78</v>
      </c>
      <c r="B1842" s="52" t="s">
        <v>79</v>
      </c>
      <c r="C1842" s="3">
        <v>20</v>
      </c>
      <c r="D1842" s="52" t="s">
        <v>2022</v>
      </c>
      <c r="E1842" s="52" t="s">
        <v>26</v>
      </c>
      <c r="F1842" s="52" t="s">
        <v>81</v>
      </c>
      <c r="G1842" s="52" t="s">
        <v>82</v>
      </c>
      <c r="H1842" s="4">
        <v>1</v>
      </c>
      <c r="I1842" s="2">
        <v>14.65</v>
      </c>
      <c r="J1842" s="52" t="s">
        <v>5391</v>
      </c>
      <c r="K1842" s="71" t="s">
        <v>5491</v>
      </c>
      <c r="L1842" s="52" t="s">
        <v>2063</v>
      </c>
      <c r="M1842" s="72">
        <v>1662</v>
      </c>
      <c r="N1842" s="52" t="s">
        <v>2072</v>
      </c>
      <c r="O1842" s="52" t="s">
        <v>2073</v>
      </c>
      <c r="P1842" s="52"/>
      <c r="Q1842" s="52"/>
      <c r="R1842" s="52"/>
      <c r="S1842" s="52"/>
      <c r="T1842" s="52"/>
      <c r="U1842" s="52"/>
      <c r="V1842" s="52"/>
      <c r="W1842" s="52"/>
    </row>
    <row r="1843" spans="1:23" hidden="1" x14ac:dyDescent="0.35">
      <c r="A1843" s="52" t="s">
        <v>78</v>
      </c>
      <c r="B1843" s="52" t="s">
        <v>79</v>
      </c>
      <c r="C1843" s="3">
        <v>20</v>
      </c>
      <c r="D1843" s="52" t="s">
        <v>84</v>
      </c>
      <c r="E1843" s="52" t="s">
        <v>26</v>
      </c>
      <c r="F1843" s="52" t="s">
        <v>81</v>
      </c>
      <c r="G1843" s="52" t="s">
        <v>82</v>
      </c>
      <c r="H1843" s="4">
        <v>1</v>
      </c>
      <c r="I1843" s="2">
        <v>14.65</v>
      </c>
      <c r="J1843" s="52" t="s">
        <v>5492</v>
      </c>
      <c r="K1843" s="71" t="s">
        <v>5493</v>
      </c>
      <c r="L1843" s="52" t="s">
        <v>2063</v>
      </c>
      <c r="M1843" s="72">
        <v>4662</v>
      </c>
      <c r="N1843" s="52" t="s">
        <v>2066</v>
      </c>
      <c r="O1843" s="52" t="s">
        <v>2067</v>
      </c>
      <c r="P1843" s="52"/>
      <c r="Q1843" s="52"/>
      <c r="R1843" s="52"/>
      <c r="S1843" s="52"/>
      <c r="T1843" s="52"/>
      <c r="U1843" s="52"/>
      <c r="V1843" s="52"/>
      <c r="W1843" s="52"/>
    </row>
    <row r="1844" spans="1:23" hidden="1" x14ac:dyDescent="0.35">
      <c r="A1844" s="52" t="s">
        <v>78</v>
      </c>
      <c r="B1844" s="52" t="s">
        <v>79</v>
      </c>
      <c r="C1844" s="3">
        <v>10</v>
      </c>
      <c r="D1844" s="52" t="s">
        <v>2019</v>
      </c>
      <c r="E1844" s="52" t="s">
        <v>26</v>
      </c>
      <c r="F1844" s="52" t="s">
        <v>81</v>
      </c>
      <c r="G1844" s="52" t="s">
        <v>82</v>
      </c>
      <c r="H1844" s="4">
        <v>1</v>
      </c>
      <c r="I1844" s="2">
        <v>14.65</v>
      </c>
      <c r="J1844" s="52" t="s">
        <v>5494</v>
      </c>
      <c r="K1844" s="71" t="s">
        <v>5495</v>
      </c>
      <c r="L1844" s="52" t="s">
        <v>2063</v>
      </c>
      <c r="M1844" s="72">
        <v>8616</v>
      </c>
      <c r="N1844" s="52" t="s">
        <v>2154</v>
      </c>
      <c r="O1844" s="52" t="s">
        <v>2155</v>
      </c>
      <c r="P1844" s="52"/>
      <c r="Q1844" s="52"/>
      <c r="R1844" s="52"/>
      <c r="S1844" s="52"/>
      <c r="T1844" s="52"/>
      <c r="U1844" s="52"/>
      <c r="V1844" s="52"/>
      <c r="W1844" s="52"/>
    </row>
    <row r="1845" spans="1:23" hidden="1" x14ac:dyDescent="0.35">
      <c r="A1845" s="52" t="s">
        <v>78</v>
      </c>
      <c r="B1845" s="52" t="s">
        <v>79</v>
      </c>
      <c r="C1845" s="3">
        <v>20</v>
      </c>
      <c r="D1845" s="52" t="s">
        <v>2024</v>
      </c>
      <c r="E1845" s="52" t="s">
        <v>26</v>
      </c>
      <c r="F1845" s="52" t="s">
        <v>81</v>
      </c>
      <c r="G1845" s="52" t="s">
        <v>82</v>
      </c>
      <c r="H1845" s="4">
        <v>1</v>
      </c>
      <c r="I1845" s="2">
        <v>14.65</v>
      </c>
      <c r="J1845" s="52" t="s">
        <v>4713</v>
      </c>
      <c r="K1845" s="71" t="s">
        <v>5496</v>
      </c>
      <c r="L1845" s="52" t="s">
        <v>2063</v>
      </c>
      <c r="M1845" s="72">
        <v>8896</v>
      </c>
      <c r="N1845" s="52" t="s">
        <v>2158</v>
      </c>
      <c r="O1845" s="52" t="s">
        <v>2159</v>
      </c>
      <c r="P1845" s="52"/>
      <c r="Q1845" s="52"/>
      <c r="R1845" s="52"/>
      <c r="S1845" s="52"/>
      <c r="T1845" s="52"/>
      <c r="U1845" s="52"/>
      <c r="V1845" s="52"/>
      <c r="W1845" s="52"/>
    </row>
    <row r="1846" spans="1:23" hidden="1" x14ac:dyDescent="0.35">
      <c r="A1846" s="52" t="s">
        <v>78</v>
      </c>
      <c r="B1846" s="52" t="s">
        <v>79</v>
      </c>
      <c r="C1846" s="3">
        <v>10</v>
      </c>
      <c r="D1846" s="52" t="s">
        <v>86</v>
      </c>
      <c r="E1846" s="52" t="s">
        <v>26</v>
      </c>
      <c r="F1846" s="52" t="s">
        <v>81</v>
      </c>
      <c r="G1846" s="52" t="s">
        <v>82</v>
      </c>
      <c r="H1846" s="4">
        <v>1</v>
      </c>
      <c r="I1846" s="2">
        <v>14.65</v>
      </c>
      <c r="J1846" s="52" t="s">
        <v>5473</v>
      </c>
      <c r="K1846" s="71" t="s">
        <v>5497</v>
      </c>
      <c r="L1846" s="52" t="s">
        <v>2063</v>
      </c>
      <c r="M1846" s="72">
        <v>4612</v>
      </c>
      <c r="N1846" s="52" t="s">
        <v>2066</v>
      </c>
      <c r="O1846" s="52" t="s">
        <v>2067</v>
      </c>
      <c r="P1846" s="52"/>
      <c r="Q1846" s="52"/>
      <c r="R1846" s="52"/>
      <c r="S1846" s="52"/>
      <c r="T1846" s="52"/>
      <c r="U1846" s="52"/>
      <c r="V1846" s="52"/>
      <c r="W1846" s="52"/>
    </row>
    <row r="1847" spans="1:23" hidden="1" x14ac:dyDescent="0.35">
      <c r="A1847" s="52" t="s">
        <v>78</v>
      </c>
      <c r="B1847" s="52" t="s">
        <v>79</v>
      </c>
      <c r="C1847" s="3">
        <v>10</v>
      </c>
      <c r="D1847" s="52" t="s">
        <v>2023</v>
      </c>
      <c r="E1847" s="52" t="s">
        <v>26</v>
      </c>
      <c r="F1847" s="52" t="s">
        <v>81</v>
      </c>
      <c r="G1847" s="52" t="s">
        <v>82</v>
      </c>
      <c r="H1847" s="4">
        <v>1</v>
      </c>
      <c r="I1847" s="2">
        <v>14.65</v>
      </c>
      <c r="J1847" s="52" t="s">
        <v>5498</v>
      </c>
      <c r="K1847" s="71" t="s">
        <v>5499</v>
      </c>
      <c r="L1847" s="52" t="s">
        <v>2063</v>
      </c>
      <c r="M1847" s="72">
        <v>3676</v>
      </c>
      <c r="N1847" s="52" t="s">
        <v>2072</v>
      </c>
      <c r="O1847" s="52" t="s">
        <v>2073</v>
      </c>
      <c r="P1847" s="52"/>
      <c r="Q1847" s="52"/>
      <c r="R1847" s="52"/>
      <c r="S1847" s="52"/>
      <c r="T1847" s="52"/>
      <c r="U1847" s="52"/>
      <c r="V1847" s="52"/>
      <c r="W1847" s="52"/>
    </row>
    <row r="1848" spans="1:23" hidden="1" x14ac:dyDescent="0.35">
      <c r="A1848" s="52" t="s">
        <v>78</v>
      </c>
      <c r="B1848" s="52" t="s">
        <v>79</v>
      </c>
      <c r="C1848" s="3">
        <v>10</v>
      </c>
      <c r="D1848" s="52" t="s">
        <v>2024</v>
      </c>
      <c r="E1848" s="52" t="s">
        <v>26</v>
      </c>
      <c r="F1848" s="52" t="s">
        <v>81</v>
      </c>
      <c r="G1848" s="52" t="s">
        <v>82</v>
      </c>
      <c r="H1848" s="4">
        <v>1</v>
      </c>
      <c r="I1848" s="2">
        <v>14.65</v>
      </c>
      <c r="J1848" s="52" t="s">
        <v>5500</v>
      </c>
      <c r="K1848" s="71" t="s">
        <v>5501</v>
      </c>
      <c r="L1848" s="52" t="s">
        <v>2063</v>
      </c>
      <c r="M1848" s="72">
        <v>5854</v>
      </c>
      <c r="N1848" s="52"/>
      <c r="O1848" s="52"/>
      <c r="P1848" s="52"/>
      <c r="Q1848" s="52"/>
      <c r="R1848" s="52"/>
      <c r="S1848" s="52"/>
      <c r="T1848" s="52"/>
      <c r="U1848" s="52"/>
      <c r="V1848" s="52"/>
      <c r="W1848" s="52"/>
    </row>
    <row r="1849" spans="1:23" hidden="1" x14ac:dyDescent="0.35">
      <c r="A1849" s="52" t="s">
        <v>78</v>
      </c>
      <c r="B1849" s="52" t="s">
        <v>79</v>
      </c>
      <c r="C1849" s="3">
        <v>20</v>
      </c>
      <c r="D1849" s="52" t="s">
        <v>84</v>
      </c>
      <c r="E1849" s="52" t="s">
        <v>26</v>
      </c>
      <c r="F1849" s="52" t="s">
        <v>81</v>
      </c>
      <c r="G1849" s="52" t="s">
        <v>82</v>
      </c>
      <c r="H1849" s="4">
        <v>1</v>
      </c>
      <c r="I1849" s="2">
        <v>14.65</v>
      </c>
      <c r="J1849" s="52" t="s">
        <v>5502</v>
      </c>
      <c r="K1849" s="71" t="s">
        <v>5503</v>
      </c>
      <c r="L1849" s="52" t="s">
        <v>2063</v>
      </c>
      <c r="M1849" s="72">
        <v>8051</v>
      </c>
      <c r="N1849" s="52" t="s">
        <v>2072</v>
      </c>
      <c r="O1849" s="52" t="s">
        <v>2073</v>
      </c>
      <c r="P1849" s="52"/>
      <c r="Q1849" s="52"/>
      <c r="R1849" s="52"/>
      <c r="S1849" s="52"/>
      <c r="T1849" s="52"/>
      <c r="U1849" s="52"/>
      <c r="V1849" s="52"/>
      <c r="W1849" s="52"/>
    </row>
    <row r="1850" spans="1:23" hidden="1" x14ac:dyDescent="0.35">
      <c r="A1850" s="52" t="s">
        <v>78</v>
      </c>
      <c r="B1850" s="52" t="s">
        <v>79</v>
      </c>
      <c r="C1850" s="3">
        <v>10</v>
      </c>
      <c r="D1850" s="52" t="s">
        <v>86</v>
      </c>
      <c r="E1850" s="52" t="s">
        <v>26</v>
      </c>
      <c r="F1850" s="52" t="s">
        <v>81</v>
      </c>
      <c r="G1850" s="52" t="s">
        <v>82</v>
      </c>
      <c r="H1850" s="4">
        <v>1</v>
      </c>
      <c r="I1850" s="2">
        <v>14.65</v>
      </c>
      <c r="J1850" s="52" t="s">
        <v>5504</v>
      </c>
      <c r="K1850" s="71" t="s">
        <v>5505</v>
      </c>
      <c r="L1850" s="52" t="s">
        <v>2063</v>
      </c>
      <c r="M1850" s="72">
        <v>9778</v>
      </c>
      <c r="N1850" s="52" t="s">
        <v>2072</v>
      </c>
      <c r="O1850" s="52" t="s">
        <v>2073</v>
      </c>
      <c r="P1850" s="52"/>
      <c r="Q1850" s="52"/>
      <c r="R1850" s="52"/>
      <c r="S1850" s="52"/>
      <c r="T1850" s="52"/>
      <c r="U1850" s="52"/>
      <c r="V1850" s="52"/>
      <c r="W1850" s="52"/>
    </row>
    <row r="1851" spans="1:23" hidden="1" x14ac:dyDescent="0.35">
      <c r="A1851" s="52" t="s">
        <v>78</v>
      </c>
      <c r="B1851" s="52" t="s">
        <v>79</v>
      </c>
      <c r="C1851" s="3">
        <v>10</v>
      </c>
      <c r="D1851" s="52" t="s">
        <v>2020</v>
      </c>
      <c r="E1851" s="52" t="s">
        <v>26</v>
      </c>
      <c r="F1851" s="52" t="s">
        <v>81</v>
      </c>
      <c r="G1851" s="52" t="s">
        <v>82</v>
      </c>
      <c r="H1851" s="4">
        <v>1</v>
      </c>
      <c r="I1851" s="2">
        <v>14.65</v>
      </c>
      <c r="J1851" s="52" t="s">
        <v>5506</v>
      </c>
      <c r="K1851" s="71" t="s">
        <v>5507</v>
      </c>
      <c r="L1851" s="52" t="s">
        <v>2063</v>
      </c>
      <c r="M1851" s="72">
        <v>4840</v>
      </c>
      <c r="N1851" s="52" t="s">
        <v>2072</v>
      </c>
      <c r="O1851" s="52" t="s">
        <v>2073</v>
      </c>
      <c r="P1851" s="52"/>
      <c r="Q1851" s="52"/>
      <c r="R1851" s="52"/>
      <c r="S1851" s="52"/>
      <c r="T1851" s="52"/>
      <c r="U1851" s="52"/>
      <c r="V1851" s="52"/>
      <c r="W1851" s="52"/>
    </row>
    <row r="1852" spans="1:23" x14ac:dyDescent="0.35">
      <c r="A1852" s="52" t="s">
        <v>78</v>
      </c>
      <c r="B1852" s="52" t="s">
        <v>79</v>
      </c>
      <c r="C1852" s="3">
        <v>20</v>
      </c>
      <c r="D1852" s="52" t="s">
        <v>83</v>
      </c>
      <c r="E1852" s="52" t="s">
        <v>26</v>
      </c>
      <c r="F1852" s="52" t="s">
        <v>81</v>
      </c>
      <c r="G1852" s="52" t="s">
        <v>82</v>
      </c>
      <c r="H1852" s="4">
        <v>1</v>
      </c>
      <c r="I1852" s="2">
        <v>14.65</v>
      </c>
      <c r="J1852" s="52" t="s">
        <v>5508</v>
      </c>
      <c r="K1852" s="71" t="s">
        <v>5509</v>
      </c>
      <c r="L1852" s="52" t="s">
        <v>2063</v>
      </c>
      <c r="M1852" s="72">
        <v>7207</v>
      </c>
      <c r="N1852" s="52" t="s">
        <v>2259</v>
      </c>
      <c r="O1852" s="52" t="s">
        <v>2260</v>
      </c>
      <c r="P1852" s="52"/>
      <c r="Q1852" s="52"/>
      <c r="R1852" s="52"/>
      <c r="S1852" s="52"/>
      <c r="T1852" s="52"/>
      <c r="U1852" s="52"/>
      <c r="V1852" s="52"/>
      <c r="W1852" s="52"/>
    </row>
    <row r="1853" spans="1:23" hidden="1" x14ac:dyDescent="0.35">
      <c r="A1853" s="52" t="s">
        <v>78</v>
      </c>
      <c r="B1853" s="52" t="s">
        <v>79</v>
      </c>
      <c r="C1853" s="3">
        <v>20</v>
      </c>
      <c r="D1853" s="52" t="s">
        <v>2024</v>
      </c>
      <c r="E1853" s="52" t="s">
        <v>26</v>
      </c>
      <c r="F1853" s="52" t="s">
        <v>81</v>
      </c>
      <c r="G1853" s="52" t="s">
        <v>82</v>
      </c>
      <c r="H1853" s="4">
        <v>1</v>
      </c>
      <c r="I1853" s="2">
        <v>14.65</v>
      </c>
      <c r="J1853" s="52" t="s">
        <v>5510</v>
      </c>
      <c r="K1853" s="71" t="s">
        <v>5511</v>
      </c>
      <c r="L1853" s="52" t="s">
        <v>2063</v>
      </c>
      <c r="M1853" s="72">
        <v>7729</v>
      </c>
      <c r="N1853" s="52" t="s">
        <v>2072</v>
      </c>
      <c r="O1853" s="52" t="s">
        <v>2073</v>
      </c>
      <c r="P1853" s="52"/>
      <c r="Q1853" s="52"/>
      <c r="R1853" s="52"/>
      <c r="S1853" s="52"/>
      <c r="T1853" s="52"/>
      <c r="U1853" s="52"/>
      <c r="V1853" s="52"/>
      <c r="W1853" s="52"/>
    </row>
    <row r="1854" spans="1:23" hidden="1" x14ac:dyDescent="0.35">
      <c r="A1854" s="52" t="s">
        <v>78</v>
      </c>
      <c r="B1854" s="52" t="s">
        <v>79</v>
      </c>
      <c r="C1854" s="3">
        <v>20</v>
      </c>
      <c r="D1854" s="52" t="s">
        <v>80</v>
      </c>
      <c r="E1854" s="52" t="s">
        <v>26</v>
      </c>
      <c r="F1854" s="52" t="s">
        <v>81</v>
      </c>
      <c r="G1854" s="52" t="s">
        <v>82</v>
      </c>
      <c r="H1854" s="4">
        <v>1</v>
      </c>
      <c r="I1854" s="2">
        <v>14.65</v>
      </c>
      <c r="J1854" s="52" t="s">
        <v>5512</v>
      </c>
      <c r="K1854" s="71" t="s">
        <v>5513</v>
      </c>
      <c r="L1854" s="52" t="s">
        <v>2063</v>
      </c>
      <c r="M1854" s="72">
        <v>4310</v>
      </c>
      <c r="N1854" s="52" t="s">
        <v>2158</v>
      </c>
      <c r="O1854" s="52" t="s">
        <v>2159</v>
      </c>
      <c r="P1854" s="52"/>
      <c r="Q1854" s="52"/>
      <c r="R1854" s="52"/>
      <c r="S1854" s="52"/>
      <c r="T1854" s="52"/>
      <c r="U1854" s="52"/>
      <c r="V1854" s="52"/>
      <c r="W1854" s="52"/>
    </row>
    <row r="1855" spans="1:23" hidden="1" x14ac:dyDescent="0.35">
      <c r="A1855" s="52" t="s">
        <v>78</v>
      </c>
      <c r="B1855" s="52" t="s">
        <v>79</v>
      </c>
      <c r="C1855" s="3">
        <v>10</v>
      </c>
      <c r="D1855" s="52" t="s">
        <v>2023</v>
      </c>
      <c r="E1855" s="52" t="s">
        <v>26</v>
      </c>
      <c r="F1855" s="52" t="s">
        <v>81</v>
      </c>
      <c r="G1855" s="52" t="s">
        <v>82</v>
      </c>
      <c r="H1855" s="4">
        <v>1</v>
      </c>
      <c r="I1855" s="2">
        <v>14.65</v>
      </c>
      <c r="J1855" s="52" t="s">
        <v>5514</v>
      </c>
      <c r="K1855" s="71" t="s">
        <v>5515</v>
      </c>
      <c r="L1855" s="52" t="s">
        <v>2063</v>
      </c>
      <c r="M1855" s="72">
        <v>1105</v>
      </c>
      <c r="N1855" s="52" t="s">
        <v>2072</v>
      </c>
      <c r="O1855" s="52" t="s">
        <v>2073</v>
      </c>
      <c r="P1855" s="52"/>
      <c r="Q1855" s="52"/>
      <c r="R1855" s="52"/>
      <c r="S1855" s="52"/>
      <c r="T1855" s="52"/>
      <c r="U1855" s="52"/>
      <c r="V1855" s="52"/>
      <c r="W1855" s="52"/>
    </row>
    <row r="1856" spans="1:23" x14ac:dyDescent="0.35">
      <c r="A1856" s="52" t="s">
        <v>78</v>
      </c>
      <c r="B1856" s="52" t="s">
        <v>79</v>
      </c>
      <c r="C1856" s="3">
        <v>20</v>
      </c>
      <c r="D1856" s="52" t="s">
        <v>2022</v>
      </c>
      <c r="E1856" s="52" t="s">
        <v>26</v>
      </c>
      <c r="F1856" s="52" t="s">
        <v>81</v>
      </c>
      <c r="G1856" s="52" t="s">
        <v>82</v>
      </c>
      <c r="H1856" s="4">
        <v>1</v>
      </c>
      <c r="I1856" s="2">
        <v>14.65</v>
      </c>
      <c r="J1856" s="52" t="s">
        <v>5516</v>
      </c>
      <c r="K1856" s="71" t="s">
        <v>5517</v>
      </c>
      <c r="L1856" s="52" t="s">
        <v>2063</v>
      </c>
      <c r="M1856" s="72">
        <v>3382</v>
      </c>
      <c r="N1856" s="52" t="s">
        <v>2259</v>
      </c>
      <c r="O1856" s="52" t="s">
        <v>2260</v>
      </c>
      <c r="P1856" s="52"/>
      <c r="Q1856" s="52"/>
      <c r="R1856" s="52"/>
      <c r="S1856" s="52"/>
      <c r="T1856" s="52"/>
      <c r="U1856" s="52"/>
      <c r="V1856" s="52"/>
      <c r="W1856" s="52"/>
    </row>
    <row r="1857" spans="1:23" hidden="1" x14ac:dyDescent="0.35">
      <c r="A1857" s="52" t="s">
        <v>78</v>
      </c>
      <c r="B1857" s="52" t="s">
        <v>79</v>
      </c>
      <c r="C1857" s="3">
        <v>20</v>
      </c>
      <c r="D1857" s="52" t="s">
        <v>87</v>
      </c>
      <c r="E1857" s="52" t="s">
        <v>26</v>
      </c>
      <c r="F1857" s="52" t="s">
        <v>81</v>
      </c>
      <c r="G1857" s="52" t="s">
        <v>82</v>
      </c>
      <c r="H1857" s="4">
        <v>1</v>
      </c>
      <c r="I1857" s="2">
        <v>14.65</v>
      </c>
      <c r="J1857" s="52" t="s">
        <v>5518</v>
      </c>
      <c r="K1857" s="71" t="s">
        <v>5519</v>
      </c>
      <c r="L1857" s="52" t="s">
        <v>2063</v>
      </c>
      <c r="M1857" s="72">
        <v>300</v>
      </c>
      <c r="N1857" s="52" t="s">
        <v>2072</v>
      </c>
      <c r="O1857" s="52" t="s">
        <v>2073</v>
      </c>
      <c r="P1857" s="52"/>
      <c r="Q1857" s="52"/>
      <c r="R1857" s="52"/>
      <c r="S1857" s="52"/>
      <c r="T1857" s="52"/>
      <c r="U1857" s="52"/>
      <c r="V1857" s="52"/>
      <c r="W1857" s="52"/>
    </row>
    <row r="1858" spans="1:23" hidden="1" x14ac:dyDescent="0.35">
      <c r="A1858" s="52" t="s">
        <v>78</v>
      </c>
      <c r="B1858" s="52" t="s">
        <v>79</v>
      </c>
      <c r="C1858" s="3">
        <v>10</v>
      </c>
      <c r="D1858" s="52" t="s">
        <v>80</v>
      </c>
      <c r="E1858" s="52" t="s">
        <v>26</v>
      </c>
      <c r="F1858" s="52" t="s">
        <v>81</v>
      </c>
      <c r="G1858" s="52" t="s">
        <v>82</v>
      </c>
      <c r="H1858" s="4">
        <v>1</v>
      </c>
      <c r="I1858" s="2">
        <v>14.65</v>
      </c>
      <c r="J1858" s="52" t="s">
        <v>5520</v>
      </c>
      <c r="K1858" s="71" t="s">
        <v>5521</v>
      </c>
      <c r="L1858" s="52" t="s">
        <v>2063</v>
      </c>
      <c r="M1858" s="72">
        <v>5812</v>
      </c>
      <c r="N1858" s="52" t="s">
        <v>2072</v>
      </c>
      <c r="O1858" s="52" t="s">
        <v>2073</v>
      </c>
      <c r="P1858" s="52"/>
      <c r="Q1858" s="52"/>
      <c r="R1858" s="52"/>
      <c r="S1858" s="52"/>
      <c r="T1858" s="52"/>
      <c r="U1858" s="52"/>
      <c r="V1858" s="52"/>
      <c r="W1858" s="52"/>
    </row>
    <row r="1859" spans="1:23" hidden="1" x14ac:dyDescent="0.35">
      <c r="A1859" s="52" t="s">
        <v>78</v>
      </c>
      <c r="B1859" s="52" t="s">
        <v>79</v>
      </c>
      <c r="C1859" s="3">
        <v>20</v>
      </c>
      <c r="D1859" s="52" t="s">
        <v>80</v>
      </c>
      <c r="E1859" s="52" t="s">
        <v>26</v>
      </c>
      <c r="F1859" s="52" t="s">
        <v>81</v>
      </c>
      <c r="G1859" s="52" t="s">
        <v>82</v>
      </c>
      <c r="H1859" s="4">
        <v>1</v>
      </c>
      <c r="I1859" s="2">
        <v>14.65</v>
      </c>
      <c r="J1859" s="52" t="s">
        <v>5522</v>
      </c>
      <c r="K1859" s="71" t="s">
        <v>5523</v>
      </c>
      <c r="L1859" s="52" t="s">
        <v>2063</v>
      </c>
      <c r="M1859" s="72">
        <v>2758</v>
      </c>
      <c r="N1859" s="52" t="s">
        <v>2072</v>
      </c>
      <c r="O1859" s="52" t="s">
        <v>2073</v>
      </c>
      <c r="P1859" s="52"/>
      <c r="Q1859" s="52"/>
      <c r="R1859" s="52"/>
      <c r="S1859" s="52"/>
      <c r="T1859" s="52"/>
      <c r="U1859" s="52"/>
      <c r="V1859" s="52"/>
      <c r="W1859" s="52"/>
    </row>
    <row r="1860" spans="1:23" hidden="1" x14ac:dyDescent="0.35">
      <c r="A1860" s="52" t="s">
        <v>78</v>
      </c>
      <c r="B1860" s="52" t="s">
        <v>79</v>
      </c>
      <c r="C1860" s="3">
        <v>20</v>
      </c>
      <c r="D1860" s="52" t="s">
        <v>86</v>
      </c>
      <c r="E1860" s="52" t="s">
        <v>26</v>
      </c>
      <c r="F1860" s="52" t="s">
        <v>81</v>
      </c>
      <c r="G1860" s="52" t="s">
        <v>82</v>
      </c>
      <c r="H1860" s="4">
        <v>1</v>
      </c>
      <c r="I1860" s="2">
        <v>14.65</v>
      </c>
      <c r="J1860" s="52" t="s">
        <v>5524</v>
      </c>
      <c r="K1860" s="71" t="s">
        <v>5525</v>
      </c>
      <c r="L1860" s="52" t="s">
        <v>2095</v>
      </c>
      <c r="M1860" s="72">
        <v>2051</v>
      </c>
      <c r="N1860" s="52"/>
      <c r="O1860" s="52"/>
      <c r="P1860" s="52"/>
      <c r="Q1860" s="52"/>
      <c r="R1860" s="52"/>
      <c r="S1860" s="52"/>
      <c r="T1860" s="52"/>
      <c r="U1860" s="52"/>
      <c r="V1860" s="52"/>
      <c r="W1860" s="52"/>
    </row>
    <row r="1861" spans="1:23" hidden="1" x14ac:dyDescent="0.35">
      <c r="A1861" s="52" t="s">
        <v>78</v>
      </c>
      <c r="B1861" s="52" t="s">
        <v>79</v>
      </c>
      <c r="C1861" s="3">
        <v>211</v>
      </c>
      <c r="D1861" s="52" t="s">
        <v>87</v>
      </c>
      <c r="E1861" s="52" t="s">
        <v>26</v>
      </c>
      <c r="F1861" s="52" t="s">
        <v>81</v>
      </c>
      <c r="G1861" s="52" t="s">
        <v>82</v>
      </c>
      <c r="H1861" s="4">
        <v>1</v>
      </c>
      <c r="I1861" s="2">
        <v>14.65</v>
      </c>
      <c r="J1861" s="52" t="s">
        <v>4709</v>
      </c>
      <c r="K1861" s="71" t="s">
        <v>5526</v>
      </c>
      <c r="L1861" s="52" t="s">
        <v>2063</v>
      </c>
      <c r="M1861" s="72">
        <v>8395</v>
      </c>
      <c r="N1861" s="52" t="s">
        <v>3580</v>
      </c>
      <c r="O1861" s="52" t="s">
        <v>3581</v>
      </c>
      <c r="P1861" s="52"/>
      <c r="Q1861" s="52"/>
      <c r="R1861" s="52"/>
      <c r="S1861" s="52"/>
      <c r="T1861" s="52"/>
      <c r="U1861" s="52"/>
      <c r="V1861" s="52"/>
      <c r="W1861" s="52"/>
    </row>
    <row r="1862" spans="1:23" hidden="1" x14ac:dyDescent="0.35">
      <c r="A1862" s="52" t="s">
        <v>78</v>
      </c>
      <c r="B1862" s="52" t="s">
        <v>79</v>
      </c>
      <c r="C1862" s="3">
        <v>10</v>
      </c>
      <c r="D1862" s="52" t="s">
        <v>2019</v>
      </c>
      <c r="E1862" s="52" t="s">
        <v>26</v>
      </c>
      <c r="F1862" s="52" t="s">
        <v>81</v>
      </c>
      <c r="G1862" s="52" t="s">
        <v>82</v>
      </c>
      <c r="H1862" s="4">
        <v>1</v>
      </c>
      <c r="I1862" s="2">
        <v>14.65</v>
      </c>
      <c r="J1862" s="52" t="s">
        <v>5527</v>
      </c>
      <c r="K1862" s="71" t="s">
        <v>5528</v>
      </c>
      <c r="L1862" s="52" t="s">
        <v>2063</v>
      </c>
      <c r="M1862" s="72">
        <v>6364</v>
      </c>
      <c r="N1862" s="52" t="s">
        <v>2072</v>
      </c>
      <c r="O1862" s="52" t="s">
        <v>2073</v>
      </c>
      <c r="P1862" s="52"/>
      <c r="Q1862" s="52"/>
      <c r="R1862" s="52"/>
      <c r="S1862" s="52"/>
      <c r="T1862" s="52"/>
      <c r="U1862" s="52"/>
      <c r="V1862" s="52"/>
      <c r="W1862" s="52"/>
    </row>
    <row r="1863" spans="1:23" hidden="1" x14ac:dyDescent="0.35">
      <c r="A1863" s="52" t="s">
        <v>78</v>
      </c>
      <c r="B1863" s="52" t="s">
        <v>79</v>
      </c>
      <c r="C1863" s="3">
        <v>20</v>
      </c>
      <c r="D1863" s="52" t="s">
        <v>2022</v>
      </c>
      <c r="E1863" s="52" t="s">
        <v>26</v>
      </c>
      <c r="F1863" s="52" t="s">
        <v>81</v>
      </c>
      <c r="G1863" s="52" t="s">
        <v>82</v>
      </c>
      <c r="H1863" s="4">
        <v>1</v>
      </c>
      <c r="I1863" s="2">
        <v>14.65</v>
      </c>
      <c r="J1863" s="52" t="s">
        <v>5529</v>
      </c>
      <c r="K1863" s="71" t="s">
        <v>5530</v>
      </c>
      <c r="L1863" s="52" t="s">
        <v>2095</v>
      </c>
      <c r="M1863" s="72">
        <v>2513</v>
      </c>
      <c r="N1863" s="52"/>
      <c r="O1863" s="52"/>
      <c r="P1863" s="52"/>
      <c r="Q1863" s="52"/>
      <c r="R1863" s="52"/>
      <c r="S1863" s="52"/>
      <c r="T1863" s="52"/>
      <c r="U1863" s="52"/>
      <c r="V1863" s="52"/>
      <c r="W1863" s="52"/>
    </row>
    <row r="1864" spans="1:23" hidden="1" x14ac:dyDescent="0.35">
      <c r="A1864" s="52" t="s">
        <v>78</v>
      </c>
      <c r="B1864" s="52" t="s">
        <v>79</v>
      </c>
      <c r="C1864" s="3">
        <v>20</v>
      </c>
      <c r="D1864" s="52" t="s">
        <v>2024</v>
      </c>
      <c r="E1864" s="52" t="s">
        <v>26</v>
      </c>
      <c r="F1864" s="52" t="s">
        <v>81</v>
      </c>
      <c r="G1864" s="52" t="s">
        <v>82</v>
      </c>
      <c r="H1864" s="4">
        <v>1</v>
      </c>
      <c r="I1864" s="2">
        <v>14.65</v>
      </c>
      <c r="J1864" s="52" t="s">
        <v>5531</v>
      </c>
      <c r="K1864" s="71" t="s">
        <v>5532</v>
      </c>
      <c r="L1864" s="52" t="s">
        <v>2063</v>
      </c>
      <c r="M1864" s="72">
        <v>6759</v>
      </c>
      <c r="N1864" s="52"/>
      <c r="O1864" s="52"/>
      <c r="P1864" s="52"/>
      <c r="Q1864" s="52"/>
      <c r="R1864" s="52"/>
      <c r="S1864" s="52"/>
      <c r="T1864" s="52"/>
      <c r="U1864" s="52"/>
      <c r="V1864" s="52"/>
      <c r="W1864" s="52"/>
    </row>
    <row r="1865" spans="1:23" hidden="1" x14ac:dyDescent="0.35">
      <c r="A1865" s="52" t="s">
        <v>78</v>
      </c>
      <c r="B1865" s="52" t="s">
        <v>79</v>
      </c>
      <c r="C1865" s="3">
        <v>20</v>
      </c>
      <c r="D1865" s="52" t="s">
        <v>2024</v>
      </c>
      <c r="E1865" s="52" t="s">
        <v>26</v>
      </c>
      <c r="F1865" s="52" t="s">
        <v>81</v>
      </c>
      <c r="G1865" s="52" t="s">
        <v>82</v>
      </c>
      <c r="H1865" s="4">
        <v>1</v>
      </c>
      <c r="I1865" s="2">
        <v>14.65</v>
      </c>
      <c r="J1865" s="52" t="s">
        <v>5533</v>
      </c>
      <c r="K1865" s="71" t="s">
        <v>5534</v>
      </c>
      <c r="L1865" s="52" t="s">
        <v>2063</v>
      </c>
      <c r="M1865" s="72">
        <v>1463</v>
      </c>
      <c r="N1865" s="52"/>
      <c r="O1865" s="52"/>
      <c r="P1865" s="52"/>
      <c r="Q1865" s="52"/>
      <c r="R1865" s="52"/>
      <c r="S1865" s="52"/>
      <c r="T1865" s="52"/>
      <c r="U1865" s="52"/>
      <c r="V1865" s="52"/>
      <c r="W1865" s="52"/>
    </row>
    <row r="1866" spans="1:23" hidden="1" x14ac:dyDescent="0.35">
      <c r="A1866" s="52" t="s">
        <v>78</v>
      </c>
      <c r="B1866" s="52" t="s">
        <v>79</v>
      </c>
      <c r="C1866" s="3">
        <v>10</v>
      </c>
      <c r="D1866" s="52" t="s">
        <v>87</v>
      </c>
      <c r="E1866" s="52" t="s">
        <v>26</v>
      </c>
      <c r="F1866" s="52" t="s">
        <v>81</v>
      </c>
      <c r="G1866" s="52" t="s">
        <v>82</v>
      </c>
      <c r="H1866" s="4">
        <v>1</v>
      </c>
      <c r="I1866" s="2">
        <v>14.65</v>
      </c>
      <c r="J1866" s="52" t="s">
        <v>5535</v>
      </c>
      <c r="K1866" s="71" t="s">
        <v>5536</v>
      </c>
      <c r="L1866" s="52" t="s">
        <v>2063</v>
      </c>
      <c r="M1866" s="72">
        <v>6378</v>
      </c>
      <c r="N1866" s="52" t="s">
        <v>2072</v>
      </c>
      <c r="O1866" s="52" t="s">
        <v>2073</v>
      </c>
      <c r="P1866" s="52"/>
      <c r="Q1866" s="52"/>
      <c r="R1866" s="52"/>
      <c r="S1866" s="52"/>
      <c r="T1866" s="52"/>
      <c r="U1866" s="52"/>
      <c r="V1866" s="52"/>
      <c r="W1866" s="52"/>
    </row>
    <row r="1867" spans="1:23" hidden="1" x14ac:dyDescent="0.35">
      <c r="A1867" s="52" t="s">
        <v>78</v>
      </c>
      <c r="B1867" s="52" t="s">
        <v>79</v>
      </c>
      <c r="C1867" s="3">
        <v>20</v>
      </c>
      <c r="D1867" s="52" t="s">
        <v>2021</v>
      </c>
      <c r="E1867" s="52" t="s">
        <v>26</v>
      </c>
      <c r="F1867" s="52" t="s">
        <v>81</v>
      </c>
      <c r="G1867" s="52" t="s">
        <v>82</v>
      </c>
      <c r="H1867" s="4">
        <v>1</v>
      </c>
      <c r="I1867" s="2">
        <v>14.65</v>
      </c>
      <c r="J1867" s="52" t="s">
        <v>5537</v>
      </c>
      <c r="K1867" s="71" t="s">
        <v>5538</v>
      </c>
      <c r="L1867" s="52" t="s">
        <v>2063</v>
      </c>
      <c r="M1867" s="72">
        <v>4691</v>
      </c>
      <c r="N1867" s="52"/>
      <c r="O1867" s="52"/>
      <c r="P1867" s="52"/>
      <c r="Q1867" s="52"/>
      <c r="R1867" s="52"/>
      <c r="S1867" s="52"/>
      <c r="T1867" s="52"/>
      <c r="U1867" s="52"/>
      <c r="V1867" s="52"/>
      <c r="W1867" s="52"/>
    </row>
    <row r="1868" spans="1:23" hidden="1" x14ac:dyDescent="0.35">
      <c r="A1868" s="52" t="s">
        <v>78</v>
      </c>
      <c r="B1868" s="52" t="s">
        <v>79</v>
      </c>
      <c r="C1868" s="3">
        <v>20</v>
      </c>
      <c r="D1868" s="52" t="s">
        <v>86</v>
      </c>
      <c r="E1868" s="52" t="s">
        <v>26</v>
      </c>
      <c r="F1868" s="52" t="s">
        <v>81</v>
      </c>
      <c r="G1868" s="52" t="s">
        <v>82</v>
      </c>
      <c r="H1868" s="4">
        <v>1</v>
      </c>
      <c r="I1868" s="2">
        <v>14.65</v>
      </c>
      <c r="J1868" s="52" t="s">
        <v>5539</v>
      </c>
      <c r="K1868" s="71" t="s">
        <v>5540</v>
      </c>
      <c r="L1868" s="52" t="s">
        <v>2063</v>
      </c>
      <c r="M1868" s="72">
        <v>5902</v>
      </c>
      <c r="N1868" s="52" t="s">
        <v>2158</v>
      </c>
      <c r="O1868" s="52" t="s">
        <v>2159</v>
      </c>
      <c r="P1868" s="52"/>
      <c r="Q1868" s="52"/>
      <c r="R1868" s="52"/>
      <c r="S1868" s="52"/>
      <c r="T1868" s="52"/>
      <c r="U1868" s="52"/>
      <c r="V1868" s="52"/>
      <c r="W1868" s="52"/>
    </row>
    <row r="1869" spans="1:23" hidden="1" x14ac:dyDescent="0.35">
      <c r="A1869" s="52" t="s">
        <v>78</v>
      </c>
      <c r="B1869" s="52" t="s">
        <v>79</v>
      </c>
      <c r="C1869" s="3">
        <v>10</v>
      </c>
      <c r="D1869" s="52" t="s">
        <v>2023</v>
      </c>
      <c r="E1869" s="52" t="s">
        <v>26</v>
      </c>
      <c r="F1869" s="52" t="s">
        <v>81</v>
      </c>
      <c r="G1869" s="52" t="s">
        <v>82</v>
      </c>
      <c r="H1869" s="4">
        <v>1</v>
      </c>
      <c r="I1869" s="2">
        <v>14.65</v>
      </c>
      <c r="J1869" s="52" t="s">
        <v>5541</v>
      </c>
      <c r="K1869" s="71" t="s">
        <v>5542</v>
      </c>
      <c r="L1869" s="52" t="s">
        <v>2063</v>
      </c>
      <c r="M1869" s="72">
        <v>7126</v>
      </c>
      <c r="N1869" s="52" t="s">
        <v>2066</v>
      </c>
      <c r="O1869" s="52" t="s">
        <v>2067</v>
      </c>
      <c r="P1869" s="52"/>
      <c r="Q1869" s="52"/>
      <c r="R1869" s="52"/>
      <c r="S1869" s="52"/>
      <c r="T1869" s="52"/>
      <c r="U1869" s="52"/>
      <c r="V1869" s="52"/>
      <c r="W1869" s="52"/>
    </row>
    <row r="1870" spans="1:23" hidden="1" x14ac:dyDescent="0.35">
      <c r="A1870" s="52" t="s">
        <v>78</v>
      </c>
      <c r="B1870" s="52" t="s">
        <v>79</v>
      </c>
      <c r="C1870" s="3">
        <v>20</v>
      </c>
      <c r="D1870" s="52" t="s">
        <v>85</v>
      </c>
      <c r="E1870" s="52" t="s">
        <v>26</v>
      </c>
      <c r="F1870" s="52" t="s">
        <v>81</v>
      </c>
      <c r="G1870" s="52" t="s">
        <v>82</v>
      </c>
      <c r="H1870" s="4">
        <v>1</v>
      </c>
      <c r="I1870" s="2">
        <v>14.65</v>
      </c>
      <c r="J1870" s="52" t="s">
        <v>5543</v>
      </c>
      <c r="K1870" s="71" t="s">
        <v>5544</v>
      </c>
      <c r="L1870" s="52" t="s">
        <v>2063</v>
      </c>
      <c r="M1870" s="72">
        <v>6495</v>
      </c>
      <c r="N1870" s="52" t="s">
        <v>2072</v>
      </c>
      <c r="O1870" s="52" t="s">
        <v>2073</v>
      </c>
      <c r="P1870" s="52"/>
      <c r="Q1870" s="52"/>
      <c r="R1870" s="52"/>
      <c r="S1870" s="52"/>
      <c r="T1870" s="52"/>
      <c r="U1870" s="52"/>
      <c r="V1870" s="52"/>
      <c r="W1870" s="52"/>
    </row>
    <row r="1871" spans="1:23" hidden="1" x14ac:dyDescent="0.35">
      <c r="A1871" s="52" t="s">
        <v>78</v>
      </c>
      <c r="B1871" s="52" t="s">
        <v>79</v>
      </c>
      <c r="C1871" s="3">
        <v>10</v>
      </c>
      <c r="D1871" s="52" t="s">
        <v>80</v>
      </c>
      <c r="E1871" s="52" t="s">
        <v>26</v>
      </c>
      <c r="F1871" s="52" t="s">
        <v>81</v>
      </c>
      <c r="G1871" s="52" t="s">
        <v>82</v>
      </c>
      <c r="H1871" s="4">
        <v>1</v>
      </c>
      <c r="I1871" s="2">
        <v>14.65</v>
      </c>
      <c r="J1871" s="52" t="s">
        <v>5545</v>
      </c>
      <c r="K1871" s="71" t="s">
        <v>5546</v>
      </c>
      <c r="L1871" s="52" t="s">
        <v>2063</v>
      </c>
      <c r="M1871" s="72">
        <v>1474</v>
      </c>
      <c r="N1871" s="52" t="s">
        <v>2072</v>
      </c>
      <c r="O1871" s="52" t="s">
        <v>2073</v>
      </c>
      <c r="P1871" s="52"/>
      <c r="Q1871" s="52"/>
      <c r="R1871" s="52"/>
      <c r="S1871" s="52"/>
      <c r="T1871" s="52"/>
      <c r="U1871" s="52"/>
      <c r="V1871" s="52"/>
      <c r="W1871" s="52"/>
    </row>
    <row r="1872" spans="1:23" hidden="1" x14ac:dyDescent="0.35">
      <c r="A1872" s="52" t="s">
        <v>78</v>
      </c>
      <c r="B1872" s="52" t="s">
        <v>79</v>
      </c>
      <c r="C1872" s="3">
        <v>10</v>
      </c>
      <c r="D1872" s="52" t="s">
        <v>2020</v>
      </c>
      <c r="E1872" s="52" t="s">
        <v>26</v>
      </c>
      <c r="F1872" s="52" t="s">
        <v>81</v>
      </c>
      <c r="G1872" s="52" t="s">
        <v>82</v>
      </c>
      <c r="H1872" s="4">
        <v>1</v>
      </c>
      <c r="I1872" s="2">
        <v>14.65</v>
      </c>
      <c r="J1872" s="52" t="s">
        <v>5547</v>
      </c>
      <c r="K1872" s="71" t="s">
        <v>5548</v>
      </c>
      <c r="L1872" s="52" t="s">
        <v>2063</v>
      </c>
      <c r="M1872" s="72">
        <v>6851</v>
      </c>
      <c r="N1872" s="52" t="s">
        <v>2072</v>
      </c>
      <c r="O1872" s="52" t="s">
        <v>2073</v>
      </c>
      <c r="P1872" s="52"/>
      <c r="Q1872" s="52"/>
      <c r="R1872" s="52"/>
      <c r="S1872" s="52"/>
      <c r="T1872" s="52"/>
      <c r="U1872" s="52"/>
      <c r="V1872" s="52"/>
      <c r="W1872" s="52"/>
    </row>
    <row r="1873" spans="1:23" hidden="1" x14ac:dyDescent="0.35">
      <c r="A1873" s="52" t="s">
        <v>78</v>
      </c>
      <c r="B1873" s="52" t="s">
        <v>79</v>
      </c>
      <c r="C1873" s="3">
        <v>10</v>
      </c>
      <c r="D1873" s="52" t="s">
        <v>83</v>
      </c>
      <c r="E1873" s="52" t="s">
        <v>26</v>
      </c>
      <c r="F1873" s="52" t="s">
        <v>81</v>
      </c>
      <c r="G1873" s="52" t="s">
        <v>82</v>
      </c>
      <c r="H1873" s="4">
        <v>1</v>
      </c>
      <c r="I1873" s="2">
        <v>14.65</v>
      </c>
      <c r="J1873" s="52" t="s">
        <v>5549</v>
      </c>
      <c r="K1873" s="71" t="s">
        <v>5550</v>
      </c>
      <c r="L1873" s="52" t="s">
        <v>2063</v>
      </c>
      <c r="M1873" s="72">
        <v>9948</v>
      </c>
      <c r="N1873" s="52" t="s">
        <v>2072</v>
      </c>
      <c r="O1873" s="52" t="s">
        <v>2073</v>
      </c>
      <c r="P1873" s="52"/>
      <c r="Q1873" s="52"/>
      <c r="R1873" s="52"/>
      <c r="S1873" s="52"/>
      <c r="T1873" s="52"/>
      <c r="U1873" s="52"/>
      <c r="V1873" s="52"/>
      <c r="W1873" s="52"/>
    </row>
    <row r="1874" spans="1:23" hidden="1" x14ac:dyDescent="0.35">
      <c r="A1874" s="52" t="s">
        <v>78</v>
      </c>
      <c r="B1874" s="52" t="s">
        <v>79</v>
      </c>
      <c r="C1874" s="3">
        <v>20</v>
      </c>
      <c r="D1874" s="52" t="s">
        <v>80</v>
      </c>
      <c r="E1874" s="52" t="s">
        <v>26</v>
      </c>
      <c r="F1874" s="52" t="s">
        <v>81</v>
      </c>
      <c r="G1874" s="52" t="s">
        <v>82</v>
      </c>
      <c r="H1874" s="4">
        <v>1</v>
      </c>
      <c r="I1874" s="2">
        <v>14.65</v>
      </c>
      <c r="J1874" s="52" t="s">
        <v>5551</v>
      </c>
      <c r="K1874" s="71" t="s">
        <v>5552</v>
      </c>
      <c r="L1874" s="52" t="s">
        <v>2063</v>
      </c>
      <c r="M1874" s="72">
        <v>3105</v>
      </c>
      <c r="N1874" s="52" t="s">
        <v>2066</v>
      </c>
      <c r="O1874" s="52" t="s">
        <v>2067</v>
      </c>
      <c r="P1874" s="52"/>
      <c r="Q1874" s="52"/>
      <c r="R1874" s="52"/>
      <c r="S1874" s="52"/>
      <c r="T1874" s="52"/>
      <c r="U1874" s="52"/>
      <c r="V1874" s="52"/>
      <c r="W1874" s="52"/>
    </row>
    <row r="1875" spans="1:23" hidden="1" x14ac:dyDescent="0.35">
      <c r="A1875" s="52" t="s">
        <v>78</v>
      </c>
      <c r="B1875" s="52" t="s">
        <v>79</v>
      </c>
      <c r="C1875" s="3">
        <v>10</v>
      </c>
      <c r="D1875" s="52" t="s">
        <v>84</v>
      </c>
      <c r="E1875" s="52" t="s">
        <v>26</v>
      </c>
      <c r="F1875" s="52" t="s">
        <v>81</v>
      </c>
      <c r="G1875" s="52" t="s">
        <v>82</v>
      </c>
      <c r="H1875" s="4">
        <v>1</v>
      </c>
      <c r="I1875" s="2">
        <v>14.65</v>
      </c>
      <c r="J1875" s="52" t="s">
        <v>5553</v>
      </c>
      <c r="K1875" s="71" t="s">
        <v>5554</v>
      </c>
      <c r="L1875" s="52" t="s">
        <v>2063</v>
      </c>
      <c r="M1875" s="72">
        <v>4181</v>
      </c>
      <c r="N1875" s="52" t="s">
        <v>2072</v>
      </c>
      <c r="O1875" s="52" t="s">
        <v>2073</v>
      </c>
      <c r="P1875" s="52"/>
      <c r="Q1875" s="52"/>
      <c r="R1875" s="52"/>
      <c r="S1875" s="52"/>
      <c r="T1875" s="52"/>
      <c r="U1875" s="52"/>
      <c r="V1875" s="52"/>
      <c r="W1875" s="52"/>
    </row>
    <row r="1876" spans="1:23" hidden="1" x14ac:dyDescent="0.35">
      <c r="A1876" s="52" t="s">
        <v>78</v>
      </c>
      <c r="B1876" s="52" t="s">
        <v>79</v>
      </c>
      <c r="C1876" s="3">
        <v>20</v>
      </c>
      <c r="D1876" s="52" t="s">
        <v>2024</v>
      </c>
      <c r="E1876" s="52" t="s">
        <v>26</v>
      </c>
      <c r="F1876" s="52" t="s">
        <v>81</v>
      </c>
      <c r="G1876" s="52" t="s">
        <v>82</v>
      </c>
      <c r="H1876" s="4">
        <v>1</v>
      </c>
      <c r="I1876" s="2">
        <v>14.65</v>
      </c>
      <c r="J1876" s="52" t="s">
        <v>5555</v>
      </c>
      <c r="K1876" s="71" t="s">
        <v>5556</v>
      </c>
      <c r="L1876" s="52" t="s">
        <v>2063</v>
      </c>
      <c r="M1876" s="72">
        <v>7195</v>
      </c>
      <c r="N1876" s="52"/>
      <c r="O1876" s="52"/>
      <c r="P1876" s="52"/>
      <c r="Q1876" s="52"/>
      <c r="R1876" s="52"/>
      <c r="S1876" s="52"/>
      <c r="T1876" s="52"/>
      <c r="U1876" s="52"/>
      <c r="V1876" s="52"/>
      <c r="W1876" s="52"/>
    </row>
    <row r="1877" spans="1:23" hidden="1" x14ac:dyDescent="0.35">
      <c r="A1877" s="52" t="s">
        <v>78</v>
      </c>
      <c r="B1877" s="52" t="s">
        <v>79</v>
      </c>
      <c r="C1877" s="3">
        <v>10</v>
      </c>
      <c r="D1877" s="52" t="s">
        <v>2019</v>
      </c>
      <c r="E1877" s="52" t="s">
        <v>26</v>
      </c>
      <c r="F1877" s="52" t="s">
        <v>81</v>
      </c>
      <c r="G1877" s="52" t="s">
        <v>82</v>
      </c>
      <c r="H1877" s="4">
        <v>1</v>
      </c>
      <c r="I1877" s="2">
        <v>14.65</v>
      </c>
      <c r="J1877" s="52" t="s">
        <v>4743</v>
      </c>
      <c r="K1877" s="71" t="s">
        <v>5557</v>
      </c>
      <c r="L1877" s="52" t="s">
        <v>2095</v>
      </c>
      <c r="M1877" s="72">
        <v>2675</v>
      </c>
      <c r="N1877" s="52" t="s">
        <v>2072</v>
      </c>
      <c r="O1877" s="52" t="s">
        <v>2073</v>
      </c>
      <c r="P1877" s="52"/>
      <c r="Q1877" s="52"/>
      <c r="R1877" s="52"/>
      <c r="S1877" s="52"/>
      <c r="T1877" s="52"/>
      <c r="U1877" s="52"/>
      <c r="V1877" s="52"/>
      <c r="W1877" s="52"/>
    </row>
    <row r="1878" spans="1:23" hidden="1" x14ac:dyDescent="0.35">
      <c r="A1878" s="52" t="s">
        <v>78</v>
      </c>
      <c r="B1878" s="52" t="s">
        <v>79</v>
      </c>
      <c r="C1878" s="3">
        <v>20</v>
      </c>
      <c r="D1878" s="52" t="s">
        <v>84</v>
      </c>
      <c r="E1878" s="52" t="s">
        <v>26</v>
      </c>
      <c r="F1878" s="52" t="s">
        <v>81</v>
      </c>
      <c r="G1878" s="52" t="s">
        <v>82</v>
      </c>
      <c r="H1878" s="4">
        <v>1</v>
      </c>
      <c r="I1878" s="2">
        <v>14.65</v>
      </c>
      <c r="J1878" s="52" t="s">
        <v>5558</v>
      </c>
      <c r="K1878" s="71" t="s">
        <v>5559</v>
      </c>
      <c r="L1878" s="52" t="s">
        <v>2063</v>
      </c>
      <c r="M1878" s="72">
        <v>204</v>
      </c>
      <c r="N1878" s="52"/>
      <c r="O1878" s="52"/>
      <c r="P1878" s="52"/>
      <c r="Q1878" s="52"/>
      <c r="R1878" s="52"/>
      <c r="S1878" s="52"/>
      <c r="T1878" s="52"/>
      <c r="U1878" s="52"/>
      <c r="V1878" s="52"/>
      <c r="W1878" s="52"/>
    </row>
    <row r="1879" spans="1:23" hidden="1" x14ac:dyDescent="0.35">
      <c r="A1879" s="52" t="s">
        <v>78</v>
      </c>
      <c r="B1879" s="52" t="s">
        <v>79</v>
      </c>
      <c r="C1879" s="3">
        <v>20</v>
      </c>
      <c r="D1879" s="52" t="s">
        <v>86</v>
      </c>
      <c r="E1879" s="52" t="s">
        <v>26</v>
      </c>
      <c r="F1879" s="52" t="s">
        <v>81</v>
      </c>
      <c r="G1879" s="52" t="s">
        <v>82</v>
      </c>
      <c r="H1879" s="4">
        <v>1</v>
      </c>
      <c r="I1879" s="2">
        <v>14.65</v>
      </c>
      <c r="J1879" s="52" t="s">
        <v>5560</v>
      </c>
      <c r="K1879" s="71" t="s">
        <v>5561</v>
      </c>
      <c r="L1879" s="52" t="s">
        <v>2063</v>
      </c>
      <c r="M1879" s="72">
        <v>7886</v>
      </c>
      <c r="N1879" s="52"/>
      <c r="O1879" s="52"/>
      <c r="P1879" s="52"/>
      <c r="Q1879" s="52"/>
      <c r="R1879" s="52"/>
      <c r="S1879" s="52"/>
      <c r="T1879" s="52"/>
      <c r="U1879" s="52"/>
      <c r="V1879" s="52"/>
      <c r="W1879" s="52"/>
    </row>
    <row r="1880" spans="1:23" hidden="1" x14ac:dyDescent="0.35">
      <c r="A1880" s="52" t="s">
        <v>78</v>
      </c>
      <c r="B1880" s="52" t="s">
        <v>79</v>
      </c>
      <c r="C1880" s="3">
        <v>10</v>
      </c>
      <c r="D1880" s="52" t="s">
        <v>2019</v>
      </c>
      <c r="E1880" s="52" t="s">
        <v>26</v>
      </c>
      <c r="F1880" s="52" t="s">
        <v>81</v>
      </c>
      <c r="G1880" s="52" t="s">
        <v>82</v>
      </c>
      <c r="H1880" s="4">
        <v>1</v>
      </c>
      <c r="I1880" s="2">
        <v>14.65</v>
      </c>
      <c r="J1880" s="52" t="s">
        <v>5562</v>
      </c>
      <c r="K1880" s="71" t="s">
        <v>5563</v>
      </c>
      <c r="L1880" s="52" t="s">
        <v>2063</v>
      </c>
      <c r="M1880" s="72">
        <v>4676</v>
      </c>
      <c r="N1880" s="52"/>
      <c r="O1880" s="52"/>
      <c r="P1880" s="52"/>
      <c r="Q1880" s="52"/>
      <c r="R1880" s="52"/>
      <c r="S1880" s="52"/>
      <c r="T1880" s="52"/>
      <c r="U1880" s="52"/>
      <c r="V1880" s="52"/>
      <c r="W1880" s="52"/>
    </row>
    <row r="1881" spans="1:23" hidden="1" x14ac:dyDescent="0.35">
      <c r="A1881" s="52" t="s">
        <v>78</v>
      </c>
      <c r="B1881" s="52" t="s">
        <v>79</v>
      </c>
      <c r="C1881" s="3">
        <v>10</v>
      </c>
      <c r="D1881" s="52" t="s">
        <v>2022</v>
      </c>
      <c r="E1881" s="52" t="s">
        <v>26</v>
      </c>
      <c r="F1881" s="52" t="s">
        <v>81</v>
      </c>
      <c r="G1881" s="52" t="s">
        <v>82</v>
      </c>
      <c r="H1881" s="4">
        <v>1</v>
      </c>
      <c r="I1881" s="2">
        <v>14.65</v>
      </c>
      <c r="J1881" s="52" t="s">
        <v>5564</v>
      </c>
      <c r="K1881" s="71" t="s">
        <v>5565</v>
      </c>
      <c r="L1881" s="52" t="s">
        <v>2063</v>
      </c>
      <c r="M1881" s="72">
        <v>3672</v>
      </c>
      <c r="N1881" s="52" t="s">
        <v>2158</v>
      </c>
      <c r="O1881" s="52" t="s">
        <v>2159</v>
      </c>
      <c r="P1881" s="52"/>
      <c r="Q1881" s="52"/>
      <c r="R1881" s="52"/>
      <c r="S1881" s="52"/>
      <c r="T1881" s="52"/>
      <c r="U1881" s="52"/>
      <c r="V1881" s="52"/>
      <c r="W1881" s="52"/>
    </row>
    <row r="1882" spans="1:23" x14ac:dyDescent="0.35">
      <c r="A1882" s="52" t="s">
        <v>78</v>
      </c>
      <c r="B1882" s="52" t="s">
        <v>79</v>
      </c>
      <c r="C1882" s="3">
        <v>212</v>
      </c>
      <c r="D1882" s="52" t="s">
        <v>2022</v>
      </c>
      <c r="E1882" s="52" t="s">
        <v>26</v>
      </c>
      <c r="F1882" s="52" t="s">
        <v>81</v>
      </c>
      <c r="G1882" s="52" t="s">
        <v>82</v>
      </c>
      <c r="H1882" s="4">
        <v>1</v>
      </c>
      <c r="I1882" s="2">
        <v>14.65</v>
      </c>
      <c r="J1882" s="52" t="s">
        <v>5566</v>
      </c>
      <c r="K1882" s="71" t="s">
        <v>5567</v>
      </c>
      <c r="L1882" s="52" t="s">
        <v>2063</v>
      </c>
      <c r="M1882" s="72">
        <v>1172</v>
      </c>
      <c r="N1882" s="52" t="s">
        <v>2076</v>
      </c>
      <c r="O1882" s="52" t="s">
        <v>2077</v>
      </c>
      <c r="P1882" s="52"/>
      <c r="Q1882" s="52"/>
      <c r="R1882" s="52"/>
      <c r="S1882" s="52"/>
      <c r="T1882" s="52"/>
      <c r="U1882" s="52"/>
      <c r="V1882" s="52"/>
      <c r="W1882" s="52"/>
    </row>
    <row r="1883" spans="1:23" hidden="1" x14ac:dyDescent="0.35">
      <c r="A1883" s="52" t="s">
        <v>78</v>
      </c>
      <c r="B1883" s="52" t="s">
        <v>79</v>
      </c>
      <c r="C1883" s="3">
        <v>10</v>
      </c>
      <c r="D1883" s="52" t="s">
        <v>2024</v>
      </c>
      <c r="E1883" s="52" t="s">
        <v>26</v>
      </c>
      <c r="F1883" s="52" t="s">
        <v>81</v>
      </c>
      <c r="G1883" s="52" t="s">
        <v>82</v>
      </c>
      <c r="H1883" s="4">
        <v>1</v>
      </c>
      <c r="I1883" s="2">
        <v>14.65</v>
      </c>
      <c r="J1883" s="52" t="s">
        <v>5568</v>
      </c>
      <c r="K1883" s="71" t="s">
        <v>5569</v>
      </c>
      <c r="L1883" s="52" t="s">
        <v>2063</v>
      </c>
      <c r="M1883" s="72">
        <v>5835</v>
      </c>
      <c r="N1883" s="52" t="s">
        <v>2072</v>
      </c>
      <c r="O1883" s="52" t="s">
        <v>2073</v>
      </c>
      <c r="P1883" s="52"/>
      <c r="Q1883" s="52"/>
      <c r="R1883" s="52"/>
      <c r="S1883" s="52"/>
      <c r="T1883" s="52"/>
      <c r="U1883" s="52"/>
      <c r="V1883" s="52"/>
      <c r="W1883" s="52"/>
    </row>
    <row r="1884" spans="1:23" hidden="1" x14ac:dyDescent="0.35">
      <c r="A1884" s="52" t="s">
        <v>78</v>
      </c>
      <c r="B1884" s="52" t="s">
        <v>79</v>
      </c>
      <c r="C1884" s="3">
        <v>20</v>
      </c>
      <c r="D1884" s="52" t="s">
        <v>80</v>
      </c>
      <c r="E1884" s="52" t="s">
        <v>26</v>
      </c>
      <c r="F1884" s="52" t="s">
        <v>81</v>
      </c>
      <c r="G1884" s="52" t="s">
        <v>82</v>
      </c>
      <c r="H1884" s="4">
        <v>1</v>
      </c>
      <c r="I1884" s="2">
        <v>14.65</v>
      </c>
      <c r="J1884" s="52" t="s">
        <v>5570</v>
      </c>
      <c r="K1884" s="71" t="s">
        <v>5571</v>
      </c>
      <c r="L1884" s="52" t="s">
        <v>2063</v>
      </c>
      <c r="M1884" s="72">
        <v>5147</v>
      </c>
      <c r="N1884" s="52" t="s">
        <v>2072</v>
      </c>
      <c r="O1884" s="52" t="s">
        <v>2073</v>
      </c>
      <c r="P1884" s="52"/>
      <c r="Q1884" s="52"/>
      <c r="R1884" s="52"/>
      <c r="S1884" s="52"/>
      <c r="T1884" s="52"/>
      <c r="U1884" s="52"/>
      <c r="V1884" s="52"/>
      <c r="W1884" s="52"/>
    </row>
    <row r="1885" spans="1:23" hidden="1" x14ac:dyDescent="0.35">
      <c r="A1885" s="52" t="s">
        <v>78</v>
      </c>
      <c r="B1885" s="52" t="s">
        <v>79</v>
      </c>
      <c r="C1885" s="3">
        <v>20</v>
      </c>
      <c r="D1885" s="52" t="s">
        <v>2022</v>
      </c>
      <c r="E1885" s="52" t="s">
        <v>26</v>
      </c>
      <c r="F1885" s="52" t="s">
        <v>81</v>
      </c>
      <c r="G1885" s="52" t="s">
        <v>82</v>
      </c>
      <c r="H1885" s="4">
        <v>1</v>
      </c>
      <c r="I1885" s="2">
        <v>14.65</v>
      </c>
      <c r="J1885" s="52" t="s">
        <v>5572</v>
      </c>
      <c r="K1885" s="71" t="s">
        <v>5573</v>
      </c>
      <c r="L1885" s="52" t="s">
        <v>2095</v>
      </c>
      <c r="M1885" s="72">
        <v>9117</v>
      </c>
      <c r="N1885" s="52" t="s">
        <v>2072</v>
      </c>
      <c r="O1885" s="52" t="s">
        <v>2073</v>
      </c>
      <c r="P1885" s="52"/>
      <c r="Q1885" s="52"/>
      <c r="R1885" s="52"/>
      <c r="S1885" s="52"/>
      <c r="T1885" s="52"/>
      <c r="U1885" s="52"/>
      <c r="V1885" s="52"/>
      <c r="W1885" s="52"/>
    </row>
    <row r="1886" spans="1:23" hidden="1" x14ac:dyDescent="0.35">
      <c r="A1886" s="52" t="s">
        <v>78</v>
      </c>
      <c r="B1886" s="52" t="s">
        <v>79</v>
      </c>
      <c r="C1886" s="3">
        <v>211</v>
      </c>
      <c r="D1886" s="52" t="s">
        <v>2023</v>
      </c>
      <c r="E1886" s="52" t="s">
        <v>26</v>
      </c>
      <c r="F1886" s="52" t="s">
        <v>81</v>
      </c>
      <c r="G1886" s="52" t="s">
        <v>82</v>
      </c>
      <c r="H1886" s="4">
        <v>1</v>
      </c>
      <c r="I1886" s="2">
        <v>14.65</v>
      </c>
      <c r="J1886" s="52" t="s">
        <v>5574</v>
      </c>
      <c r="K1886" s="71" t="s">
        <v>5575</v>
      </c>
      <c r="L1886" s="52" t="s">
        <v>2063</v>
      </c>
      <c r="M1886" s="72">
        <v>7593</v>
      </c>
      <c r="N1886" s="52" t="s">
        <v>2066</v>
      </c>
      <c r="O1886" s="52" t="s">
        <v>2067</v>
      </c>
      <c r="P1886" s="52"/>
      <c r="Q1886" s="52"/>
      <c r="R1886" s="52"/>
      <c r="S1886" s="52"/>
      <c r="T1886" s="52"/>
      <c r="U1886" s="52"/>
      <c r="V1886" s="52"/>
      <c r="W1886" s="52"/>
    </row>
    <row r="1887" spans="1:23" hidden="1" x14ac:dyDescent="0.35">
      <c r="A1887" s="52" t="s">
        <v>78</v>
      </c>
      <c r="B1887" s="52" t="s">
        <v>79</v>
      </c>
      <c r="C1887" s="3">
        <v>10</v>
      </c>
      <c r="D1887" s="52" t="s">
        <v>2019</v>
      </c>
      <c r="E1887" s="52" t="s">
        <v>26</v>
      </c>
      <c r="F1887" s="52" t="s">
        <v>81</v>
      </c>
      <c r="G1887" s="52" t="s">
        <v>82</v>
      </c>
      <c r="H1887" s="4">
        <v>1</v>
      </c>
      <c r="I1887" s="2">
        <v>14.65</v>
      </c>
      <c r="J1887" s="52" t="s">
        <v>5576</v>
      </c>
      <c r="K1887" s="71" t="s">
        <v>5577</v>
      </c>
      <c r="L1887" s="52" t="s">
        <v>2063</v>
      </c>
      <c r="M1887" s="72">
        <v>3503</v>
      </c>
      <c r="N1887" s="52" t="s">
        <v>2158</v>
      </c>
      <c r="O1887" s="52" t="s">
        <v>2159</v>
      </c>
      <c r="P1887" s="52"/>
      <c r="Q1887" s="52"/>
      <c r="R1887" s="52"/>
      <c r="S1887" s="52"/>
      <c r="T1887" s="52"/>
      <c r="U1887" s="52"/>
      <c r="V1887" s="52"/>
      <c r="W1887" s="52"/>
    </row>
    <row r="1888" spans="1:23" hidden="1" x14ac:dyDescent="0.35">
      <c r="A1888" s="52" t="s">
        <v>78</v>
      </c>
      <c r="B1888" s="52" t="s">
        <v>79</v>
      </c>
      <c r="C1888" s="3">
        <v>10</v>
      </c>
      <c r="D1888" s="52" t="s">
        <v>2021</v>
      </c>
      <c r="E1888" s="52" t="s">
        <v>26</v>
      </c>
      <c r="F1888" s="52" t="s">
        <v>81</v>
      </c>
      <c r="G1888" s="52" t="s">
        <v>82</v>
      </c>
      <c r="H1888" s="4">
        <v>1</v>
      </c>
      <c r="I1888" s="2">
        <v>14.65</v>
      </c>
      <c r="J1888" s="52" t="s">
        <v>5578</v>
      </c>
      <c r="K1888" s="71" t="s">
        <v>5579</v>
      </c>
      <c r="L1888" s="52" t="s">
        <v>2063</v>
      </c>
      <c r="M1888" s="72">
        <v>4881</v>
      </c>
      <c r="N1888" s="52" t="s">
        <v>2066</v>
      </c>
      <c r="O1888" s="52" t="s">
        <v>2067</v>
      </c>
      <c r="P1888" s="52"/>
      <c r="Q1888" s="52"/>
      <c r="R1888" s="52"/>
      <c r="S1888" s="52"/>
      <c r="T1888" s="52"/>
      <c r="U1888" s="52"/>
      <c r="V1888" s="52"/>
      <c r="W1888" s="52"/>
    </row>
    <row r="1889" spans="1:23" hidden="1" x14ac:dyDescent="0.35">
      <c r="A1889" s="52" t="s">
        <v>78</v>
      </c>
      <c r="B1889" s="52" t="s">
        <v>79</v>
      </c>
      <c r="C1889" s="3">
        <v>211</v>
      </c>
      <c r="D1889" s="52" t="s">
        <v>87</v>
      </c>
      <c r="E1889" s="52" t="s">
        <v>26</v>
      </c>
      <c r="F1889" s="52" t="s">
        <v>81</v>
      </c>
      <c r="G1889" s="52" t="s">
        <v>82</v>
      </c>
      <c r="H1889" s="4">
        <v>1</v>
      </c>
      <c r="I1889" s="2">
        <v>14.65</v>
      </c>
      <c r="J1889" s="52" t="s">
        <v>4709</v>
      </c>
      <c r="K1889" s="71" t="s">
        <v>5580</v>
      </c>
      <c r="L1889" s="52" t="s">
        <v>2063</v>
      </c>
      <c r="M1889" s="72">
        <v>3453</v>
      </c>
      <c r="N1889" s="52" t="s">
        <v>3580</v>
      </c>
      <c r="O1889" s="52" t="s">
        <v>3581</v>
      </c>
      <c r="P1889" s="52"/>
      <c r="Q1889" s="52"/>
      <c r="R1889" s="52"/>
      <c r="S1889" s="52"/>
      <c r="T1889" s="52"/>
      <c r="U1889" s="52"/>
      <c r="V1889" s="52"/>
      <c r="W1889" s="52"/>
    </row>
    <row r="1890" spans="1:23" hidden="1" x14ac:dyDescent="0.35">
      <c r="A1890" s="52" t="s">
        <v>78</v>
      </c>
      <c r="B1890" s="52" t="s">
        <v>79</v>
      </c>
      <c r="C1890" s="3">
        <v>10</v>
      </c>
      <c r="D1890" s="52" t="s">
        <v>2020</v>
      </c>
      <c r="E1890" s="52" t="s">
        <v>26</v>
      </c>
      <c r="F1890" s="52" t="s">
        <v>81</v>
      </c>
      <c r="G1890" s="52" t="s">
        <v>82</v>
      </c>
      <c r="H1890" s="4">
        <v>1</v>
      </c>
      <c r="I1890" s="2">
        <v>14.65</v>
      </c>
      <c r="J1890" s="52" t="s">
        <v>5581</v>
      </c>
      <c r="K1890" s="71" t="s">
        <v>5582</v>
      </c>
      <c r="L1890" s="52" t="s">
        <v>2063</v>
      </c>
      <c r="M1890" s="72">
        <v>7039</v>
      </c>
      <c r="N1890" s="52" t="s">
        <v>2072</v>
      </c>
      <c r="O1890" s="52" t="s">
        <v>2073</v>
      </c>
      <c r="P1890" s="52"/>
      <c r="Q1890" s="52"/>
      <c r="R1890" s="52"/>
      <c r="S1890" s="52"/>
      <c r="T1890" s="52"/>
      <c r="U1890" s="52"/>
      <c r="V1890" s="52"/>
      <c r="W1890" s="52"/>
    </row>
    <row r="1891" spans="1:23" hidden="1" x14ac:dyDescent="0.35">
      <c r="A1891" s="52" t="s">
        <v>78</v>
      </c>
      <c r="B1891" s="52" t="s">
        <v>79</v>
      </c>
      <c r="C1891" s="3">
        <v>20</v>
      </c>
      <c r="D1891" s="52" t="s">
        <v>2022</v>
      </c>
      <c r="E1891" s="52" t="s">
        <v>26</v>
      </c>
      <c r="F1891" s="52" t="s">
        <v>81</v>
      </c>
      <c r="G1891" s="52" t="s">
        <v>82</v>
      </c>
      <c r="H1891" s="4">
        <v>1</v>
      </c>
      <c r="I1891" s="2">
        <v>14.65</v>
      </c>
      <c r="J1891" s="52" t="s">
        <v>5439</v>
      </c>
      <c r="K1891" s="71" t="s">
        <v>5583</v>
      </c>
      <c r="L1891" s="52" t="s">
        <v>2095</v>
      </c>
      <c r="M1891" s="72">
        <v>8992</v>
      </c>
      <c r="N1891" s="52" t="s">
        <v>2072</v>
      </c>
      <c r="O1891" s="52" t="s">
        <v>2073</v>
      </c>
      <c r="P1891" s="52"/>
      <c r="Q1891" s="52"/>
      <c r="R1891" s="52"/>
      <c r="S1891" s="52"/>
      <c r="T1891" s="52"/>
      <c r="U1891" s="52"/>
      <c r="V1891" s="52"/>
      <c r="W1891" s="52"/>
    </row>
    <row r="1892" spans="1:23" hidden="1" x14ac:dyDescent="0.35">
      <c r="A1892" s="52" t="s">
        <v>78</v>
      </c>
      <c r="B1892" s="52" t="s">
        <v>79</v>
      </c>
      <c r="C1892" s="3">
        <v>20</v>
      </c>
      <c r="D1892" s="52" t="s">
        <v>2023</v>
      </c>
      <c r="E1892" s="52" t="s">
        <v>26</v>
      </c>
      <c r="F1892" s="52" t="s">
        <v>81</v>
      </c>
      <c r="G1892" s="52" t="s">
        <v>82</v>
      </c>
      <c r="H1892" s="4">
        <v>1</v>
      </c>
      <c r="I1892" s="2">
        <v>14.65</v>
      </c>
      <c r="J1892" s="52" t="s">
        <v>5584</v>
      </c>
      <c r="K1892" s="71" t="s">
        <v>5585</v>
      </c>
      <c r="L1892" s="52" t="s">
        <v>2063</v>
      </c>
      <c r="M1892" s="72">
        <v>6071</v>
      </c>
      <c r="N1892" s="52"/>
      <c r="O1892" s="52"/>
      <c r="P1892" s="52"/>
      <c r="Q1892" s="52"/>
      <c r="R1892" s="52"/>
      <c r="S1892" s="52"/>
      <c r="T1892" s="52"/>
      <c r="U1892" s="52"/>
      <c r="V1892" s="52"/>
      <c r="W1892" s="52"/>
    </row>
    <row r="1893" spans="1:23" hidden="1" x14ac:dyDescent="0.35">
      <c r="A1893" s="52" t="s">
        <v>78</v>
      </c>
      <c r="B1893" s="52" t="s">
        <v>79</v>
      </c>
      <c r="C1893" s="3">
        <v>10</v>
      </c>
      <c r="D1893" s="52" t="s">
        <v>80</v>
      </c>
      <c r="E1893" s="52" t="s">
        <v>26</v>
      </c>
      <c r="F1893" s="52" t="s">
        <v>81</v>
      </c>
      <c r="G1893" s="52" t="s">
        <v>82</v>
      </c>
      <c r="H1893" s="4">
        <v>1</v>
      </c>
      <c r="I1893" s="2">
        <v>14.65</v>
      </c>
      <c r="J1893" s="52" t="s">
        <v>5586</v>
      </c>
      <c r="K1893" s="71" t="s">
        <v>5587</v>
      </c>
      <c r="L1893" s="52" t="s">
        <v>2063</v>
      </c>
      <c r="M1893" s="72">
        <v>6962</v>
      </c>
      <c r="N1893" s="52" t="s">
        <v>2072</v>
      </c>
      <c r="O1893" s="52" t="s">
        <v>2073</v>
      </c>
      <c r="P1893" s="52"/>
      <c r="Q1893" s="52"/>
      <c r="R1893" s="52"/>
      <c r="S1893" s="52"/>
      <c r="T1893" s="52"/>
      <c r="U1893" s="52"/>
      <c r="V1893" s="52"/>
      <c r="W1893" s="52"/>
    </row>
    <row r="1894" spans="1:23" hidden="1" x14ac:dyDescent="0.35">
      <c r="A1894" s="52" t="s">
        <v>78</v>
      </c>
      <c r="B1894" s="52" t="s">
        <v>79</v>
      </c>
      <c r="C1894" s="3">
        <v>20</v>
      </c>
      <c r="D1894" s="52" t="s">
        <v>87</v>
      </c>
      <c r="E1894" s="52" t="s">
        <v>26</v>
      </c>
      <c r="F1894" s="52" t="s">
        <v>81</v>
      </c>
      <c r="G1894" s="52" t="s">
        <v>82</v>
      </c>
      <c r="H1894" s="4">
        <v>1</v>
      </c>
      <c r="I1894" s="2">
        <v>14.65</v>
      </c>
      <c r="J1894" s="52" t="s">
        <v>5588</v>
      </c>
      <c r="K1894" s="71" t="s">
        <v>5589</v>
      </c>
      <c r="L1894" s="52" t="s">
        <v>2063</v>
      </c>
      <c r="M1894" s="72">
        <v>9422</v>
      </c>
      <c r="N1894" s="52" t="s">
        <v>2072</v>
      </c>
      <c r="O1894" s="52" t="s">
        <v>2073</v>
      </c>
      <c r="P1894" s="52"/>
      <c r="Q1894" s="52"/>
      <c r="R1894" s="52"/>
      <c r="S1894" s="52"/>
      <c r="T1894" s="52"/>
      <c r="U1894" s="52"/>
      <c r="V1894" s="52"/>
      <c r="W1894" s="52"/>
    </row>
    <row r="1895" spans="1:23" hidden="1" x14ac:dyDescent="0.35">
      <c r="A1895" s="52" t="s">
        <v>78</v>
      </c>
      <c r="B1895" s="52" t="s">
        <v>79</v>
      </c>
      <c r="C1895" s="3">
        <v>10</v>
      </c>
      <c r="D1895" s="52" t="s">
        <v>2019</v>
      </c>
      <c r="E1895" s="52" t="s">
        <v>26</v>
      </c>
      <c r="F1895" s="52" t="s">
        <v>81</v>
      </c>
      <c r="G1895" s="52" t="s">
        <v>82</v>
      </c>
      <c r="H1895" s="4">
        <v>1</v>
      </c>
      <c r="I1895" s="2">
        <v>14.65</v>
      </c>
      <c r="J1895" s="52" t="s">
        <v>4743</v>
      </c>
      <c r="K1895" s="71" t="s">
        <v>5590</v>
      </c>
      <c r="L1895" s="52" t="s">
        <v>2095</v>
      </c>
      <c r="M1895" s="72">
        <v>5777</v>
      </c>
      <c r="N1895" s="52" t="s">
        <v>2072</v>
      </c>
      <c r="O1895" s="52" t="s">
        <v>2073</v>
      </c>
      <c r="P1895" s="52"/>
      <c r="Q1895" s="52"/>
      <c r="R1895" s="52"/>
      <c r="S1895" s="52"/>
      <c r="T1895" s="52"/>
      <c r="U1895" s="52"/>
      <c r="V1895" s="52"/>
      <c r="W1895" s="52"/>
    </row>
    <row r="1896" spans="1:23" hidden="1" x14ac:dyDescent="0.35">
      <c r="A1896" s="52" t="s">
        <v>78</v>
      </c>
      <c r="B1896" s="52" t="s">
        <v>79</v>
      </c>
      <c r="C1896" s="3">
        <v>20</v>
      </c>
      <c r="D1896" s="52" t="s">
        <v>2023</v>
      </c>
      <c r="E1896" s="52" t="s">
        <v>26</v>
      </c>
      <c r="F1896" s="52" t="s">
        <v>81</v>
      </c>
      <c r="G1896" s="52" t="s">
        <v>82</v>
      </c>
      <c r="H1896" s="4">
        <v>1</v>
      </c>
      <c r="I1896" s="2">
        <v>14.65</v>
      </c>
      <c r="J1896" s="52" t="s">
        <v>5591</v>
      </c>
      <c r="K1896" s="71" t="s">
        <v>5592</v>
      </c>
      <c r="L1896" s="52" t="s">
        <v>2063</v>
      </c>
      <c r="M1896" s="72">
        <v>1739</v>
      </c>
      <c r="N1896" s="52"/>
      <c r="O1896" s="52"/>
      <c r="P1896" s="52"/>
      <c r="Q1896" s="52"/>
      <c r="R1896" s="52"/>
      <c r="S1896" s="52"/>
      <c r="T1896" s="52"/>
      <c r="U1896" s="52"/>
      <c r="V1896" s="52"/>
      <c r="W1896" s="52"/>
    </row>
    <row r="1897" spans="1:23" x14ac:dyDescent="0.35">
      <c r="A1897" s="52" t="s">
        <v>78</v>
      </c>
      <c r="B1897" s="52" t="s">
        <v>79</v>
      </c>
      <c r="C1897" s="3">
        <v>20</v>
      </c>
      <c r="D1897" s="52" t="s">
        <v>84</v>
      </c>
      <c r="E1897" s="52" t="s">
        <v>26</v>
      </c>
      <c r="F1897" s="52" t="s">
        <v>81</v>
      </c>
      <c r="G1897" s="52" t="s">
        <v>82</v>
      </c>
      <c r="H1897" s="4">
        <v>1</v>
      </c>
      <c r="I1897" s="2">
        <v>14.65</v>
      </c>
      <c r="J1897" s="52" t="s">
        <v>5593</v>
      </c>
      <c r="K1897" s="71" t="s">
        <v>5594</v>
      </c>
      <c r="L1897" s="52" t="s">
        <v>2063</v>
      </c>
      <c r="M1897" s="72">
        <v>4987</v>
      </c>
      <c r="N1897" s="52" t="s">
        <v>2259</v>
      </c>
      <c r="O1897" s="52" t="s">
        <v>2260</v>
      </c>
      <c r="P1897" s="52"/>
      <c r="Q1897" s="52"/>
      <c r="R1897" s="52"/>
      <c r="S1897" s="52"/>
      <c r="T1897" s="52"/>
      <c r="U1897" s="52"/>
      <c r="V1897" s="52"/>
      <c r="W1897" s="52"/>
    </row>
    <row r="1898" spans="1:23" hidden="1" x14ac:dyDescent="0.35">
      <c r="A1898" s="52" t="s">
        <v>78</v>
      </c>
      <c r="B1898" s="52" t="s">
        <v>79</v>
      </c>
      <c r="C1898" s="3">
        <v>10</v>
      </c>
      <c r="D1898" s="52" t="s">
        <v>2024</v>
      </c>
      <c r="E1898" s="52" t="s">
        <v>26</v>
      </c>
      <c r="F1898" s="52" t="s">
        <v>81</v>
      </c>
      <c r="G1898" s="52" t="s">
        <v>82</v>
      </c>
      <c r="H1898" s="4">
        <v>1</v>
      </c>
      <c r="I1898" s="2">
        <v>14.65</v>
      </c>
      <c r="J1898" s="52" t="s">
        <v>5595</v>
      </c>
      <c r="K1898" s="71" t="s">
        <v>5596</v>
      </c>
      <c r="L1898" s="52" t="s">
        <v>2063</v>
      </c>
      <c r="M1898" s="72">
        <v>1370</v>
      </c>
      <c r="N1898" s="52" t="s">
        <v>2066</v>
      </c>
      <c r="O1898" s="52" t="s">
        <v>2067</v>
      </c>
      <c r="P1898" s="52"/>
      <c r="Q1898" s="52"/>
      <c r="R1898" s="52"/>
      <c r="S1898" s="52"/>
      <c r="T1898" s="52"/>
      <c r="U1898" s="52"/>
      <c r="V1898" s="52"/>
      <c r="W1898" s="52"/>
    </row>
    <row r="1899" spans="1:23" hidden="1" x14ac:dyDescent="0.35">
      <c r="A1899" s="52" t="s">
        <v>78</v>
      </c>
      <c r="B1899" s="52" t="s">
        <v>79</v>
      </c>
      <c r="C1899" s="3">
        <v>20</v>
      </c>
      <c r="D1899" s="52" t="s">
        <v>86</v>
      </c>
      <c r="E1899" s="52" t="s">
        <v>26</v>
      </c>
      <c r="F1899" s="52" t="s">
        <v>81</v>
      </c>
      <c r="G1899" s="52" t="s">
        <v>82</v>
      </c>
      <c r="H1899" s="4">
        <v>1</v>
      </c>
      <c r="I1899" s="2">
        <v>14.65</v>
      </c>
      <c r="J1899" s="52" t="s">
        <v>5597</v>
      </c>
      <c r="K1899" s="71" t="s">
        <v>5598</v>
      </c>
      <c r="L1899" s="52" t="s">
        <v>2063</v>
      </c>
      <c r="M1899" s="72">
        <v>5752</v>
      </c>
      <c r="N1899" s="52"/>
      <c r="O1899" s="52"/>
      <c r="P1899" s="52"/>
      <c r="Q1899" s="52"/>
      <c r="R1899" s="52"/>
      <c r="S1899" s="52"/>
      <c r="T1899" s="52"/>
      <c r="U1899" s="52"/>
      <c r="V1899" s="52"/>
      <c r="W1899" s="52"/>
    </row>
    <row r="1900" spans="1:23" hidden="1" x14ac:dyDescent="0.35">
      <c r="A1900" s="52" t="s">
        <v>78</v>
      </c>
      <c r="B1900" s="52" t="s">
        <v>79</v>
      </c>
      <c r="C1900" s="3">
        <v>10</v>
      </c>
      <c r="D1900" s="52" t="s">
        <v>2022</v>
      </c>
      <c r="E1900" s="52" t="s">
        <v>26</v>
      </c>
      <c r="F1900" s="52" t="s">
        <v>81</v>
      </c>
      <c r="G1900" s="52" t="s">
        <v>82</v>
      </c>
      <c r="H1900" s="4">
        <v>1</v>
      </c>
      <c r="I1900" s="2">
        <v>14.65</v>
      </c>
      <c r="J1900" s="52" t="s">
        <v>5599</v>
      </c>
      <c r="K1900" s="71" t="s">
        <v>5600</v>
      </c>
      <c r="L1900" s="52" t="s">
        <v>2063</v>
      </c>
      <c r="M1900" s="72">
        <v>1369</v>
      </c>
      <c r="N1900" s="52" t="s">
        <v>2066</v>
      </c>
      <c r="O1900" s="52" t="s">
        <v>2067</v>
      </c>
      <c r="P1900" s="52"/>
      <c r="Q1900" s="52"/>
      <c r="R1900" s="52"/>
      <c r="S1900" s="52"/>
      <c r="T1900" s="52"/>
      <c r="U1900" s="52"/>
      <c r="V1900" s="52"/>
      <c r="W1900" s="52"/>
    </row>
    <row r="1901" spans="1:23" hidden="1" x14ac:dyDescent="0.35">
      <c r="A1901" s="52" t="s">
        <v>78</v>
      </c>
      <c r="B1901" s="52" t="s">
        <v>79</v>
      </c>
      <c r="C1901" s="3">
        <v>20</v>
      </c>
      <c r="D1901" s="52" t="s">
        <v>2022</v>
      </c>
      <c r="E1901" s="52" t="s">
        <v>26</v>
      </c>
      <c r="F1901" s="52" t="s">
        <v>81</v>
      </c>
      <c r="G1901" s="52" t="s">
        <v>82</v>
      </c>
      <c r="H1901" s="4">
        <v>1</v>
      </c>
      <c r="I1901" s="2">
        <v>14.65</v>
      </c>
      <c r="J1901" s="52" t="s">
        <v>5601</v>
      </c>
      <c r="K1901" s="71" t="s">
        <v>5602</v>
      </c>
      <c r="L1901" s="52" t="s">
        <v>2063</v>
      </c>
      <c r="M1901" s="72">
        <v>1423</v>
      </c>
      <c r="N1901" s="52" t="s">
        <v>2066</v>
      </c>
      <c r="O1901" s="52" t="s">
        <v>2067</v>
      </c>
      <c r="P1901" s="52"/>
      <c r="Q1901" s="52"/>
      <c r="R1901" s="52"/>
      <c r="S1901" s="52"/>
      <c r="T1901" s="52"/>
      <c r="U1901" s="52"/>
      <c r="V1901" s="52"/>
      <c r="W1901" s="52"/>
    </row>
    <row r="1902" spans="1:23" hidden="1" x14ac:dyDescent="0.35">
      <c r="A1902" s="52" t="s">
        <v>78</v>
      </c>
      <c r="B1902" s="52" t="s">
        <v>79</v>
      </c>
      <c r="C1902" s="3">
        <v>20</v>
      </c>
      <c r="D1902" s="52" t="s">
        <v>83</v>
      </c>
      <c r="E1902" s="52" t="s">
        <v>26</v>
      </c>
      <c r="F1902" s="52" t="s">
        <v>81</v>
      </c>
      <c r="G1902" s="52" t="s">
        <v>82</v>
      </c>
      <c r="H1902" s="4">
        <v>1</v>
      </c>
      <c r="I1902" s="2">
        <v>14.65</v>
      </c>
      <c r="J1902" s="52" t="s">
        <v>5603</v>
      </c>
      <c r="K1902" s="71" t="s">
        <v>5604</v>
      </c>
      <c r="L1902" s="52" t="s">
        <v>2063</v>
      </c>
      <c r="M1902" s="72">
        <v>8652</v>
      </c>
      <c r="N1902" s="52" t="s">
        <v>2072</v>
      </c>
      <c r="O1902" s="52" t="s">
        <v>2073</v>
      </c>
      <c r="P1902" s="52"/>
      <c r="Q1902" s="52"/>
      <c r="R1902" s="52"/>
      <c r="S1902" s="52"/>
      <c r="T1902" s="52"/>
      <c r="U1902" s="52"/>
      <c r="V1902" s="52"/>
      <c r="W1902" s="52"/>
    </row>
    <row r="1903" spans="1:23" hidden="1" x14ac:dyDescent="0.35">
      <c r="A1903" s="52" t="s">
        <v>78</v>
      </c>
      <c r="B1903" s="52" t="s">
        <v>79</v>
      </c>
      <c r="C1903" s="3">
        <v>230</v>
      </c>
      <c r="D1903" s="52" t="s">
        <v>83</v>
      </c>
      <c r="E1903" s="52" t="s">
        <v>26</v>
      </c>
      <c r="F1903" s="52" t="s">
        <v>81</v>
      </c>
      <c r="G1903" s="52" t="s">
        <v>82</v>
      </c>
      <c r="H1903" s="4">
        <v>1</v>
      </c>
      <c r="I1903" s="2">
        <v>14.65</v>
      </c>
      <c r="J1903" s="52" t="s">
        <v>5605</v>
      </c>
      <c r="K1903" s="71" t="s">
        <v>5606</v>
      </c>
      <c r="L1903" s="52" t="s">
        <v>2063</v>
      </c>
      <c r="M1903" s="72">
        <v>8750</v>
      </c>
      <c r="N1903" s="52" t="s">
        <v>2154</v>
      </c>
      <c r="O1903" s="52" t="s">
        <v>2155</v>
      </c>
      <c r="P1903" s="52"/>
      <c r="Q1903" s="52"/>
      <c r="R1903" s="52"/>
      <c r="S1903" s="52"/>
      <c r="T1903" s="52"/>
      <c r="U1903" s="52"/>
      <c r="V1903" s="52"/>
      <c r="W1903" s="52"/>
    </row>
    <row r="1904" spans="1:23" hidden="1" x14ac:dyDescent="0.35">
      <c r="A1904" s="52" t="s">
        <v>78</v>
      </c>
      <c r="B1904" s="52" t="s">
        <v>79</v>
      </c>
      <c r="C1904" s="3">
        <v>10</v>
      </c>
      <c r="D1904" s="52" t="s">
        <v>80</v>
      </c>
      <c r="E1904" s="52" t="s">
        <v>26</v>
      </c>
      <c r="F1904" s="52" t="s">
        <v>81</v>
      </c>
      <c r="G1904" s="52" t="s">
        <v>82</v>
      </c>
      <c r="H1904" s="4">
        <v>1</v>
      </c>
      <c r="I1904" s="2">
        <v>14.65</v>
      </c>
      <c r="J1904" s="52" t="s">
        <v>5607</v>
      </c>
      <c r="K1904" s="71" t="s">
        <v>5608</v>
      </c>
      <c r="L1904" s="52" t="s">
        <v>2063</v>
      </c>
      <c r="M1904" s="72">
        <v>632</v>
      </c>
      <c r="N1904" s="52" t="s">
        <v>2066</v>
      </c>
      <c r="O1904" s="52" t="s">
        <v>2067</v>
      </c>
      <c r="P1904" s="52"/>
      <c r="Q1904" s="52"/>
      <c r="R1904" s="52"/>
      <c r="S1904" s="52"/>
      <c r="T1904" s="52"/>
      <c r="U1904" s="52"/>
      <c r="V1904" s="52"/>
      <c r="W1904" s="52"/>
    </row>
    <row r="1905" spans="1:23" hidden="1" x14ac:dyDescent="0.35">
      <c r="A1905" s="52" t="s">
        <v>78</v>
      </c>
      <c r="B1905" s="52" t="s">
        <v>79</v>
      </c>
      <c r="C1905" s="3">
        <v>10</v>
      </c>
      <c r="D1905" s="52" t="s">
        <v>2021</v>
      </c>
      <c r="E1905" s="52" t="s">
        <v>26</v>
      </c>
      <c r="F1905" s="52" t="s">
        <v>81</v>
      </c>
      <c r="G1905" s="52" t="s">
        <v>82</v>
      </c>
      <c r="H1905" s="4">
        <v>1</v>
      </c>
      <c r="I1905" s="2">
        <v>14.65</v>
      </c>
      <c r="J1905" s="52" t="s">
        <v>5609</v>
      </c>
      <c r="K1905" s="71" t="s">
        <v>5610</v>
      </c>
      <c r="L1905" s="52" t="s">
        <v>2063</v>
      </c>
      <c r="M1905" s="72">
        <v>5554</v>
      </c>
      <c r="N1905" s="52" t="s">
        <v>2158</v>
      </c>
      <c r="O1905" s="52" t="s">
        <v>2159</v>
      </c>
      <c r="P1905" s="52"/>
      <c r="Q1905" s="52"/>
      <c r="R1905" s="52"/>
      <c r="S1905" s="52"/>
      <c r="T1905" s="52"/>
      <c r="U1905" s="52"/>
      <c r="V1905" s="52"/>
      <c r="W1905" s="52"/>
    </row>
    <row r="1906" spans="1:23" hidden="1" x14ac:dyDescent="0.35">
      <c r="A1906" s="52" t="s">
        <v>78</v>
      </c>
      <c r="B1906" s="52" t="s">
        <v>79</v>
      </c>
      <c r="C1906" s="3">
        <v>20</v>
      </c>
      <c r="D1906" s="52" t="s">
        <v>2021</v>
      </c>
      <c r="E1906" s="52" t="s">
        <v>26</v>
      </c>
      <c r="F1906" s="52" t="s">
        <v>81</v>
      </c>
      <c r="G1906" s="52" t="s">
        <v>82</v>
      </c>
      <c r="H1906" s="4">
        <v>1</v>
      </c>
      <c r="I1906" s="2">
        <v>14.65</v>
      </c>
      <c r="J1906" s="52" t="s">
        <v>5611</v>
      </c>
      <c r="K1906" s="71" t="s">
        <v>5612</v>
      </c>
      <c r="L1906" s="52" t="s">
        <v>2063</v>
      </c>
      <c r="M1906" s="72">
        <v>5943</v>
      </c>
      <c r="N1906" s="52" t="s">
        <v>2072</v>
      </c>
      <c r="O1906" s="52" t="s">
        <v>2073</v>
      </c>
      <c r="P1906" s="52"/>
      <c r="Q1906" s="52"/>
      <c r="R1906" s="52"/>
      <c r="S1906" s="52"/>
      <c r="T1906" s="52"/>
      <c r="U1906" s="52"/>
      <c r="V1906" s="52"/>
      <c r="W1906" s="52"/>
    </row>
    <row r="1907" spans="1:23" hidden="1" x14ac:dyDescent="0.35">
      <c r="A1907" s="52" t="s">
        <v>78</v>
      </c>
      <c r="B1907" s="52" t="s">
        <v>79</v>
      </c>
      <c r="C1907" s="3">
        <v>10</v>
      </c>
      <c r="D1907" s="52" t="s">
        <v>85</v>
      </c>
      <c r="E1907" s="52" t="s">
        <v>26</v>
      </c>
      <c r="F1907" s="52" t="s">
        <v>81</v>
      </c>
      <c r="G1907" s="52" t="s">
        <v>82</v>
      </c>
      <c r="H1907" s="4">
        <v>1</v>
      </c>
      <c r="I1907" s="2">
        <v>14.65</v>
      </c>
      <c r="J1907" s="52" t="s">
        <v>5613</v>
      </c>
      <c r="K1907" s="71" t="s">
        <v>5614</v>
      </c>
      <c r="L1907" s="52" t="s">
        <v>2063</v>
      </c>
      <c r="M1907" s="72">
        <v>9305</v>
      </c>
      <c r="N1907" s="52"/>
      <c r="O1907" s="52"/>
      <c r="P1907" s="52"/>
      <c r="Q1907" s="52"/>
      <c r="R1907" s="52"/>
      <c r="S1907" s="52"/>
      <c r="T1907" s="52"/>
      <c r="U1907" s="52"/>
      <c r="V1907" s="52"/>
      <c r="W1907" s="52"/>
    </row>
    <row r="1908" spans="1:23" hidden="1" x14ac:dyDescent="0.35">
      <c r="A1908" s="52" t="s">
        <v>78</v>
      </c>
      <c r="B1908" s="52" t="s">
        <v>79</v>
      </c>
      <c r="C1908" s="3">
        <v>20</v>
      </c>
      <c r="D1908" s="52" t="s">
        <v>87</v>
      </c>
      <c r="E1908" s="52" t="s">
        <v>26</v>
      </c>
      <c r="F1908" s="52" t="s">
        <v>81</v>
      </c>
      <c r="G1908" s="52" t="s">
        <v>82</v>
      </c>
      <c r="H1908" s="4">
        <v>1</v>
      </c>
      <c r="I1908" s="2">
        <v>14.65</v>
      </c>
      <c r="J1908" s="52" t="s">
        <v>5615</v>
      </c>
      <c r="K1908" s="71" t="s">
        <v>5616</v>
      </c>
      <c r="L1908" s="52" t="s">
        <v>2063</v>
      </c>
      <c r="M1908" s="72">
        <v>107</v>
      </c>
      <c r="N1908" s="52" t="s">
        <v>2072</v>
      </c>
      <c r="O1908" s="52" t="s">
        <v>2073</v>
      </c>
      <c r="P1908" s="52"/>
      <c r="Q1908" s="52"/>
      <c r="R1908" s="52"/>
      <c r="S1908" s="52"/>
      <c r="T1908" s="52"/>
      <c r="U1908" s="52"/>
      <c r="V1908" s="52"/>
      <c r="W1908" s="52"/>
    </row>
    <row r="1909" spans="1:23" hidden="1" x14ac:dyDescent="0.35">
      <c r="A1909" s="52" t="s">
        <v>78</v>
      </c>
      <c r="B1909" s="52" t="s">
        <v>79</v>
      </c>
      <c r="C1909" s="3">
        <v>20</v>
      </c>
      <c r="D1909" s="52" t="s">
        <v>85</v>
      </c>
      <c r="E1909" s="52" t="s">
        <v>26</v>
      </c>
      <c r="F1909" s="52" t="s">
        <v>81</v>
      </c>
      <c r="G1909" s="52" t="s">
        <v>82</v>
      </c>
      <c r="H1909" s="4">
        <v>1</v>
      </c>
      <c r="I1909" s="2">
        <v>14.65</v>
      </c>
      <c r="J1909" s="52" t="s">
        <v>5617</v>
      </c>
      <c r="K1909" s="71" t="s">
        <v>5618</v>
      </c>
      <c r="L1909" s="52" t="s">
        <v>2095</v>
      </c>
      <c r="M1909" s="72">
        <v>1646</v>
      </c>
      <c r="N1909" s="52" t="s">
        <v>2154</v>
      </c>
      <c r="O1909" s="52" t="s">
        <v>2155</v>
      </c>
      <c r="P1909" s="52"/>
      <c r="Q1909" s="52"/>
      <c r="R1909" s="52"/>
      <c r="S1909" s="52"/>
      <c r="T1909" s="52"/>
      <c r="U1909" s="52"/>
      <c r="V1909" s="52"/>
      <c r="W1909" s="52"/>
    </row>
    <row r="1910" spans="1:23" hidden="1" x14ac:dyDescent="0.35">
      <c r="A1910" s="52" t="s">
        <v>78</v>
      </c>
      <c r="B1910" s="52" t="s">
        <v>79</v>
      </c>
      <c r="C1910" s="3">
        <v>20</v>
      </c>
      <c r="D1910" s="52" t="s">
        <v>2021</v>
      </c>
      <c r="E1910" s="52" t="s">
        <v>26</v>
      </c>
      <c r="F1910" s="52" t="s">
        <v>81</v>
      </c>
      <c r="G1910" s="52" t="s">
        <v>82</v>
      </c>
      <c r="H1910" s="4">
        <v>1</v>
      </c>
      <c r="I1910" s="2">
        <v>14.65</v>
      </c>
      <c r="J1910" s="52" t="s">
        <v>5619</v>
      </c>
      <c r="K1910" s="71" t="s">
        <v>5620</v>
      </c>
      <c r="L1910" s="52" t="s">
        <v>2063</v>
      </c>
      <c r="M1910" s="72">
        <v>7884</v>
      </c>
      <c r="N1910" s="52" t="s">
        <v>2072</v>
      </c>
      <c r="O1910" s="52" t="s">
        <v>2073</v>
      </c>
      <c r="P1910" s="52"/>
      <c r="Q1910" s="52"/>
      <c r="R1910" s="52"/>
      <c r="S1910" s="52"/>
      <c r="T1910" s="52"/>
      <c r="U1910" s="52"/>
      <c r="V1910" s="52"/>
      <c r="W1910" s="52"/>
    </row>
    <row r="1911" spans="1:23" hidden="1" x14ac:dyDescent="0.35">
      <c r="A1911" s="52" t="s">
        <v>78</v>
      </c>
      <c r="B1911" s="52" t="s">
        <v>79</v>
      </c>
      <c r="C1911" s="3">
        <v>10</v>
      </c>
      <c r="D1911" s="52" t="s">
        <v>2021</v>
      </c>
      <c r="E1911" s="52" t="s">
        <v>26</v>
      </c>
      <c r="F1911" s="52" t="s">
        <v>81</v>
      </c>
      <c r="G1911" s="52" t="s">
        <v>82</v>
      </c>
      <c r="H1911" s="4">
        <v>1</v>
      </c>
      <c r="I1911" s="2">
        <v>14.65</v>
      </c>
      <c r="J1911" s="52" t="s">
        <v>5621</v>
      </c>
      <c r="K1911" s="71" t="s">
        <v>5622</v>
      </c>
      <c r="L1911" s="52" t="s">
        <v>2063</v>
      </c>
      <c r="M1911" s="72">
        <v>3399</v>
      </c>
      <c r="N1911" s="52" t="s">
        <v>2072</v>
      </c>
      <c r="O1911" s="52" t="s">
        <v>2073</v>
      </c>
      <c r="P1911" s="52"/>
      <c r="Q1911" s="52"/>
      <c r="R1911" s="52"/>
      <c r="S1911" s="52"/>
      <c r="T1911" s="52"/>
      <c r="U1911" s="52"/>
      <c r="V1911" s="52"/>
      <c r="W1911" s="52"/>
    </row>
    <row r="1912" spans="1:23" hidden="1" x14ac:dyDescent="0.35">
      <c r="A1912" s="52" t="s">
        <v>78</v>
      </c>
      <c r="B1912" s="52" t="s">
        <v>79</v>
      </c>
      <c r="C1912" s="3">
        <v>10</v>
      </c>
      <c r="D1912" s="52" t="s">
        <v>80</v>
      </c>
      <c r="E1912" s="52" t="s">
        <v>26</v>
      </c>
      <c r="F1912" s="52" t="s">
        <v>81</v>
      </c>
      <c r="G1912" s="52" t="s">
        <v>82</v>
      </c>
      <c r="H1912" s="4">
        <v>1</v>
      </c>
      <c r="I1912" s="2">
        <v>14.65</v>
      </c>
      <c r="J1912" s="52" t="s">
        <v>5623</v>
      </c>
      <c r="K1912" s="71" t="s">
        <v>5624</v>
      </c>
      <c r="L1912" s="52" t="s">
        <v>2063</v>
      </c>
      <c r="M1912" s="72">
        <v>9355</v>
      </c>
      <c r="N1912" s="52" t="s">
        <v>2072</v>
      </c>
      <c r="O1912" s="52" t="s">
        <v>2073</v>
      </c>
      <c r="P1912" s="52"/>
      <c r="Q1912" s="52"/>
      <c r="R1912" s="52"/>
      <c r="S1912" s="52"/>
      <c r="T1912" s="52"/>
      <c r="U1912" s="52"/>
      <c r="V1912" s="52"/>
      <c r="W1912" s="52"/>
    </row>
    <row r="1913" spans="1:23" hidden="1" x14ac:dyDescent="0.35">
      <c r="A1913" s="52" t="s">
        <v>78</v>
      </c>
      <c r="B1913" s="52" t="s">
        <v>79</v>
      </c>
      <c r="C1913" s="3">
        <v>10</v>
      </c>
      <c r="D1913" s="52" t="s">
        <v>80</v>
      </c>
      <c r="E1913" s="52" t="s">
        <v>26</v>
      </c>
      <c r="F1913" s="52" t="s">
        <v>81</v>
      </c>
      <c r="G1913" s="52" t="s">
        <v>82</v>
      </c>
      <c r="H1913" s="4">
        <v>1</v>
      </c>
      <c r="I1913" s="2">
        <v>14.65</v>
      </c>
      <c r="J1913" s="52" t="s">
        <v>5625</v>
      </c>
      <c r="K1913" s="71" t="s">
        <v>5626</v>
      </c>
      <c r="L1913" s="52" t="s">
        <v>2063</v>
      </c>
      <c r="M1913" s="72">
        <v>661</v>
      </c>
      <c r="N1913" s="52" t="s">
        <v>2072</v>
      </c>
      <c r="O1913" s="52" t="s">
        <v>2073</v>
      </c>
      <c r="P1913" s="52"/>
      <c r="Q1913" s="52"/>
      <c r="R1913" s="52"/>
      <c r="S1913" s="52"/>
      <c r="T1913" s="52"/>
      <c r="U1913" s="52"/>
      <c r="V1913" s="52"/>
      <c r="W1913" s="52"/>
    </row>
    <row r="1914" spans="1:23" hidden="1" x14ac:dyDescent="0.35">
      <c r="A1914" s="52" t="s">
        <v>78</v>
      </c>
      <c r="B1914" s="52" t="s">
        <v>79</v>
      </c>
      <c r="C1914" s="3">
        <v>10</v>
      </c>
      <c r="D1914" s="52" t="s">
        <v>2023</v>
      </c>
      <c r="E1914" s="52" t="s">
        <v>26</v>
      </c>
      <c r="F1914" s="52" t="s">
        <v>81</v>
      </c>
      <c r="G1914" s="52" t="s">
        <v>82</v>
      </c>
      <c r="H1914" s="4">
        <v>1</v>
      </c>
      <c r="I1914" s="2">
        <v>14.65</v>
      </c>
      <c r="J1914" s="52" t="s">
        <v>5627</v>
      </c>
      <c r="K1914" s="71" t="s">
        <v>5628</v>
      </c>
      <c r="L1914" s="52" t="s">
        <v>2063</v>
      </c>
      <c r="M1914" s="72">
        <v>7796</v>
      </c>
      <c r="N1914" s="52" t="s">
        <v>2066</v>
      </c>
      <c r="O1914" s="52" t="s">
        <v>2067</v>
      </c>
      <c r="P1914" s="52"/>
      <c r="Q1914" s="52"/>
      <c r="R1914" s="52"/>
      <c r="S1914" s="52"/>
      <c r="T1914" s="52"/>
      <c r="U1914" s="52"/>
      <c r="V1914" s="52"/>
      <c r="W1914" s="52"/>
    </row>
    <row r="1915" spans="1:23" hidden="1" x14ac:dyDescent="0.35">
      <c r="A1915" s="52" t="s">
        <v>78</v>
      </c>
      <c r="B1915" s="52" t="s">
        <v>79</v>
      </c>
      <c r="C1915" s="3">
        <v>211</v>
      </c>
      <c r="D1915" s="52" t="s">
        <v>86</v>
      </c>
      <c r="E1915" s="52" t="s">
        <v>26</v>
      </c>
      <c r="F1915" s="52" t="s">
        <v>81</v>
      </c>
      <c r="G1915" s="52" t="s">
        <v>82</v>
      </c>
      <c r="H1915" s="4">
        <v>1</v>
      </c>
      <c r="I1915" s="2">
        <v>14.65</v>
      </c>
      <c r="J1915" s="52" t="s">
        <v>5629</v>
      </c>
      <c r="K1915" s="71" t="s">
        <v>5630</v>
      </c>
      <c r="L1915" s="52" t="s">
        <v>2063</v>
      </c>
      <c r="M1915" s="72">
        <v>2265</v>
      </c>
      <c r="N1915" s="52" t="s">
        <v>2066</v>
      </c>
      <c r="O1915" s="52" t="s">
        <v>2067</v>
      </c>
      <c r="P1915" s="52"/>
      <c r="Q1915" s="52"/>
      <c r="R1915" s="52"/>
      <c r="S1915" s="52"/>
      <c r="T1915" s="52"/>
      <c r="U1915" s="52"/>
      <c r="V1915" s="52"/>
      <c r="W1915" s="52"/>
    </row>
    <row r="1916" spans="1:23" hidden="1" x14ac:dyDescent="0.35">
      <c r="A1916" s="52" t="s">
        <v>78</v>
      </c>
      <c r="B1916" s="52" t="s">
        <v>79</v>
      </c>
      <c r="C1916" s="3">
        <v>20</v>
      </c>
      <c r="D1916" s="52" t="s">
        <v>85</v>
      </c>
      <c r="E1916" s="52" t="s">
        <v>26</v>
      </c>
      <c r="F1916" s="52" t="s">
        <v>81</v>
      </c>
      <c r="G1916" s="52" t="s">
        <v>82</v>
      </c>
      <c r="H1916" s="4">
        <v>1</v>
      </c>
      <c r="I1916" s="2">
        <v>14.65</v>
      </c>
      <c r="J1916" s="52" t="s">
        <v>5631</v>
      </c>
      <c r="K1916" s="71" t="s">
        <v>5632</v>
      </c>
      <c r="L1916" s="52" t="s">
        <v>2063</v>
      </c>
      <c r="M1916" s="72">
        <v>7964</v>
      </c>
      <c r="N1916" s="52" t="s">
        <v>2066</v>
      </c>
      <c r="O1916" s="52" t="s">
        <v>2067</v>
      </c>
      <c r="P1916" s="52"/>
      <c r="Q1916" s="52"/>
      <c r="R1916" s="52"/>
      <c r="S1916" s="52"/>
      <c r="T1916" s="52"/>
      <c r="U1916" s="52"/>
      <c r="V1916" s="52"/>
      <c r="W1916" s="52"/>
    </row>
    <row r="1917" spans="1:23" hidden="1" x14ac:dyDescent="0.35">
      <c r="A1917" s="52" t="s">
        <v>78</v>
      </c>
      <c r="B1917" s="52" t="s">
        <v>79</v>
      </c>
      <c r="C1917" s="3">
        <v>10</v>
      </c>
      <c r="D1917" s="52" t="s">
        <v>2019</v>
      </c>
      <c r="E1917" s="52" t="s">
        <v>26</v>
      </c>
      <c r="F1917" s="52" t="s">
        <v>81</v>
      </c>
      <c r="G1917" s="52" t="s">
        <v>82</v>
      </c>
      <c r="H1917" s="4">
        <v>1</v>
      </c>
      <c r="I1917" s="2">
        <v>14.65</v>
      </c>
      <c r="J1917" s="52" t="s">
        <v>5633</v>
      </c>
      <c r="K1917" s="71" t="s">
        <v>5634</v>
      </c>
      <c r="L1917" s="52" t="s">
        <v>2063</v>
      </c>
      <c r="M1917" s="72">
        <v>9655</v>
      </c>
      <c r="N1917" s="52" t="s">
        <v>2154</v>
      </c>
      <c r="O1917" s="52" t="s">
        <v>2155</v>
      </c>
      <c r="P1917" s="52"/>
      <c r="Q1917" s="52"/>
      <c r="R1917" s="52"/>
      <c r="S1917" s="52"/>
      <c r="T1917" s="52"/>
      <c r="U1917" s="52"/>
      <c r="V1917" s="52"/>
      <c r="W1917" s="52"/>
    </row>
    <row r="1918" spans="1:23" hidden="1" x14ac:dyDescent="0.35">
      <c r="A1918" s="52" t="s">
        <v>78</v>
      </c>
      <c r="B1918" s="52" t="s">
        <v>79</v>
      </c>
      <c r="C1918" s="3">
        <v>10</v>
      </c>
      <c r="D1918" s="52" t="s">
        <v>2020</v>
      </c>
      <c r="E1918" s="52" t="s">
        <v>26</v>
      </c>
      <c r="F1918" s="52" t="s">
        <v>81</v>
      </c>
      <c r="G1918" s="52" t="s">
        <v>82</v>
      </c>
      <c r="H1918" s="4">
        <v>1</v>
      </c>
      <c r="I1918" s="2">
        <v>14.65</v>
      </c>
      <c r="J1918" s="52" t="s">
        <v>5635</v>
      </c>
      <c r="K1918" s="71" t="s">
        <v>5636</v>
      </c>
      <c r="L1918" s="52" t="s">
        <v>2063</v>
      </c>
      <c r="M1918" s="72">
        <v>2401</v>
      </c>
      <c r="N1918" s="52"/>
      <c r="O1918" s="52"/>
      <c r="P1918" s="52"/>
      <c r="Q1918" s="52"/>
      <c r="R1918" s="52"/>
      <c r="S1918" s="52"/>
      <c r="T1918" s="52"/>
      <c r="U1918" s="52"/>
      <c r="V1918" s="52"/>
      <c r="W1918" s="52"/>
    </row>
    <row r="1919" spans="1:23" hidden="1" x14ac:dyDescent="0.35">
      <c r="A1919" s="52" t="s">
        <v>78</v>
      </c>
      <c r="B1919" s="52" t="s">
        <v>79</v>
      </c>
      <c r="C1919" s="3">
        <v>10</v>
      </c>
      <c r="D1919" s="52" t="s">
        <v>84</v>
      </c>
      <c r="E1919" s="52" t="s">
        <v>26</v>
      </c>
      <c r="F1919" s="52" t="s">
        <v>81</v>
      </c>
      <c r="G1919" s="52" t="s">
        <v>82</v>
      </c>
      <c r="H1919" s="4">
        <v>1</v>
      </c>
      <c r="I1919" s="2">
        <v>14.65</v>
      </c>
      <c r="J1919" s="52" t="s">
        <v>5637</v>
      </c>
      <c r="K1919" s="71" t="s">
        <v>5638</v>
      </c>
      <c r="L1919" s="52" t="s">
        <v>2063</v>
      </c>
      <c r="M1919" s="72">
        <v>9254</v>
      </c>
      <c r="N1919" s="52" t="s">
        <v>2072</v>
      </c>
      <c r="O1919" s="52" t="s">
        <v>2073</v>
      </c>
      <c r="P1919" s="52"/>
      <c r="Q1919" s="52"/>
      <c r="R1919" s="52"/>
      <c r="S1919" s="52"/>
      <c r="T1919" s="52"/>
      <c r="U1919" s="52"/>
      <c r="V1919" s="52"/>
      <c r="W1919" s="52"/>
    </row>
    <row r="1920" spans="1:23" hidden="1" x14ac:dyDescent="0.35">
      <c r="A1920" s="52" t="s">
        <v>78</v>
      </c>
      <c r="B1920" s="52" t="s">
        <v>79</v>
      </c>
      <c r="C1920" s="3">
        <v>20</v>
      </c>
      <c r="D1920" s="52" t="s">
        <v>2020</v>
      </c>
      <c r="E1920" s="52" t="s">
        <v>26</v>
      </c>
      <c r="F1920" s="52" t="s">
        <v>81</v>
      </c>
      <c r="G1920" s="52" t="s">
        <v>82</v>
      </c>
      <c r="H1920" s="4">
        <v>1</v>
      </c>
      <c r="I1920" s="2">
        <v>14.65</v>
      </c>
      <c r="J1920" s="52" t="s">
        <v>5639</v>
      </c>
      <c r="K1920" s="71" t="s">
        <v>5640</v>
      </c>
      <c r="L1920" s="52" t="s">
        <v>2063</v>
      </c>
      <c r="M1920" s="72">
        <v>1901</v>
      </c>
      <c r="N1920" s="52" t="s">
        <v>2066</v>
      </c>
      <c r="O1920" s="52" t="s">
        <v>2067</v>
      </c>
      <c r="P1920" s="52"/>
      <c r="Q1920" s="52"/>
      <c r="R1920" s="52"/>
      <c r="S1920" s="52"/>
      <c r="T1920" s="52"/>
      <c r="U1920" s="52"/>
      <c r="V1920" s="52"/>
      <c r="W1920" s="52"/>
    </row>
    <row r="1921" spans="1:23" hidden="1" x14ac:dyDescent="0.35">
      <c r="A1921" s="52" t="s">
        <v>78</v>
      </c>
      <c r="B1921" s="52" t="s">
        <v>79</v>
      </c>
      <c r="C1921" s="3">
        <v>20</v>
      </c>
      <c r="D1921" s="52" t="s">
        <v>85</v>
      </c>
      <c r="E1921" s="52" t="s">
        <v>26</v>
      </c>
      <c r="F1921" s="52" t="s">
        <v>81</v>
      </c>
      <c r="G1921" s="52" t="s">
        <v>82</v>
      </c>
      <c r="H1921" s="4">
        <v>1</v>
      </c>
      <c r="I1921" s="2">
        <v>14.65</v>
      </c>
      <c r="J1921" s="52" t="s">
        <v>5391</v>
      </c>
      <c r="K1921" s="71" t="s">
        <v>5641</v>
      </c>
      <c r="L1921" s="52" t="s">
        <v>2063</v>
      </c>
      <c r="M1921" s="72">
        <v>8252</v>
      </c>
      <c r="N1921" s="52" t="s">
        <v>2072</v>
      </c>
      <c r="O1921" s="52" t="s">
        <v>2073</v>
      </c>
      <c r="P1921" s="52"/>
      <c r="Q1921" s="52"/>
      <c r="R1921" s="52"/>
      <c r="S1921" s="52"/>
      <c r="T1921" s="52"/>
      <c r="U1921" s="52"/>
      <c r="V1921" s="52"/>
      <c r="W1921" s="52"/>
    </row>
    <row r="1922" spans="1:23" hidden="1" x14ac:dyDescent="0.35">
      <c r="A1922" s="52" t="s">
        <v>78</v>
      </c>
      <c r="B1922" s="52" t="s">
        <v>79</v>
      </c>
      <c r="C1922" s="3">
        <v>20</v>
      </c>
      <c r="D1922" s="52" t="s">
        <v>2021</v>
      </c>
      <c r="E1922" s="52" t="s">
        <v>26</v>
      </c>
      <c r="F1922" s="52" t="s">
        <v>81</v>
      </c>
      <c r="G1922" s="52" t="s">
        <v>82</v>
      </c>
      <c r="H1922" s="4">
        <v>1</v>
      </c>
      <c r="I1922" s="2">
        <v>14.65</v>
      </c>
      <c r="J1922" s="52" t="s">
        <v>4707</v>
      </c>
      <c r="K1922" s="71" t="s">
        <v>5642</v>
      </c>
      <c r="L1922" s="52" t="s">
        <v>2063</v>
      </c>
      <c r="M1922" s="72">
        <v>4809</v>
      </c>
      <c r="N1922" s="52" t="s">
        <v>2072</v>
      </c>
      <c r="O1922" s="52" t="s">
        <v>2073</v>
      </c>
      <c r="P1922" s="52"/>
      <c r="Q1922" s="52"/>
      <c r="R1922" s="52"/>
      <c r="S1922" s="52"/>
      <c r="T1922" s="52"/>
      <c r="U1922" s="52"/>
      <c r="V1922" s="52"/>
      <c r="W1922" s="52"/>
    </row>
    <row r="1923" spans="1:23" hidden="1" x14ac:dyDescent="0.35">
      <c r="A1923" s="52" t="s">
        <v>78</v>
      </c>
      <c r="B1923" s="52" t="s">
        <v>79</v>
      </c>
      <c r="C1923" s="3">
        <v>20</v>
      </c>
      <c r="D1923" s="52" t="s">
        <v>2023</v>
      </c>
      <c r="E1923" s="52" t="s">
        <v>26</v>
      </c>
      <c r="F1923" s="52" t="s">
        <v>81</v>
      </c>
      <c r="G1923" s="52" t="s">
        <v>82</v>
      </c>
      <c r="H1923" s="4">
        <v>1</v>
      </c>
      <c r="I1923" s="2">
        <v>14.65</v>
      </c>
      <c r="J1923" s="52" t="s">
        <v>5643</v>
      </c>
      <c r="K1923" s="71" t="s">
        <v>5644</v>
      </c>
      <c r="L1923" s="52" t="s">
        <v>2063</v>
      </c>
      <c r="M1923" s="72">
        <v>1954</v>
      </c>
      <c r="N1923" s="52" t="s">
        <v>2072</v>
      </c>
      <c r="O1923" s="52" t="s">
        <v>2073</v>
      </c>
      <c r="P1923" s="52"/>
      <c r="Q1923" s="52"/>
      <c r="R1923" s="52"/>
      <c r="S1923" s="52"/>
      <c r="T1923" s="52"/>
      <c r="U1923" s="52"/>
      <c r="V1923" s="52"/>
      <c r="W1923" s="52"/>
    </row>
    <row r="1924" spans="1:23" hidden="1" x14ac:dyDescent="0.35">
      <c r="A1924" s="52" t="s">
        <v>78</v>
      </c>
      <c r="B1924" s="52" t="s">
        <v>79</v>
      </c>
      <c r="C1924" s="3">
        <v>10</v>
      </c>
      <c r="D1924" s="52" t="s">
        <v>85</v>
      </c>
      <c r="E1924" s="52" t="s">
        <v>26</v>
      </c>
      <c r="F1924" s="52" t="s">
        <v>81</v>
      </c>
      <c r="G1924" s="52" t="s">
        <v>82</v>
      </c>
      <c r="H1924" s="4">
        <v>1</v>
      </c>
      <c r="I1924" s="2">
        <v>14.65</v>
      </c>
      <c r="J1924" s="52" t="s">
        <v>5645</v>
      </c>
      <c r="K1924" s="71" t="s">
        <v>5646</v>
      </c>
      <c r="L1924" s="52" t="s">
        <v>2063</v>
      </c>
      <c r="M1924" s="72">
        <v>9192</v>
      </c>
      <c r="N1924" s="52" t="s">
        <v>2158</v>
      </c>
      <c r="O1924" s="52" t="s">
        <v>2159</v>
      </c>
      <c r="P1924" s="52"/>
      <c r="Q1924" s="52"/>
      <c r="R1924" s="52"/>
      <c r="S1924" s="52"/>
      <c r="T1924" s="52"/>
      <c r="U1924" s="52"/>
      <c r="V1924" s="52"/>
      <c r="W1924" s="52"/>
    </row>
    <row r="1925" spans="1:23" hidden="1" x14ac:dyDescent="0.35">
      <c r="A1925" s="52" t="s">
        <v>78</v>
      </c>
      <c r="B1925" s="52" t="s">
        <v>79</v>
      </c>
      <c r="C1925" s="3">
        <v>20</v>
      </c>
      <c r="D1925" s="52" t="s">
        <v>2019</v>
      </c>
      <c r="E1925" s="52" t="s">
        <v>26</v>
      </c>
      <c r="F1925" s="52" t="s">
        <v>81</v>
      </c>
      <c r="G1925" s="52" t="s">
        <v>82</v>
      </c>
      <c r="H1925" s="4">
        <v>1</v>
      </c>
      <c r="I1925" s="2">
        <v>14.65</v>
      </c>
      <c r="J1925" s="52" t="s">
        <v>5036</v>
      </c>
      <c r="K1925" s="71" t="s">
        <v>5647</v>
      </c>
      <c r="L1925" s="52" t="s">
        <v>2063</v>
      </c>
      <c r="M1925" s="72">
        <v>2529</v>
      </c>
      <c r="N1925" s="52"/>
      <c r="O1925" s="52"/>
      <c r="P1925" s="52"/>
      <c r="Q1925" s="52"/>
      <c r="R1925" s="52"/>
      <c r="S1925" s="52"/>
      <c r="T1925" s="52"/>
      <c r="U1925" s="52"/>
      <c r="V1925" s="52"/>
      <c r="W1925" s="52"/>
    </row>
    <row r="1926" spans="1:23" hidden="1" x14ac:dyDescent="0.35">
      <c r="A1926" s="52" t="s">
        <v>78</v>
      </c>
      <c r="B1926" s="52" t="s">
        <v>79</v>
      </c>
      <c r="C1926" s="3">
        <v>20</v>
      </c>
      <c r="D1926" s="52" t="s">
        <v>84</v>
      </c>
      <c r="E1926" s="52" t="s">
        <v>26</v>
      </c>
      <c r="F1926" s="52" t="s">
        <v>81</v>
      </c>
      <c r="G1926" s="52" t="s">
        <v>82</v>
      </c>
      <c r="H1926" s="4">
        <v>1</v>
      </c>
      <c r="I1926" s="2">
        <v>14.65</v>
      </c>
      <c r="J1926" s="52" t="s">
        <v>5447</v>
      </c>
      <c r="K1926" s="71" t="s">
        <v>5648</v>
      </c>
      <c r="L1926" s="52" t="s">
        <v>2063</v>
      </c>
      <c r="M1926" s="72">
        <v>7404</v>
      </c>
      <c r="N1926" s="52"/>
      <c r="O1926" s="52"/>
      <c r="P1926" s="52"/>
      <c r="Q1926" s="52"/>
      <c r="R1926" s="52"/>
      <c r="S1926" s="52"/>
      <c r="T1926" s="52"/>
      <c r="U1926" s="52"/>
      <c r="V1926" s="52"/>
      <c r="W1926" s="52"/>
    </row>
    <row r="1927" spans="1:23" hidden="1" x14ac:dyDescent="0.35">
      <c r="A1927" s="52" t="s">
        <v>78</v>
      </c>
      <c r="B1927" s="52" t="s">
        <v>79</v>
      </c>
      <c r="C1927" s="3">
        <v>20</v>
      </c>
      <c r="D1927" s="52" t="s">
        <v>2023</v>
      </c>
      <c r="E1927" s="52" t="s">
        <v>26</v>
      </c>
      <c r="F1927" s="52" t="s">
        <v>81</v>
      </c>
      <c r="G1927" s="52" t="s">
        <v>82</v>
      </c>
      <c r="H1927" s="4">
        <v>1</v>
      </c>
      <c r="I1927" s="2">
        <v>14.65</v>
      </c>
      <c r="J1927" s="52" t="s">
        <v>5649</v>
      </c>
      <c r="K1927" s="71" t="s">
        <v>5650</v>
      </c>
      <c r="L1927" s="52" t="s">
        <v>2063</v>
      </c>
      <c r="M1927" s="72">
        <v>3509</v>
      </c>
      <c r="N1927" s="52" t="s">
        <v>2072</v>
      </c>
      <c r="O1927" s="52" t="s">
        <v>2073</v>
      </c>
      <c r="P1927" s="52"/>
      <c r="Q1927" s="52"/>
      <c r="R1927" s="52"/>
      <c r="S1927" s="52"/>
      <c r="T1927" s="52"/>
      <c r="U1927" s="52"/>
      <c r="V1927" s="52"/>
      <c r="W1927" s="52"/>
    </row>
    <row r="1928" spans="1:23" hidden="1" x14ac:dyDescent="0.35">
      <c r="A1928" s="52" t="s">
        <v>78</v>
      </c>
      <c r="B1928" s="52" t="s">
        <v>79</v>
      </c>
      <c r="C1928" s="3">
        <v>20</v>
      </c>
      <c r="D1928" s="52" t="s">
        <v>80</v>
      </c>
      <c r="E1928" s="52" t="s">
        <v>26</v>
      </c>
      <c r="F1928" s="52" t="s">
        <v>81</v>
      </c>
      <c r="G1928" s="52" t="s">
        <v>82</v>
      </c>
      <c r="H1928" s="4">
        <v>1</v>
      </c>
      <c r="I1928" s="2">
        <v>14.65</v>
      </c>
      <c r="J1928" s="52" t="s">
        <v>5651</v>
      </c>
      <c r="K1928" s="71" t="s">
        <v>5652</v>
      </c>
      <c r="L1928" s="52" t="s">
        <v>2063</v>
      </c>
      <c r="M1928" s="72">
        <v>2110</v>
      </c>
      <c r="N1928" s="52" t="s">
        <v>2066</v>
      </c>
      <c r="O1928" s="52" t="s">
        <v>2067</v>
      </c>
      <c r="P1928" s="52"/>
      <c r="Q1928" s="52"/>
      <c r="R1928" s="52"/>
      <c r="S1928" s="52"/>
      <c r="T1928" s="52"/>
      <c r="U1928" s="52"/>
      <c r="V1928" s="52"/>
      <c r="W1928" s="52"/>
    </row>
    <row r="1929" spans="1:23" hidden="1" x14ac:dyDescent="0.35">
      <c r="A1929" s="52" t="s">
        <v>78</v>
      </c>
      <c r="B1929" s="52" t="s">
        <v>79</v>
      </c>
      <c r="C1929" s="3">
        <v>20</v>
      </c>
      <c r="D1929" s="52" t="s">
        <v>85</v>
      </c>
      <c r="E1929" s="52" t="s">
        <v>26</v>
      </c>
      <c r="F1929" s="52" t="s">
        <v>81</v>
      </c>
      <c r="G1929" s="52" t="s">
        <v>82</v>
      </c>
      <c r="H1929" s="4">
        <v>1</v>
      </c>
      <c r="I1929" s="2">
        <v>14.65</v>
      </c>
      <c r="J1929" s="52" t="s">
        <v>5653</v>
      </c>
      <c r="K1929" s="71" t="s">
        <v>5654</v>
      </c>
      <c r="L1929" s="52" t="s">
        <v>2095</v>
      </c>
      <c r="M1929" s="72">
        <v>708</v>
      </c>
      <c r="N1929" s="52"/>
      <c r="O1929" s="52"/>
      <c r="P1929" s="52"/>
      <c r="Q1929" s="52"/>
      <c r="R1929" s="52"/>
      <c r="S1929" s="52"/>
      <c r="T1929" s="52"/>
      <c r="U1929" s="52"/>
      <c r="V1929" s="52"/>
      <c r="W1929" s="52"/>
    </row>
    <row r="1930" spans="1:23" hidden="1" x14ac:dyDescent="0.35">
      <c r="A1930" s="52" t="s">
        <v>78</v>
      </c>
      <c r="B1930" s="52" t="s">
        <v>79</v>
      </c>
      <c r="C1930" s="3">
        <v>10</v>
      </c>
      <c r="D1930" s="52" t="s">
        <v>2020</v>
      </c>
      <c r="E1930" s="52" t="s">
        <v>26</v>
      </c>
      <c r="F1930" s="52" t="s">
        <v>81</v>
      </c>
      <c r="G1930" s="52" t="s">
        <v>82</v>
      </c>
      <c r="H1930" s="4">
        <v>1</v>
      </c>
      <c r="I1930" s="2">
        <v>14.65</v>
      </c>
      <c r="J1930" s="52" t="s">
        <v>5655</v>
      </c>
      <c r="K1930" s="71" t="s">
        <v>5656</v>
      </c>
      <c r="L1930" s="52" t="s">
        <v>2063</v>
      </c>
      <c r="M1930" s="72">
        <v>7135</v>
      </c>
      <c r="N1930" s="52" t="s">
        <v>2066</v>
      </c>
      <c r="O1930" s="52" t="s">
        <v>2067</v>
      </c>
      <c r="P1930" s="52"/>
      <c r="Q1930" s="52"/>
      <c r="R1930" s="52"/>
      <c r="S1930" s="52"/>
      <c r="T1930" s="52"/>
      <c r="U1930" s="52"/>
      <c r="V1930" s="52"/>
      <c r="W1930" s="52"/>
    </row>
    <row r="1931" spans="1:23" hidden="1" x14ac:dyDescent="0.35">
      <c r="A1931" s="52" t="s">
        <v>78</v>
      </c>
      <c r="B1931" s="52" t="s">
        <v>79</v>
      </c>
      <c r="C1931" s="3">
        <v>10</v>
      </c>
      <c r="D1931" s="52" t="s">
        <v>2019</v>
      </c>
      <c r="E1931" s="52" t="s">
        <v>26</v>
      </c>
      <c r="F1931" s="52" t="s">
        <v>81</v>
      </c>
      <c r="G1931" s="52" t="s">
        <v>82</v>
      </c>
      <c r="H1931" s="4">
        <v>1</v>
      </c>
      <c r="I1931" s="2">
        <v>14.65</v>
      </c>
      <c r="J1931" s="52" t="s">
        <v>5657</v>
      </c>
      <c r="K1931" s="71" t="s">
        <v>5658</v>
      </c>
      <c r="L1931" s="52" t="s">
        <v>2063</v>
      </c>
      <c r="M1931" s="72">
        <v>7150</v>
      </c>
      <c r="N1931" s="52"/>
      <c r="O1931" s="52"/>
      <c r="P1931" s="52"/>
      <c r="Q1931" s="52"/>
      <c r="R1931" s="52"/>
      <c r="S1931" s="52"/>
      <c r="T1931" s="52"/>
      <c r="U1931" s="52"/>
      <c r="V1931" s="52"/>
      <c r="W1931" s="52"/>
    </row>
    <row r="1932" spans="1:23" hidden="1" x14ac:dyDescent="0.35">
      <c r="A1932" s="52" t="s">
        <v>78</v>
      </c>
      <c r="B1932" s="52" t="s">
        <v>79</v>
      </c>
      <c r="C1932" s="3">
        <v>20</v>
      </c>
      <c r="D1932" s="52" t="s">
        <v>80</v>
      </c>
      <c r="E1932" s="52" t="s">
        <v>26</v>
      </c>
      <c r="F1932" s="52" t="s">
        <v>81</v>
      </c>
      <c r="G1932" s="52" t="s">
        <v>82</v>
      </c>
      <c r="H1932" s="4">
        <v>1</v>
      </c>
      <c r="I1932" s="2">
        <v>14.65</v>
      </c>
      <c r="J1932" s="52" t="s">
        <v>5659</v>
      </c>
      <c r="K1932" s="71" t="s">
        <v>5660</v>
      </c>
      <c r="L1932" s="52" t="s">
        <v>2063</v>
      </c>
      <c r="M1932" s="72">
        <v>373</v>
      </c>
      <c r="N1932" s="52" t="s">
        <v>2072</v>
      </c>
      <c r="O1932" s="52" t="s">
        <v>2073</v>
      </c>
      <c r="P1932" s="52"/>
      <c r="Q1932" s="52"/>
      <c r="R1932" s="52"/>
      <c r="S1932" s="52"/>
      <c r="T1932" s="52"/>
      <c r="U1932" s="52"/>
      <c r="V1932" s="52"/>
      <c r="W1932" s="52"/>
    </row>
    <row r="1933" spans="1:23" hidden="1" x14ac:dyDescent="0.35">
      <c r="A1933" s="52" t="s">
        <v>78</v>
      </c>
      <c r="B1933" s="52" t="s">
        <v>79</v>
      </c>
      <c r="C1933" s="3">
        <v>10</v>
      </c>
      <c r="D1933" s="52" t="s">
        <v>84</v>
      </c>
      <c r="E1933" s="52" t="s">
        <v>26</v>
      </c>
      <c r="F1933" s="52" t="s">
        <v>81</v>
      </c>
      <c r="G1933" s="52" t="s">
        <v>82</v>
      </c>
      <c r="H1933" s="4">
        <v>1</v>
      </c>
      <c r="I1933" s="2">
        <v>14.65</v>
      </c>
      <c r="J1933" s="52" t="s">
        <v>5661</v>
      </c>
      <c r="K1933" s="71" t="s">
        <v>5662</v>
      </c>
      <c r="L1933" s="52" t="s">
        <v>2063</v>
      </c>
      <c r="M1933" s="72">
        <v>1033</v>
      </c>
      <c r="N1933" s="52" t="s">
        <v>2072</v>
      </c>
      <c r="O1933" s="52" t="s">
        <v>2073</v>
      </c>
      <c r="P1933" s="52"/>
      <c r="Q1933" s="52"/>
      <c r="R1933" s="52"/>
      <c r="S1933" s="52"/>
      <c r="T1933" s="52"/>
      <c r="U1933" s="52"/>
      <c r="V1933" s="52"/>
      <c r="W1933" s="52"/>
    </row>
    <row r="1934" spans="1:23" hidden="1" x14ac:dyDescent="0.35">
      <c r="A1934" s="52" t="s">
        <v>78</v>
      </c>
      <c r="B1934" s="52" t="s">
        <v>79</v>
      </c>
      <c r="C1934" s="3">
        <v>10</v>
      </c>
      <c r="D1934" s="52" t="s">
        <v>84</v>
      </c>
      <c r="E1934" s="52" t="s">
        <v>26</v>
      </c>
      <c r="F1934" s="52" t="s">
        <v>81</v>
      </c>
      <c r="G1934" s="52" t="s">
        <v>82</v>
      </c>
      <c r="H1934" s="4">
        <v>1</v>
      </c>
      <c r="I1934" s="2">
        <v>14.65</v>
      </c>
      <c r="J1934" s="52" t="s">
        <v>5663</v>
      </c>
      <c r="K1934" s="71" t="s">
        <v>5664</v>
      </c>
      <c r="L1934" s="52" t="s">
        <v>2063</v>
      </c>
      <c r="M1934" s="72">
        <v>8086</v>
      </c>
      <c r="N1934" s="52" t="s">
        <v>2066</v>
      </c>
      <c r="O1934" s="52" t="s">
        <v>2067</v>
      </c>
      <c r="P1934" s="52"/>
      <c r="Q1934" s="52"/>
      <c r="R1934" s="52"/>
      <c r="S1934" s="52"/>
      <c r="T1934" s="52"/>
      <c r="U1934" s="52"/>
      <c r="V1934" s="52"/>
      <c r="W1934" s="52"/>
    </row>
    <row r="1935" spans="1:23" hidden="1" x14ac:dyDescent="0.35">
      <c r="A1935" s="52" t="s">
        <v>78</v>
      </c>
      <c r="B1935" s="52" t="s">
        <v>79</v>
      </c>
      <c r="C1935" s="3">
        <v>10</v>
      </c>
      <c r="D1935" s="52" t="s">
        <v>2024</v>
      </c>
      <c r="E1935" s="52" t="s">
        <v>26</v>
      </c>
      <c r="F1935" s="52" t="s">
        <v>81</v>
      </c>
      <c r="G1935" s="52" t="s">
        <v>82</v>
      </c>
      <c r="H1935" s="4">
        <v>1</v>
      </c>
      <c r="I1935" s="2">
        <v>14.65</v>
      </c>
      <c r="J1935" s="52" t="s">
        <v>5665</v>
      </c>
      <c r="K1935" s="71" t="s">
        <v>5666</v>
      </c>
      <c r="L1935" s="52" t="s">
        <v>2063</v>
      </c>
      <c r="M1935" s="72">
        <v>8242</v>
      </c>
      <c r="N1935" s="52"/>
      <c r="O1935" s="52"/>
      <c r="P1935" s="52"/>
      <c r="Q1935" s="52"/>
      <c r="R1935" s="52"/>
      <c r="S1935" s="52"/>
      <c r="T1935" s="52"/>
      <c r="U1935" s="52"/>
      <c r="V1935" s="52"/>
      <c r="W1935" s="52"/>
    </row>
    <row r="1936" spans="1:23" hidden="1" x14ac:dyDescent="0.35">
      <c r="A1936" s="52" t="s">
        <v>78</v>
      </c>
      <c r="B1936" s="52" t="s">
        <v>79</v>
      </c>
      <c r="C1936" s="3">
        <v>20</v>
      </c>
      <c r="D1936" s="52" t="s">
        <v>2019</v>
      </c>
      <c r="E1936" s="52" t="s">
        <v>26</v>
      </c>
      <c r="F1936" s="52" t="s">
        <v>81</v>
      </c>
      <c r="G1936" s="52" t="s">
        <v>82</v>
      </c>
      <c r="H1936" s="4">
        <v>1</v>
      </c>
      <c r="I1936" s="2">
        <v>14.65</v>
      </c>
      <c r="J1936" s="52" t="s">
        <v>5667</v>
      </c>
      <c r="K1936" s="71" t="s">
        <v>5668</v>
      </c>
      <c r="L1936" s="52" t="s">
        <v>2063</v>
      </c>
      <c r="M1936" s="72">
        <v>9666</v>
      </c>
      <c r="N1936" s="52" t="s">
        <v>2072</v>
      </c>
      <c r="O1936" s="52" t="s">
        <v>2073</v>
      </c>
      <c r="P1936" s="52"/>
      <c r="Q1936" s="52"/>
      <c r="R1936" s="52"/>
      <c r="S1936" s="52"/>
      <c r="T1936" s="52"/>
      <c r="U1936" s="52"/>
      <c r="V1936" s="52"/>
      <c r="W1936" s="52"/>
    </row>
    <row r="1937" spans="1:23" hidden="1" x14ac:dyDescent="0.35">
      <c r="A1937" s="52" t="s">
        <v>78</v>
      </c>
      <c r="B1937" s="52" t="s">
        <v>79</v>
      </c>
      <c r="C1937" s="3">
        <v>20</v>
      </c>
      <c r="D1937" s="52" t="s">
        <v>2024</v>
      </c>
      <c r="E1937" s="52" t="s">
        <v>26</v>
      </c>
      <c r="F1937" s="52" t="s">
        <v>81</v>
      </c>
      <c r="G1937" s="52" t="s">
        <v>82</v>
      </c>
      <c r="H1937" s="4">
        <v>1</v>
      </c>
      <c r="I1937" s="2">
        <v>14.65</v>
      </c>
      <c r="J1937" s="52" t="s">
        <v>5669</v>
      </c>
      <c r="K1937" s="71" t="s">
        <v>5670</v>
      </c>
      <c r="L1937" s="52" t="s">
        <v>2063</v>
      </c>
      <c r="M1937" s="72">
        <v>663</v>
      </c>
      <c r="N1937" s="52" t="s">
        <v>2072</v>
      </c>
      <c r="O1937" s="52" t="s">
        <v>2073</v>
      </c>
      <c r="P1937" s="52"/>
      <c r="Q1937" s="52"/>
      <c r="R1937" s="52"/>
      <c r="S1937" s="52"/>
      <c r="T1937" s="52"/>
      <c r="U1937" s="52"/>
      <c r="V1937" s="52"/>
      <c r="W1937" s="52"/>
    </row>
    <row r="1938" spans="1:23" hidden="1" x14ac:dyDescent="0.35">
      <c r="A1938" s="52" t="s">
        <v>78</v>
      </c>
      <c r="B1938" s="52" t="s">
        <v>79</v>
      </c>
      <c r="C1938" s="3">
        <v>20</v>
      </c>
      <c r="D1938" s="52" t="s">
        <v>80</v>
      </c>
      <c r="E1938" s="52" t="s">
        <v>26</v>
      </c>
      <c r="F1938" s="52" t="s">
        <v>81</v>
      </c>
      <c r="G1938" s="52" t="s">
        <v>82</v>
      </c>
      <c r="H1938" s="4">
        <v>1</v>
      </c>
      <c r="I1938" s="2">
        <v>14.65</v>
      </c>
      <c r="J1938" s="52" t="s">
        <v>5671</v>
      </c>
      <c r="K1938" s="71" t="s">
        <v>5672</v>
      </c>
      <c r="L1938" s="52" t="s">
        <v>2063</v>
      </c>
      <c r="M1938" s="72">
        <v>8043</v>
      </c>
      <c r="N1938" s="52" t="s">
        <v>2066</v>
      </c>
      <c r="O1938" s="52" t="s">
        <v>2067</v>
      </c>
      <c r="P1938" s="52"/>
      <c r="Q1938" s="52"/>
      <c r="R1938" s="52"/>
      <c r="S1938" s="52"/>
      <c r="T1938" s="52"/>
      <c r="U1938" s="52"/>
      <c r="V1938" s="52"/>
      <c r="W1938" s="52"/>
    </row>
    <row r="1939" spans="1:23" hidden="1" x14ac:dyDescent="0.35">
      <c r="A1939" s="52" t="s">
        <v>78</v>
      </c>
      <c r="B1939" s="52" t="s">
        <v>79</v>
      </c>
      <c r="C1939" s="3">
        <v>211</v>
      </c>
      <c r="D1939" s="52" t="s">
        <v>2023</v>
      </c>
      <c r="E1939" s="52" t="s">
        <v>26</v>
      </c>
      <c r="F1939" s="52" t="s">
        <v>81</v>
      </c>
      <c r="G1939" s="52" t="s">
        <v>82</v>
      </c>
      <c r="H1939" s="4">
        <v>1</v>
      </c>
      <c r="I1939" s="2">
        <v>14.65</v>
      </c>
      <c r="J1939" s="52" t="s">
        <v>5673</v>
      </c>
      <c r="K1939" s="71" t="s">
        <v>5674</v>
      </c>
      <c r="L1939" s="52" t="s">
        <v>2063</v>
      </c>
      <c r="M1939" s="72">
        <v>4128</v>
      </c>
      <c r="N1939" s="52" t="s">
        <v>2158</v>
      </c>
      <c r="O1939" s="52" t="s">
        <v>2159</v>
      </c>
      <c r="P1939" s="52"/>
      <c r="Q1939" s="52"/>
      <c r="R1939" s="52"/>
      <c r="S1939" s="52"/>
      <c r="T1939" s="52"/>
      <c r="U1939" s="52"/>
      <c r="V1939" s="52"/>
      <c r="W1939" s="52"/>
    </row>
    <row r="1940" spans="1:23" hidden="1" x14ac:dyDescent="0.35">
      <c r="A1940" s="52" t="s">
        <v>78</v>
      </c>
      <c r="B1940" s="52" t="s">
        <v>79</v>
      </c>
      <c r="C1940" s="3">
        <v>10</v>
      </c>
      <c r="D1940" s="52" t="s">
        <v>86</v>
      </c>
      <c r="E1940" s="52" t="s">
        <v>26</v>
      </c>
      <c r="F1940" s="52" t="s">
        <v>81</v>
      </c>
      <c r="G1940" s="52" t="s">
        <v>82</v>
      </c>
      <c r="H1940" s="4">
        <v>1</v>
      </c>
      <c r="I1940" s="2">
        <v>14.65</v>
      </c>
      <c r="J1940" s="52" t="s">
        <v>5355</v>
      </c>
      <c r="K1940" s="71" t="s">
        <v>5675</v>
      </c>
      <c r="L1940" s="52" t="s">
        <v>2063</v>
      </c>
      <c r="M1940" s="72">
        <v>306</v>
      </c>
      <c r="N1940" s="52" t="s">
        <v>2072</v>
      </c>
      <c r="O1940" s="52" t="s">
        <v>2073</v>
      </c>
      <c r="P1940" s="52"/>
      <c r="Q1940" s="52"/>
      <c r="R1940" s="52"/>
      <c r="S1940" s="52"/>
      <c r="T1940" s="52"/>
      <c r="U1940" s="52"/>
      <c r="V1940" s="52"/>
      <c r="W1940" s="52"/>
    </row>
    <row r="1941" spans="1:23" hidden="1" x14ac:dyDescent="0.35">
      <c r="A1941" s="52" t="s">
        <v>78</v>
      </c>
      <c r="B1941" s="52" t="s">
        <v>79</v>
      </c>
      <c r="C1941" s="3">
        <v>211</v>
      </c>
      <c r="D1941" s="52" t="s">
        <v>2023</v>
      </c>
      <c r="E1941" s="52" t="s">
        <v>26</v>
      </c>
      <c r="F1941" s="52" t="s">
        <v>81</v>
      </c>
      <c r="G1941" s="52" t="s">
        <v>82</v>
      </c>
      <c r="H1941" s="4">
        <v>1</v>
      </c>
      <c r="I1941" s="2">
        <v>14.65</v>
      </c>
      <c r="J1941" s="52" t="s">
        <v>5676</v>
      </c>
      <c r="K1941" s="71" t="s">
        <v>5677</v>
      </c>
      <c r="L1941" s="52" t="s">
        <v>2063</v>
      </c>
      <c r="M1941" s="72">
        <v>6514</v>
      </c>
      <c r="N1941" s="52" t="s">
        <v>2066</v>
      </c>
      <c r="O1941" s="52" t="s">
        <v>2067</v>
      </c>
      <c r="P1941" s="52"/>
      <c r="Q1941" s="52"/>
      <c r="R1941" s="52"/>
      <c r="S1941" s="52"/>
      <c r="T1941" s="52"/>
      <c r="U1941" s="52"/>
      <c r="V1941" s="52"/>
      <c r="W1941" s="52"/>
    </row>
    <row r="1942" spans="1:23" hidden="1" x14ac:dyDescent="0.35">
      <c r="A1942" s="52" t="s">
        <v>78</v>
      </c>
      <c r="B1942" s="52" t="s">
        <v>79</v>
      </c>
      <c r="C1942" s="3">
        <v>211</v>
      </c>
      <c r="D1942" s="52" t="s">
        <v>2019</v>
      </c>
      <c r="E1942" s="52" t="s">
        <v>26</v>
      </c>
      <c r="F1942" s="52" t="s">
        <v>81</v>
      </c>
      <c r="G1942" s="52" t="s">
        <v>82</v>
      </c>
      <c r="H1942" s="4">
        <v>1</v>
      </c>
      <c r="I1942" s="2">
        <v>14.65</v>
      </c>
      <c r="J1942" s="52" t="s">
        <v>5678</v>
      </c>
      <c r="K1942" s="71" t="s">
        <v>5679</v>
      </c>
      <c r="L1942" s="52" t="s">
        <v>2063</v>
      </c>
      <c r="M1942" s="72">
        <v>9303</v>
      </c>
      <c r="N1942" s="52" t="s">
        <v>2158</v>
      </c>
      <c r="O1942" s="52" t="s">
        <v>2159</v>
      </c>
      <c r="P1942" s="52"/>
      <c r="Q1942" s="52"/>
      <c r="R1942" s="52"/>
      <c r="S1942" s="52"/>
      <c r="T1942" s="52"/>
      <c r="U1942" s="52"/>
      <c r="V1942" s="52"/>
      <c r="W1942" s="52"/>
    </row>
    <row r="1943" spans="1:23" hidden="1" x14ac:dyDescent="0.35">
      <c r="A1943" s="52" t="s">
        <v>78</v>
      </c>
      <c r="B1943" s="52" t="s">
        <v>79</v>
      </c>
      <c r="C1943" s="3">
        <v>211</v>
      </c>
      <c r="D1943" s="52" t="s">
        <v>87</v>
      </c>
      <c r="E1943" s="52" t="s">
        <v>26</v>
      </c>
      <c r="F1943" s="52" t="s">
        <v>81</v>
      </c>
      <c r="G1943" s="52" t="s">
        <v>82</v>
      </c>
      <c r="H1943" s="4">
        <v>1</v>
      </c>
      <c r="I1943" s="2">
        <v>14.65</v>
      </c>
      <c r="J1943" s="52" t="s">
        <v>4709</v>
      </c>
      <c r="K1943" s="71" t="s">
        <v>5680</v>
      </c>
      <c r="L1943" s="52" t="s">
        <v>2063</v>
      </c>
      <c r="M1943" s="72">
        <v>5003</v>
      </c>
      <c r="N1943" s="52" t="s">
        <v>3580</v>
      </c>
      <c r="O1943" s="52" t="s">
        <v>3581</v>
      </c>
      <c r="P1943" s="52"/>
      <c r="Q1943" s="52"/>
      <c r="R1943" s="52"/>
      <c r="S1943" s="52"/>
      <c r="T1943" s="52"/>
      <c r="U1943" s="52"/>
      <c r="V1943" s="52"/>
      <c r="W1943" s="52"/>
    </row>
    <row r="1944" spans="1:23" hidden="1" x14ac:dyDescent="0.35">
      <c r="A1944" s="52" t="s">
        <v>78</v>
      </c>
      <c r="B1944" s="52" t="s">
        <v>79</v>
      </c>
      <c r="C1944" s="3">
        <v>20</v>
      </c>
      <c r="D1944" s="52" t="s">
        <v>2023</v>
      </c>
      <c r="E1944" s="52" t="s">
        <v>26</v>
      </c>
      <c r="F1944" s="52" t="s">
        <v>81</v>
      </c>
      <c r="G1944" s="52" t="s">
        <v>82</v>
      </c>
      <c r="H1944" s="4">
        <v>1</v>
      </c>
      <c r="I1944" s="2">
        <v>14.65</v>
      </c>
      <c r="J1944" s="52" t="s">
        <v>5584</v>
      </c>
      <c r="K1944" s="71" t="s">
        <v>5681</v>
      </c>
      <c r="L1944" s="52" t="s">
        <v>2063</v>
      </c>
      <c r="M1944" s="72">
        <v>6044</v>
      </c>
      <c r="N1944" s="52"/>
      <c r="O1944" s="52"/>
      <c r="P1944" s="52"/>
      <c r="Q1944" s="52"/>
      <c r="R1944" s="52"/>
      <c r="S1944" s="52"/>
      <c r="T1944" s="52"/>
      <c r="U1944" s="52"/>
      <c r="V1944" s="52"/>
      <c r="W1944" s="52"/>
    </row>
    <row r="1945" spans="1:23" x14ac:dyDescent="0.35">
      <c r="A1945" s="52" t="s">
        <v>78</v>
      </c>
      <c r="B1945" s="52" t="s">
        <v>79</v>
      </c>
      <c r="C1945" s="3">
        <v>20</v>
      </c>
      <c r="D1945" s="52" t="s">
        <v>2023</v>
      </c>
      <c r="E1945" s="52" t="s">
        <v>26</v>
      </c>
      <c r="F1945" s="52" t="s">
        <v>81</v>
      </c>
      <c r="G1945" s="52" t="s">
        <v>82</v>
      </c>
      <c r="H1945" s="4">
        <v>1</v>
      </c>
      <c r="I1945" s="2">
        <v>14.65</v>
      </c>
      <c r="J1945" s="52" t="s">
        <v>5522</v>
      </c>
      <c r="K1945" s="71" t="s">
        <v>5682</v>
      </c>
      <c r="L1945" s="52" t="s">
        <v>2063</v>
      </c>
      <c r="M1945" s="72">
        <v>9669</v>
      </c>
      <c r="N1945" s="52" t="s">
        <v>2259</v>
      </c>
      <c r="O1945" s="52" t="s">
        <v>2260</v>
      </c>
      <c r="P1945" s="52"/>
      <c r="Q1945" s="52"/>
      <c r="R1945" s="52"/>
      <c r="S1945" s="52"/>
      <c r="T1945" s="52"/>
      <c r="U1945" s="52"/>
      <c r="V1945" s="52"/>
      <c r="W1945" s="52"/>
    </row>
    <row r="1946" spans="1:23" hidden="1" x14ac:dyDescent="0.35">
      <c r="A1946" s="52" t="s">
        <v>78</v>
      </c>
      <c r="B1946" s="52" t="s">
        <v>79</v>
      </c>
      <c r="C1946" s="3">
        <v>20</v>
      </c>
      <c r="D1946" s="52" t="s">
        <v>80</v>
      </c>
      <c r="E1946" s="52" t="s">
        <v>26</v>
      </c>
      <c r="F1946" s="52" t="s">
        <v>81</v>
      </c>
      <c r="G1946" s="52" t="s">
        <v>82</v>
      </c>
      <c r="H1946" s="4">
        <v>1</v>
      </c>
      <c r="I1946" s="2">
        <v>14.65</v>
      </c>
      <c r="J1946" s="52" t="s">
        <v>5683</v>
      </c>
      <c r="K1946" s="71" t="s">
        <v>5684</v>
      </c>
      <c r="L1946" s="52" t="s">
        <v>2063</v>
      </c>
      <c r="M1946" s="72">
        <v>313</v>
      </c>
      <c r="N1946" s="52" t="s">
        <v>2072</v>
      </c>
      <c r="O1946" s="52" t="s">
        <v>2073</v>
      </c>
      <c r="P1946" s="52"/>
      <c r="Q1946" s="52"/>
      <c r="R1946" s="52"/>
      <c r="S1946" s="52"/>
      <c r="T1946" s="52"/>
      <c r="U1946" s="52"/>
      <c r="V1946" s="52"/>
      <c r="W1946" s="52"/>
    </row>
    <row r="1947" spans="1:23" hidden="1" x14ac:dyDescent="0.35">
      <c r="A1947" s="52" t="s">
        <v>78</v>
      </c>
      <c r="B1947" s="52" t="s">
        <v>79</v>
      </c>
      <c r="C1947" s="3">
        <v>10</v>
      </c>
      <c r="D1947" s="52" t="s">
        <v>2022</v>
      </c>
      <c r="E1947" s="52" t="s">
        <v>26</v>
      </c>
      <c r="F1947" s="52" t="s">
        <v>81</v>
      </c>
      <c r="G1947" s="52" t="s">
        <v>82</v>
      </c>
      <c r="H1947" s="4">
        <v>1</v>
      </c>
      <c r="I1947" s="2">
        <v>14.65</v>
      </c>
      <c r="J1947" s="52" t="s">
        <v>5685</v>
      </c>
      <c r="K1947" s="71" t="s">
        <v>5686</v>
      </c>
      <c r="L1947" s="52" t="s">
        <v>2063</v>
      </c>
      <c r="M1947" s="72">
        <v>7812</v>
      </c>
      <c r="N1947" s="52" t="s">
        <v>2072</v>
      </c>
      <c r="O1947" s="52" t="s">
        <v>2073</v>
      </c>
      <c r="P1947" s="52"/>
      <c r="Q1947" s="52"/>
      <c r="R1947" s="52"/>
      <c r="S1947" s="52"/>
      <c r="T1947" s="52"/>
      <c r="U1947" s="52"/>
      <c r="V1947" s="52"/>
      <c r="W1947" s="52"/>
    </row>
    <row r="1948" spans="1:23" hidden="1" x14ac:dyDescent="0.35">
      <c r="A1948" s="52" t="s">
        <v>78</v>
      </c>
      <c r="B1948" s="52" t="s">
        <v>79</v>
      </c>
      <c r="C1948" s="3">
        <v>20</v>
      </c>
      <c r="D1948" s="52" t="s">
        <v>2020</v>
      </c>
      <c r="E1948" s="52" t="s">
        <v>26</v>
      </c>
      <c r="F1948" s="52" t="s">
        <v>81</v>
      </c>
      <c r="G1948" s="52" t="s">
        <v>82</v>
      </c>
      <c r="H1948" s="4">
        <v>1</v>
      </c>
      <c r="I1948" s="2">
        <v>14.65</v>
      </c>
      <c r="J1948" s="52" t="s">
        <v>5687</v>
      </c>
      <c r="K1948" s="71" t="s">
        <v>5688</v>
      </c>
      <c r="L1948" s="52" t="s">
        <v>2063</v>
      </c>
      <c r="M1948" s="72">
        <v>9660</v>
      </c>
      <c r="N1948" s="52" t="s">
        <v>2072</v>
      </c>
      <c r="O1948" s="52" t="s">
        <v>2073</v>
      </c>
      <c r="P1948" s="52" t="s">
        <v>2259</v>
      </c>
      <c r="Q1948" s="52" t="s">
        <v>2260</v>
      </c>
      <c r="R1948" s="52"/>
      <c r="S1948" s="52"/>
      <c r="T1948" s="52"/>
      <c r="U1948" s="52"/>
      <c r="V1948" s="52"/>
      <c r="W1948" s="52"/>
    </row>
    <row r="1949" spans="1:23" hidden="1" x14ac:dyDescent="0.35">
      <c r="A1949" s="52" t="s">
        <v>78</v>
      </c>
      <c r="B1949" s="52" t="s">
        <v>79</v>
      </c>
      <c r="C1949" s="3">
        <v>20</v>
      </c>
      <c r="D1949" s="52" t="s">
        <v>2021</v>
      </c>
      <c r="E1949" s="52" t="s">
        <v>26</v>
      </c>
      <c r="F1949" s="52" t="s">
        <v>81</v>
      </c>
      <c r="G1949" s="52" t="s">
        <v>82</v>
      </c>
      <c r="H1949" s="4">
        <v>1</v>
      </c>
      <c r="I1949" s="2">
        <v>14.65</v>
      </c>
      <c r="J1949" s="52" t="s">
        <v>5689</v>
      </c>
      <c r="K1949" s="71" t="s">
        <v>5690</v>
      </c>
      <c r="L1949" s="52" t="s">
        <v>2063</v>
      </c>
      <c r="M1949" s="72">
        <v>8340</v>
      </c>
      <c r="N1949" s="52" t="s">
        <v>2072</v>
      </c>
      <c r="O1949" s="52" t="s">
        <v>2073</v>
      </c>
      <c r="P1949" s="52"/>
      <c r="Q1949" s="52"/>
      <c r="R1949" s="52"/>
      <c r="S1949" s="52"/>
      <c r="T1949" s="52"/>
      <c r="U1949" s="52"/>
      <c r="V1949" s="52"/>
      <c r="W1949" s="52"/>
    </row>
    <row r="1950" spans="1:23" x14ac:dyDescent="0.35">
      <c r="A1950" s="52" t="s">
        <v>78</v>
      </c>
      <c r="B1950" s="52" t="s">
        <v>79</v>
      </c>
      <c r="C1950" s="3">
        <v>10</v>
      </c>
      <c r="D1950" s="52" t="s">
        <v>86</v>
      </c>
      <c r="E1950" s="52" t="s">
        <v>26</v>
      </c>
      <c r="F1950" s="52" t="s">
        <v>81</v>
      </c>
      <c r="G1950" s="52" t="s">
        <v>82</v>
      </c>
      <c r="H1950" s="4">
        <v>1</v>
      </c>
      <c r="I1950" s="2">
        <v>14.65</v>
      </c>
      <c r="J1950" s="52" t="s">
        <v>5691</v>
      </c>
      <c r="K1950" s="71" t="s">
        <v>5692</v>
      </c>
      <c r="L1950" s="52" t="s">
        <v>2063</v>
      </c>
      <c r="M1950" s="72">
        <v>3902</v>
      </c>
      <c r="N1950" s="52" t="s">
        <v>2259</v>
      </c>
      <c r="O1950" s="52" t="s">
        <v>2260</v>
      </c>
      <c r="P1950" s="52"/>
      <c r="Q1950" s="52"/>
      <c r="R1950" s="52"/>
      <c r="S1950" s="52"/>
      <c r="T1950" s="52"/>
      <c r="U1950" s="52"/>
      <c r="V1950" s="52"/>
      <c r="W1950" s="52"/>
    </row>
    <row r="1951" spans="1:23" hidden="1" x14ac:dyDescent="0.35">
      <c r="A1951" s="52" t="s">
        <v>78</v>
      </c>
      <c r="B1951" s="52" t="s">
        <v>79</v>
      </c>
      <c r="C1951" s="3">
        <v>10</v>
      </c>
      <c r="D1951" s="52" t="s">
        <v>2021</v>
      </c>
      <c r="E1951" s="52" t="s">
        <v>26</v>
      </c>
      <c r="F1951" s="52" t="s">
        <v>81</v>
      </c>
      <c r="G1951" s="52" t="s">
        <v>82</v>
      </c>
      <c r="H1951" s="4">
        <v>1</v>
      </c>
      <c r="I1951" s="2">
        <v>14.65</v>
      </c>
      <c r="J1951" s="52" t="s">
        <v>5693</v>
      </c>
      <c r="K1951" s="71" t="s">
        <v>5694</v>
      </c>
      <c r="L1951" s="52" t="s">
        <v>2063</v>
      </c>
      <c r="M1951" s="72">
        <v>4207</v>
      </c>
      <c r="N1951" s="52" t="s">
        <v>2158</v>
      </c>
      <c r="O1951" s="52" t="s">
        <v>2159</v>
      </c>
      <c r="P1951" s="52"/>
      <c r="Q1951" s="52"/>
      <c r="R1951" s="52"/>
      <c r="S1951" s="52"/>
      <c r="T1951" s="52"/>
      <c r="U1951" s="52"/>
      <c r="V1951" s="52"/>
      <c r="W1951" s="52"/>
    </row>
    <row r="1952" spans="1:23" hidden="1" x14ac:dyDescent="0.35">
      <c r="A1952" s="52" t="s">
        <v>78</v>
      </c>
      <c r="B1952" s="52" t="s">
        <v>79</v>
      </c>
      <c r="C1952" s="3">
        <v>10</v>
      </c>
      <c r="D1952" s="52" t="s">
        <v>2019</v>
      </c>
      <c r="E1952" s="52" t="s">
        <v>26</v>
      </c>
      <c r="F1952" s="52" t="s">
        <v>81</v>
      </c>
      <c r="G1952" s="52" t="s">
        <v>82</v>
      </c>
      <c r="H1952" s="4">
        <v>1</v>
      </c>
      <c r="I1952" s="2">
        <v>14.65</v>
      </c>
      <c r="J1952" s="52" t="s">
        <v>5695</v>
      </c>
      <c r="K1952" s="71" t="s">
        <v>5696</v>
      </c>
      <c r="L1952" s="52" t="s">
        <v>2063</v>
      </c>
      <c r="M1952" s="72">
        <v>4019</v>
      </c>
      <c r="N1952" s="52" t="s">
        <v>2072</v>
      </c>
      <c r="O1952" s="52" t="s">
        <v>2073</v>
      </c>
      <c r="P1952" s="52"/>
      <c r="Q1952" s="52"/>
      <c r="R1952" s="52"/>
      <c r="S1952" s="52"/>
      <c r="T1952" s="52"/>
      <c r="U1952" s="52"/>
      <c r="V1952" s="52"/>
      <c r="W1952" s="52"/>
    </row>
    <row r="1953" spans="1:23" hidden="1" x14ac:dyDescent="0.35">
      <c r="A1953" s="52" t="s">
        <v>78</v>
      </c>
      <c r="B1953" s="52" t="s">
        <v>79</v>
      </c>
      <c r="C1953" s="3">
        <v>10</v>
      </c>
      <c r="D1953" s="52" t="s">
        <v>87</v>
      </c>
      <c r="E1953" s="52" t="s">
        <v>26</v>
      </c>
      <c r="F1953" s="52" t="s">
        <v>81</v>
      </c>
      <c r="G1953" s="52" t="s">
        <v>82</v>
      </c>
      <c r="H1953" s="4">
        <v>1</v>
      </c>
      <c r="I1953" s="2">
        <v>14.65</v>
      </c>
      <c r="J1953" s="52" t="s">
        <v>5697</v>
      </c>
      <c r="K1953" s="71" t="s">
        <v>5698</v>
      </c>
      <c r="L1953" s="52" t="s">
        <v>2063</v>
      </c>
      <c r="M1953" s="72">
        <v>4807</v>
      </c>
      <c r="N1953" s="52"/>
      <c r="O1953" s="52"/>
      <c r="P1953" s="52"/>
      <c r="Q1953" s="52"/>
      <c r="R1953" s="52"/>
      <c r="S1953" s="52"/>
      <c r="T1953" s="52"/>
      <c r="U1953" s="52"/>
      <c r="V1953" s="52"/>
      <c r="W1953" s="52"/>
    </row>
    <row r="1954" spans="1:23" hidden="1" x14ac:dyDescent="0.35">
      <c r="A1954" s="52" t="s">
        <v>78</v>
      </c>
      <c r="B1954" s="52" t="s">
        <v>79</v>
      </c>
      <c r="C1954" s="3">
        <v>211</v>
      </c>
      <c r="D1954" s="52" t="s">
        <v>2024</v>
      </c>
      <c r="E1954" s="52" t="s">
        <v>26</v>
      </c>
      <c r="F1954" s="52" t="s">
        <v>81</v>
      </c>
      <c r="G1954" s="52" t="s">
        <v>82</v>
      </c>
      <c r="H1954" s="4">
        <v>1</v>
      </c>
      <c r="I1954" s="2">
        <v>14.65</v>
      </c>
      <c r="J1954" s="52" t="s">
        <v>5673</v>
      </c>
      <c r="K1954" s="71" t="s">
        <v>5699</v>
      </c>
      <c r="L1954" s="52" t="s">
        <v>2063</v>
      </c>
      <c r="M1954" s="72">
        <v>3675</v>
      </c>
      <c r="N1954" s="52" t="s">
        <v>2158</v>
      </c>
      <c r="O1954" s="52" t="s">
        <v>2159</v>
      </c>
      <c r="P1954" s="52"/>
      <c r="Q1954" s="52"/>
      <c r="R1954" s="52"/>
      <c r="S1954" s="52"/>
      <c r="T1954" s="52"/>
      <c r="U1954" s="52"/>
      <c r="V1954" s="52"/>
      <c r="W1954" s="52"/>
    </row>
    <row r="1955" spans="1:23" hidden="1" x14ac:dyDescent="0.35">
      <c r="A1955" s="52" t="s">
        <v>78</v>
      </c>
      <c r="B1955" s="52" t="s">
        <v>79</v>
      </c>
      <c r="C1955" s="3">
        <v>211</v>
      </c>
      <c r="D1955" s="52" t="s">
        <v>2020</v>
      </c>
      <c r="E1955" s="52" t="s">
        <v>26</v>
      </c>
      <c r="F1955" s="52" t="s">
        <v>81</v>
      </c>
      <c r="G1955" s="52" t="s">
        <v>82</v>
      </c>
      <c r="H1955" s="4">
        <v>1</v>
      </c>
      <c r="I1955" s="2">
        <v>14.65</v>
      </c>
      <c r="J1955" s="52" t="s">
        <v>5700</v>
      </c>
      <c r="K1955" s="71" t="s">
        <v>5701</v>
      </c>
      <c r="L1955" s="52" t="s">
        <v>2063</v>
      </c>
      <c r="M1955" s="72">
        <v>9466</v>
      </c>
      <c r="N1955" s="52" t="s">
        <v>2066</v>
      </c>
      <c r="O1955" s="52" t="s">
        <v>2067</v>
      </c>
      <c r="P1955" s="52"/>
      <c r="Q1955" s="52"/>
      <c r="R1955" s="52"/>
      <c r="S1955" s="52"/>
      <c r="T1955" s="52"/>
      <c r="U1955" s="52"/>
      <c r="V1955" s="52"/>
      <c r="W1955" s="52"/>
    </row>
    <row r="1956" spans="1:23" hidden="1" x14ac:dyDescent="0.35">
      <c r="A1956" s="52" t="s">
        <v>78</v>
      </c>
      <c r="B1956" s="52" t="s">
        <v>79</v>
      </c>
      <c r="C1956" s="3">
        <v>211</v>
      </c>
      <c r="D1956" s="52" t="s">
        <v>86</v>
      </c>
      <c r="E1956" s="52" t="s">
        <v>26</v>
      </c>
      <c r="F1956" s="52" t="s">
        <v>81</v>
      </c>
      <c r="G1956" s="52" t="s">
        <v>82</v>
      </c>
      <c r="H1956" s="4">
        <v>1</v>
      </c>
      <c r="I1956" s="2">
        <v>14.65</v>
      </c>
      <c r="J1956" s="52" t="s">
        <v>5702</v>
      </c>
      <c r="K1956" s="71" t="s">
        <v>5703</v>
      </c>
      <c r="L1956" s="52" t="s">
        <v>2063</v>
      </c>
      <c r="M1956" s="72">
        <v>3992</v>
      </c>
      <c r="N1956" s="52" t="s">
        <v>2072</v>
      </c>
      <c r="O1956" s="52" t="s">
        <v>2073</v>
      </c>
      <c r="P1956" s="52"/>
      <c r="Q1956" s="52"/>
      <c r="R1956" s="52"/>
      <c r="S1956" s="52"/>
      <c r="T1956" s="52"/>
      <c r="U1956" s="52"/>
      <c r="V1956" s="52"/>
      <c r="W1956" s="52"/>
    </row>
    <row r="1957" spans="1:23" hidden="1" x14ac:dyDescent="0.35">
      <c r="A1957" s="52" t="s">
        <v>78</v>
      </c>
      <c r="B1957" s="52" t="s">
        <v>79</v>
      </c>
      <c r="C1957" s="3">
        <v>20</v>
      </c>
      <c r="D1957" s="52" t="s">
        <v>85</v>
      </c>
      <c r="E1957" s="52" t="s">
        <v>26</v>
      </c>
      <c r="F1957" s="52" t="s">
        <v>81</v>
      </c>
      <c r="G1957" s="52" t="s">
        <v>82</v>
      </c>
      <c r="H1957" s="4">
        <v>1</v>
      </c>
      <c r="I1957" s="2">
        <v>14.65</v>
      </c>
      <c r="J1957" s="52" t="s">
        <v>5704</v>
      </c>
      <c r="K1957" s="71" t="s">
        <v>5705</v>
      </c>
      <c r="L1957" s="52" t="s">
        <v>2063</v>
      </c>
      <c r="M1957" s="72">
        <v>9836</v>
      </c>
      <c r="N1957" s="52"/>
      <c r="O1957" s="52"/>
      <c r="P1957" s="52"/>
      <c r="Q1957" s="52"/>
      <c r="R1957" s="52"/>
      <c r="S1957" s="52"/>
      <c r="T1957" s="52"/>
      <c r="U1957" s="52"/>
      <c r="V1957" s="52"/>
      <c r="W1957" s="52"/>
    </row>
    <row r="1958" spans="1:23" hidden="1" x14ac:dyDescent="0.35">
      <c r="A1958" s="52" t="s">
        <v>78</v>
      </c>
      <c r="B1958" s="52" t="s">
        <v>79</v>
      </c>
      <c r="C1958" s="3">
        <v>20</v>
      </c>
      <c r="D1958" s="52" t="s">
        <v>86</v>
      </c>
      <c r="E1958" s="52" t="s">
        <v>26</v>
      </c>
      <c r="F1958" s="52" t="s">
        <v>81</v>
      </c>
      <c r="G1958" s="52" t="s">
        <v>82</v>
      </c>
      <c r="H1958" s="4">
        <v>1</v>
      </c>
      <c r="I1958" s="2">
        <v>14.65</v>
      </c>
      <c r="J1958" s="52" t="s">
        <v>5706</v>
      </c>
      <c r="K1958" s="71" t="s">
        <v>5707</v>
      </c>
      <c r="L1958" s="52" t="s">
        <v>2063</v>
      </c>
      <c r="M1958" s="72">
        <v>7222</v>
      </c>
      <c r="N1958" s="52" t="s">
        <v>2158</v>
      </c>
      <c r="O1958" s="52" t="s">
        <v>2159</v>
      </c>
      <c r="P1958" s="52"/>
      <c r="Q1958" s="52"/>
      <c r="R1958" s="52"/>
      <c r="S1958" s="52"/>
      <c r="T1958" s="52"/>
      <c r="U1958" s="52"/>
      <c r="V1958" s="52"/>
      <c r="W1958" s="52"/>
    </row>
    <row r="1959" spans="1:23" hidden="1" x14ac:dyDescent="0.35">
      <c r="A1959" s="52" t="s">
        <v>78</v>
      </c>
      <c r="B1959" s="52" t="s">
        <v>79</v>
      </c>
      <c r="C1959" s="3">
        <v>10</v>
      </c>
      <c r="D1959" s="52" t="s">
        <v>84</v>
      </c>
      <c r="E1959" s="52" t="s">
        <v>26</v>
      </c>
      <c r="F1959" s="52" t="s">
        <v>81</v>
      </c>
      <c r="G1959" s="52" t="s">
        <v>82</v>
      </c>
      <c r="H1959" s="4">
        <v>1</v>
      </c>
      <c r="I1959" s="2">
        <v>14.65</v>
      </c>
      <c r="J1959" s="52" t="s">
        <v>5708</v>
      </c>
      <c r="K1959" s="71" t="s">
        <v>5709</v>
      </c>
      <c r="L1959" s="52" t="s">
        <v>2063</v>
      </c>
      <c r="M1959" s="72">
        <v>966</v>
      </c>
      <c r="N1959" s="52" t="s">
        <v>2072</v>
      </c>
      <c r="O1959" s="52" t="s">
        <v>2073</v>
      </c>
      <c r="P1959" s="52"/>
      <c r="Q1959" s="52"/>
      <c r="R1959" s="52"/>
      <c r="S1959" s="52"/>
      <c r="T1959" s="52"/>
      <c r="U1959" s="52"/>
      <c r="V1959" s="52"/>
      <c r="W1959" s="52"/>
    </row>
    <row r="1960" spans="1:23" x14ac:dyDescent="0.35">
      <c r="A1960" s="52" t="s">
        <v>78</v>
      </c>
      <c r="B1960" s="52" t="s">
        <v>79</v>
      </c>
      <c r="C1960" s="3">
        <v>20</v>
      </c>
      <c r="D1960" s="52" t="s">
        <v>2020</v>
      </c>
      <c r="E1960" s="52" t="s">
        <v>26</v>
      </c>
      <c r="F1960" s="52" t="s">
        <v>81</v>
      </c>
      <c r="G1960" s="52" t="s">
        <v>82</v>
      </c>
      <c r="H1960" s="4">
        <v>1</v>
      </c>
      <c r="I1960" s="2">
        <v>14.65</v>
      </c>
      <c r="J1960" s="52" t="s">
        <v>5710</v>
      </c>
      <c r="K1960" s="71" t="s">
        <v>5711</v>
      </c>
      <c r="L1960" s="52" t="s">
        <v>2063</v>
      </c>
      <c r="M1960" s="72">
        <v>2438</v>
      </c>
      <c r="N1960" s="52" t="s">
        <v>2076</v>
      </c>
      <c r="O1960" s="52" t="s">
        <v>2077</v>
      </c>
      <c r="P1960" s="52"/>
      <c r="Q1960" s="52"/>
      <c r="R1960" s="52"/>
      <c r="S1960" s="52"/>
      <c r="T1960" s="52"/>
      <c r="U1960" s="52"/>
      <c r="V1960" s="52"/>
      <c r="W1960" s="52"/>
    </row>
    <row r="1961" spans="1:23" hidden="1" x14ac:dyDescent="0.35">
      <c r="A1961" s="52" t="s">
        <v>78</v>
      </c>
      <c r="B1961" s="52" t="s">
        <v>79</v>
      </c>
      <c r="C1961" s="3">
        <v>212</v>
      </c>
      <c r="D1961" s="52" t="s">
        <v>86</v>
      </c>
      <c r="E1961" s="52" t="s">
        <v>26</v>
      </c>
      <c r="F1961" s="52" t="s">
        <v>81</v>
      </c>
      <c r="G1961" s="52" t="s">
        <v>82</v>
      </c>
      <c r="H1961" s="4">
        <v>1</v>
      </c>
      <c r="I1961" s="2">
        <v>14.65</v>
      </c>
      <c r="J1961" s="52" t="s">
        <v>5712</v>
      </c>
      <c r="K1961" s="71" t="s">
        <v>5713</v>
      </c>
      <c r="L1961" s="52" t="s">
        <v>2063</v>
      </c>
      <c r="M1961" s="72">
        <v>6145</v>
      </c>
      <c r="N1961" s="52" t="s">
        <v>2615</v>
      </c>
      <c r="O1961" s="52" t="s">
        <v>2616</v>
      </c>
      <c r="P1961" s="52"/>
      <c r="Q1961" s="52"/>
      <c r="R1961" s="52"/>
      <c r="S1961" s="52"/>
      <c r="T1961" s="52"/>
      <c r="U1961" s="52"/>
      <c r="V1961" s="52"/>
      <c r="W1961" s="52"/>
    </row>
    <row r="1962" spans="1:23" hidden="1" x14ac:dyDescent="0.35">
      <c r="A1962" s="52" t="s">
        <v>78</v>
      </c>
      <c r="B1962" s="52" t="s">
        <v>79</v>
      </c>
      <c r="C1962" s="3">
        <v>211</v>
      </c>
      <c r="D1962" s="52" t="s">
        <v>2020</v>
      </c>
      <c r="E1962" s="52" t="s">
        <v>26</v>
      </c>
      <c r="F1962" s="52" t="s">
        <v>81</v>
      </c>
      <c r="G1962" s="52" t="s">
        <v>82</v>
      </c>
      <c r="H1962" s="4">
        <v>1</v>
      </c>
      <c r="I1962" s="2">
        <v>14.65</v>
      </c>
      <c r="J1962" s="52" t="s">
        <v>5483</v>
      </c>
      <c r="K1962" s="71" t="s">
        <v>5714</v>
      </c>
      <c r="L1962" s="52" t="s">
        <v>2063</v>
      </c>
      <c r="M1962" s="72">
        <v>593</v>
      </c>
      <c r="N1962" s="52" t="s">
        <v>2066</v>
      </c>
      <c r="O1962" s="52" t="s">
        <v>2067</v>
      </c>
      <c r="P1962" s="52"/>
      <c r="Q1962" s="52"/>
      <c r="R1962" s="52"/>
      <c r="S1962" s="52"/>
      <c r="T1962" s="52"/>
      <c r="U1962" s="52"/>
      <c r="V1962" s="52"/>
      <c r="W1962" s="52"/>
    </row>
    <row r="1963" spans="1:23" hidden="1" x14ac:dyDescent="0.35">
      <c r="A1963" s="52" t="s">
        <v>78</v>
      </c>
      <c r="B1963" s="52" t="s">
        <v>79</v>
      </c>
      <c r="C1963" s="3">
        <v>10</v>
      </c>
      <c r="D1963" s="52" t="s">
        <v>2019</v>
      </c>
      <c r="E1963" s="52" t="s">
        <v>26</v>
      </c>
      <c r="F1963" s="52" t="s">
        <v>81</v>
      </c>
      <c r="G1963" s="52" t="s">
        <v>82</v>
      </c>
      <c r="H1963" s="4">
        <v>1</v>
      </c>
      <c r="I1963" s="2">
        <v>14.65</v>
      </c>
      <c r="J1963" s="52" t="s">
        <v>5715</v>
      </c>
      <c r="K1963" s="71" t="s">
        <v>5716</v>
      </c>
      <c r="L1963" s="52" t="s">
        <v>2063</v>
      </c>
      <c r="M1963" s="72">
        <v>5704</v>
      </c>
      <c r="N1963" s="52" t="s">
        <v>2072</v>
      </c>
      <c r="O1963" s="52" t="s">
        <v>2073</v>
      </c>
      <c r="P1963" s="52"/>
      <c r="Q1963" s="52"/>
      <c r="R1963" s="52"/>
      <c r="S1963" s="52"/>
      <c r="T1963" s="52"/>
      <c r="U1963" s="52"/>
      <c r="V1963" s="52"/>
      <c r="W1963" s="52"/>
    </row>
    <row r="1964" spans="1:23" hidden="1" x14ac:dyDescent="0.35">
      <c r="A1964" s="52" t="s">
        <v>78</v>
      </c>
      <c r="B1964" s="52" t="s">
        <v>79</v>
      </c>
      <c r="C1964" s="3">
        <v>10</v>
      </c>
      <c r="D1964" s="52" t="s">
        <v>2021</v>
      </c>
      <c r="E1964" s="52" t="s">
        <v>26</v>
      </c>
      <c r="F1964" s="52" t="s">
        <v>81</v>
      </c>
      <c r="G1964" s="52" t="s">
        <v>82</v>
      </c>
      <c r="H1964" s="4">
        <v>1</v>
      </c>
      <c r="I1964" s="2">
        <v>14.65</v>
      </c>
      <c r="J1964" s="52" t="s">
        <v>5717</v>
      </c>
      <c r="K1964" s="71" t="s">
        <v>5718</v>
      </c>
      <c r="L1964" s="52" t="s">
        <v>2063</v>
      </c>
      <c r="M1964" s="72">
        <v>4110</v>
      </c>
      <c r="N1964" s="52" t="s">
        <v>2066</v>
      </c>
      <c r="O1964" s="52" t="s">
        <v>2067</v>
      </c>
      <c r="P1964" s="52"/>
      <c r="Q1964" s="52"/>
      <c r="R1964" s="52"/>
      <c r="S1964" s="52"/>
      <c r="T1964" s="52"/>
      <c r="U1964" s="52"/>
      <c r="V1964" s="52"/>
      <c r="W1964" s="52"/>
    </row>
    <row r="1965" spans="1:23" hidden="1" x14ac:dyDescent="0.35">
      <c r="A1965" s="52" t="s">
        <v>78</v>
      </c>
      <c r="B1965" s="52" t="s">
        <v>79</v>
      </c>
      <c r="C1965" s="3">
        <v>10</v>
      </c>
      <c r="D1965" s="52" t="s">
        <v>80</v>
      </c>
      <c r="E1965" s="52" t="s">
        <v>26</v>
      </c>
      <c r="F1965" s="52" t="s">
        <v>81</v>
      </c>
      <c r="G1965" s="52" t="s">
        <v>82</v>
      </c>
      <c r="H1965" s="4">
        <v>1</v>
      </c>
      <c r="I1965" s="2">
        <v>14.65</v>
      </c>
      <c r="J1965" s="52" t="s">
        <v>5719</v>
      </c>
      <c r="K1965" s="71" t="s">
        <v>5720</v>
      </c>
      <c r="L1965" s="52" t="s">
        <v>2063</v>
      </c>
      <c r="M1965" s="72">
        <v>4889</v>
      </c>
      <c r="N1965" s="52"/>
      <c r="O1965" s="52"/>
      <c r="P1965" s="52"/>
      <c r="Q1965" s="52"/>
      <c r="R1965" s="52"/>
      <c r="S1965" s="52"/>
      <c r="T1965" s="52"/>
      <c r="U1965" s="52"/>
      <c r="V1965" s="52"/>
      <c r="W1965" s="52"/>
    </row>
    <row r="1966" spans="1:23" x14ac:dyDescent="0.35">
      <c r="A1966" s="52" t="s">
        <v>78</v>
      </c>
      <c r="B1966" s="52" t="s">
        <v>79</v>
      </c>
      <c r="C1966" s="3">
        <v>10</v>
      </c>
      <c r="D1966" s="52" t="s">
        <v>2020</v>
      </c>
      <c r="E1966" s="52" t="s">
        <v>26</v>
      </c>
      <c r="F1966" s="52" t="s">
        <v>81</v>
      </c>
      <c r="G1966" s="52" t="s">
        <v>82</v>
      </c>
      <c r="H1966" s="4">
        <v>1</v>
      </c>
      <c r="I1966" s="2">
        <v>14.65</v>
      </c>
      <c r="J1966" s="52" t="s">
        <v>5721</v>
      </c>
      <c r="K1966" s="71" t="s">
        <v>5722</v>
      </c>
      <c r="L1966" s="52" t="s">
        <v>2063</v>
      </c>
      <c r="M1966" s="72">
        <v>6752</v>
      </c>
      <c r="N1966" s="52" t="s">
        <v>2259</v>
      </c>
      <c r="O1966" s="52" t="s">
        <v>2260</v>
      </c>
      <c r="P1966" s="52"/>
      <c r="Q1966" s="52"/>
      <c r="R1966" s="52"/>
      <c r="S1966" s="52"/>
      <c r="T1966" s="52"/>
      <c r="U1966" s="52"/>
      <c r="V1966" s="52"/>
      <c r="W1966" s="52"/>
    </row>
    <row r="1967" spans="1:23" hidden="1" x14ac:dyDescent="0.35">
      <c r="A1967" s="52" t="s">
        <v>78</v>
      </c>
      <c r="B1967" s="52" t="s">
        <v>79</v>
      </c>
      <c r="C1967" s="3">
        <v>20</v>
      </c>
      <c r="D1967" s="52" t="s">
        <v>83</v>
      </c>
      <c r="E1967" s="52" t="s">
        <v>26</v>
      </c>
      <c r="F1967" s="52" t="s">
        <v>81</v>
      </c>
      <c r="G1967" s="52" t="s">
        <v>82</v>
      </c>
      <c r="H1967" s="4">
        <v>1</v>
      </c>
      <c r="I1967" s="2">
        <v>14.65</v>
      </c>
      <c r="J1967" s="52" t="s">
        <v>5723</v>
      </c>
      <c r="K1967" s="71" t="s">
        <v>5724</v>
      </c>
      <c r="L1967" s="52" t="s">
        <v>2063</v>
      </c>
      <c r="M1967" s="72">
        <v>7940</v>
      </c>
      <c r="N1967" s="52" t="s">
        <v>2072</v>
      </c>
      <c r="O1967" s="52" t="s">
        <v>2073</v>
      </c>
      <c r="P1967" s="52"/>
      <c r="Q1967" s="52"/>
      <c r="R1967" s="52"/>
      <c r="S1967" s="52"/>
      <c r="T1967" s="52"/>
      <c r="U1967" s="52"/>
      <c r="V1967" s="52"/>
      <c r="W1967" s="52"/>
    </row>
    <row r="1968" spans="1:23" hidden="1" x14ac:dyDescent="0.35">
      <c r="A1968" s="52" t="s">
        <v>78</v>
      </c>
      <c r="B1968" s="52" t="s">
        <v>79</v>
      </c>
      <c r="C1968" s="3">
        <v>20</v>
      </c>
      <c r="D1968" s="52" t="s">
        <v>2024</v>
      </c>
      <c r="E1968" s="52" t="s">
        <v>26</v>
      </c>
      <c r="F1968" s="52" t="s">
        <v>81</v>
      </c>
      <c r="G1968" s="52" t="s">
        <v>82</v>
      </c>
      <c r="H1968" s="4">
        <v>1</v>
      </c>
      <c r="I1968" s="2">
        <v>14.65</v>
      </c>
      <c r="J1968" s="52" t="s">
        <v>5725</v>
      </c>
      <c r="K1968" s="71" t="s">
        <v>5726</v>
      </c>
      <c r="L1968" s="52" t="s">
        <v>2063</v>
      </c>
      <c r="M1968" s="72">
        <v>8616</v>
      </c>
      <c r="N1968" s="52"/>
      <c r="O1968" s="52"/>
      <c r="P1968" s="52"/>
      <c r="Q1968" s="52"/>
      <c r="R1968" s="52"/>
      <c r="S1968" s="52"/>
      <c r="T1968" s="52"/>
      <c r="U1968" s="52"/>
      <c r="V1968" s="52"/>
      <c r="W1968" s="52"/>
    </row>
    <row r="1969" spans="1:23" hidden="1" x14ac:dyDescent="0.35">
      <c r="A1969" s="52" t="s">
        <v>78</v>
      </c>
      <c r="B1969" s="52" t="s">
        <v>79</v>
      </c>
      <c r="C1969" s="3">
        <v>20</v>
      </c>
      <c r="D1969" s="52" t="s">
        <v>2020</v>
      </c>
      <c r="E1969" s="52" t="s">
        <v>26</v>
      </c>
      <c r="F1969" s="52" t="s">
        <v>81</v>
      </c>
      <c r="G1969" s="52" t="s">
        <v>82</v>
      </c>
      <c r="H1969" s="4">
        <v>1</v>
      </c>
      <c r="I1969" s="2">
        <v>14.65</v>
      </c>
      <c r="J1969" s="52" t="s">
        <v>5727</v>
      </c>
      <c r="K1969" s="71" t="s">
        <v>5728</v>
      </c>
      <c r="L1969" s="52" t="s">
        <v>2063</v>
      </c>
      <c r="M1969" s="72">
        <v>7460</v>
      </c>
      <c r="N1969" s="52" t="s">
        <v>2072</v>
      </c>
      <c r="O1969" s="52" t="s">
        <v>2073</v>
      </c>
      <c r="P1969" s="52"/>
      <c r="Q1969" s="52"/>
      <c r="R1969" s="52"/>
      <c r="S1969" s="52"/>
      <c r="T1969" s="52"/>
      <c r="U1969" s="52"/>
      <c r="V1969" s="52"/>
      <c r="W1969" s="52"/>
    </row>
    <row r="1970" spans="1:23" hidden="1" x14ac:dyDescent="0.35">
      <c r="A1970" s="52" t="s">
        <v>78</v>
      </c>
      <c r="B1970" s="52" t="s">
        <v>79</v>
      </c>
      <c r="C1970" s="3">
        <v>10</v>
      </c>
      <c r="D1970" s="52" t="s">
        <v>2020</v>
      </c>
      <c r="E1970" s="52" t="s">
        <v>26</v>
      </c>
      <c r="F1970" s="52" t="s">
        <v>81</v>
      </c>
      <c r="G1970" s="52" t="s">
        <v>82</v>
      </c>
      <c r="H1970" s="4">
        <v>1</v>
      </c>
      <c r="I1970" s="2">
        <v>14.65</v>
      </c>
      <c r="J1970" s="52" t="s">
        <v>5729</v>
      </c>
      <c r="K1970" s="71" t="s">
        <v>5730</v>
      </c>
      <c r="L1970" s="52" t="s">
        <v>2063</v>
      </c>
      <c r="M1970" s="72">
        <v>9280</v>
      </c>
      <c r="N1970" s="52" t="s">
        <v>2072</v>
      </c>
      <c r="O1970" s="52" t="s">
        <v>2073</v>
      </c>
      <c r="P1970" s="52"/>
      <c r="Q1970" s="52"/>
      <c r="R1970" s="52"/>
      <c r="S1970" s="52"/>
      <c r="T1970" s="52"/>
      <c r="U1970" s="52"/>
      <c r="V1970" s="52"/>
      <c r="W1970" s="52"/>
    </row>
    <row r="1971" spans="1:23" x14ac:dyDescent="0.35">
      <c r="A1971" s="52" t="s">
        <v>78</v>
      </c>
      <c r="B1971" s="52" t="s">
        <v>79</v>
      </c>
      <c r="C1971" s="3">
        <v>10</v>
      </c>
      <c r="D1971" s="52" t="s">
        <v>87</v>
      </c>
      <c r="E1971" s="52" t="s">
        <v>26</v>
      </c>
      <c r="F1971" s="52" t="s">
        <v>81</v>
      </c>
      <c r="G1971" s="52" t="s">
        <v>82</v>
      </c>
      <c r="H1971" s="4">
        <v>1</v>
      </c>
      <c r="I1971" s="2">
        <v>14.65</v>
      </c>
      <c r="J1971" s="52" t="s">
        <v>5731</v>
      </c>
      <c r="K1971" s="71" t="s">
        <v>5732</v>
      </c>
      <c r="L1971" s="52" t="s">
        <v>2063</v>
      </c>
      <c r="M1971" s="72">
        <v>1811</v>
      </c>
      <c r="N1971" s="52" t="s">
        <v>2259</v>
      </c>
      <c r="O1971" s="52" t="s">
        <v>2260</v>
      </c>
      <c r="P1971" s="52"/>
      <c r="Q1971" s="52"/>
      <c r="R1971" s="52"/>
      <c r="S1971" s="52"/>
      <c r="T1971" s="52"/>
      <c r="U1971" s="52"/>
      <c r="V1971" s="52"/>
      <c r="W1971" s="52"/>
    </row>
    <row r="1972" spans="1:23" hidden="1" x14ac:dyDescent="0.35">
      <c r="A1972" s="52" t="s">
        <v>78</v>
      </c>
      <c r="B1972" s="52" t="s">
        <v>79</v>
      </c>
      <c r="C1972" s="3">
        <v>20</v>
      </c>
      <c r="D1972" s="52" t="s">
        <v>2022</v>
      </c>
      <c r="E1972" s="52" t="s">
        <v>26</v>
      </c>
      <c r="F1972" s="52" t="s">
        <v>81</v>
      </c>
      <c r="G1972" s="52" t="s">
        <v>82</v>
      </c>
      <c r="H1972" s="4">
        <v>1</v>
      </c>
      <c r="I1972" s="2">
        <v>14.65</v>
      </c>
      <c r="J1972" s="52" t="s">
        <v>5733</v>
      </c>
      <c r="K1972" s="71" t="s">
        <v>5734</v>
      </c>
      <c r="L1972" s="52" t="s">
        <v>2063</v>
      </c>
      <c r="M1972" s="72">
        <v>1019</v>
      </c>
      <c r="N1972" s="52" t="s">
        <v>2072</v>
      </c>
      <c r="O1972" s="52" t="s">
        <v>2073</v>
      </c>
      <c r="P1972" s="52"/>
      <c r="Q1972" s="52"/>
      <c r="R1972" s="52"/>
      <c r="S1972" s="52"/>
      <c r="T1972" s="52"/>
      <c r="U1972" s="52"/>
      <c r="V1972" s="52"/>
      <c r="W1972" s="52"/>
    </row>
    <row r="1973" spans="1:23" hidden="1" x14ac:dyDescent="0.35">
      <c r="A1973" s="52" t="s">
        <v>78</v>
      </c>
      <c r="B1973" s="52" t="s">
        <v>79</v>
      </c>
      <c r="C1973" s="3">
        <v>10</v>
      </c>
      <c r="D1973" s="52" t="s">
        <v>2023</v>
      </c>
      <c r="E1973" s="52" t="s">
        <v>26</v>
      </c>
      <c r="F1973" s="52" t="s">
        <v>81</v>
      </c>
      <c r="G1973" s="52" t="s">
        <v>82</v>
      </c>
      <c r="H1973" s="4">
        <v>1</v>
      </c>
      <c r="I1973" s="2">
        <v>14.65</v>
      </c>
      <c r="J1973" s="52" t="s">
        <v>5691</v>
      </c>
      <c r="K1973" s="71" t="s">
        <v>5735</v>
      </c>
      <c r="L1973" s="52" t="s">
        <v>2063</v>
      </c>
      <c r="M1973" s="72">
        <v>1707</v>
      </c>
      <c r="N1973" s="52" t="s">
        <v>2072</v>
      </c>
      <c r="O1973" s="52" t="s">
        <v>2073</v>
      </c>
      <c r="P1973" s="52"/>
      <c r="Q1973" s="52"/>
      <c r="R1973" s="52"/>
      <c r="S1973" s="52"/>
      <c r="T1973" s="52"/>
      <c r="U1973" s="52"/>
      <c r="V1973" s="52"/>
      <c r="W1973" s="52"/>
    </row>
    <row r="1974" spans="1:23" x14ac:dyDescent="0.35">
      <c r="A1974" s="52" t="s">
        <v>78</v>
      </c>
      <c r="B1974" s="52" t="s">
        <v>79</v>
      </c>
      <c r="C1974" s="3">
        <v>10</v>
      </c>
      <c r="D1974" s="52" t="s">
        <v>2020</v>
      </c>
      <c r="E1974" s="52" t="s">
        <v>26</v>
      </c>
      <c r="F1974" s="52" t="s">
        <v>81</v>
      </c>
      <c r="G1974" s="52" t="s">
        <v>82</v>
      </c>
      <c r="H1974" s="4">
        <v>1</v>
      </c>
      <c r="I1974" s="2">
        <v>14.65</v>
      </c>
      <c r="J1974" s="52" t="s">
        <v>5736</v>
      </c>
      <c r="K1974" s="71" t="s">
        <v>5737</v>
      </c>
      <c r="L1974" s="52" t="s">
        <v>2063</v>
      </c>
      <c r="M1974" s="72">
        <v>2274</v>
      </c>
      <c r="N1974" s="52" t="s">
        <v>2076</v>
      </c>
      <c r="O1974" s="52" t="s">
        <v>2077</v>
      </c>
      <c r="P1974" s="52"/>
      <c r="Q1974" s="52"/>
      <c r="R1974" s="52"/>
      <c r="S1974" s="52"/>
      <c r="T1974" s="52"/>
      <c r="U1974" s="52"/>
      <c r="V1974" s="52"/>
      <c r="W1974" s="52"/>
    </row>
    <row r="1975" spans="1:23" hidden="1" x14ac:dyDescent="0.35">
      <c r="A1975" s="52" t="s">
        <v>78</v>
      </c>
      <c r="B1975" s="52" t="s">
        <v>79</v>
      </c>
      <c r="C1975" s="3">
        <v>10</v>
      </c>
      <c r="D1975" s="52" t="s">
        <v>2019</v>
      </c>
      <c r="E1975" s="52" t="s">
        <v>26</v>
      </c>
      <c r="F1975" s="52" t="s">
        <v>81</v>
      </c>
      <c r="G1975" s="52" t="s">
        <v>82</v>
      </c>
      <c r="H1975" s="4">
        <v>1</v>
      </c>
      <c r="I1975" s="2">
        <v>14.65</v>
      </c>
      <c r="J1975" s="52" t="s">
        <v>5738</v>
      </c>
      <c r="K1975" s="71" t="s">
        <v>5739</v>
      </c>
      <c r="L1975" s="52" t="s">
        <v>2063</v>
      </c>
      <c r="M1975" s="72">
        <v>6182</v>
      </c>
      <c r="N1975" s="52" t="s">
        <v>2072</v>
      </c>
      <c r="O1975" s="52" t="s">
        <v>2073</v>
      </c>
      <c r="P1975" s="52"/>
      <c r="Q1975" s="52"/>
      <c r="R1975" s="52"/>
      <c r="S1975" s="52"/>
      <c r="T1975" s="52"/>
      <c r="U1975" s="52"/>
      <c r="V1975" s="52"/>
      <c r="W1975" s="52"/>
    </row>
    <row r="1976" spans="1:23" hidden="1" x14ac:dyDescent="0.35">
      <c r="A1976" s="52" t="s">
        <v>78</v>
      </c>
      <c r="B1976" s="52" t="s">
        <v>79</v>
      </c>
      <c r="C1976" s="3">
        <v>20</v>
      </c>
      <c r="D1976" s="52" t="s">
        <v>86</v>
      </c>
      <c r="E1976" s="52" t="s">
        <v>26</v>
      </c>
      <c r="F1976" s="52" t="s">
        <v>81</v>
      </c>
      <c r="G1976" s="52" t="s">
        <v>82</v>
      </c>
      <c r="H1976" s="4">
        <v>1</v>
      </c>
      <c r="I1976" s="2">
        <v>14.65</v>
      </c>
      <c r="J1976" s="52" t="s">
        <v>5740</v>
      </c>
      <c r="K1976" s="71" t="s">
        <v>5741</v>
      </c>
      <c r="L1976" s="52" t="s">
        <v>2063</v>
      </c>
      <c r="M1976" s="72">
        <v>4746</v>
      </c>
      <c r="N1976" s="52" t="s">
        <v>2072</v>
      </c>
      <c r="O1976" s="52" t="s">
        <v>2073</v>
      </c>
      <c r="P1976" s="52"/>
      <c r="Q1976" s="52"/>
      <c r="R1976" s="52"/>
      <c r="S1976" s="52"/>
      <c r="T1976" s="52"/>
      <c r="U1976" s="52"/>
      <c r="V1976" s="52"/>
      <c r="W1976" s="52"/>
    </row>
    <row r="1977" spans="1:23" hidden="1" x14ac:dyDescent="0.35">
      <c r="A1977" s="52" t="s">
        <v>78</v>
      </c>
      <c r="B1977" s="52" t="s">
        <v>79</v>
      </c>
      <c r="C1977" s="3">
        <v>10</v>
      </c>
      <c r="D1977" s="52" t="s">
        <v>86</v>
      </c>
      <c r="E1977" s="52" t="s">
        <v>26</v>
      </c>
      <c r="F1977" s="52" t="s">
        <v>81</v>
      </c>
      <c r="G1977" s="52" t="s">
        <v>82</v>
      </c>
      <c r="H1977" s="4">
        <v>1</v>
      </c>
      <c r="I1977" s="2">
        <v>14.65</v>
      </c>
      <c r="J1977" s="52" t="s">
        <v>5742</v>
      </c>
      <c r="K1977" s="71" t="s">
        <v>5743</v>
      </c>
      <c r="L1977" s="52" t="s">
        <v>2063</v>
      </c>
      <c r="M1977" s="72">
        <v>8292</v>
      </c>
      <c r="N1977" s="52" t="s">
        <v>2072</v>
      </c>
      <c r="O1977" s="52" t="s">
        <v>2073</v>
      </c>
      <c r="P1977" s="52"/>
      <c r="Q1977" s="52"/>
      <c r="R1977" s="52"/>
      <c r="S1977" s="52"/>
      <c r="T1977" s="52"/>
      <c r="U1977" s="52"/>
      <c r="V1977" s="52"/>
      <c r="W1977" s="52"/>
    </row>
    <row r="1978" spans="1:23" hidden="1" x14ac:dyDescent="0.35">
      <c r="A1978" s="52" t="s">
        <v>78</v>
      </c>
      <c r="B1978" s="52" t="s">
        <v>79</v>
      </c>
      <c r="C1978" s="3">
        <v>211</v>
      </c>
      <c r="D1978" s="52" t="s">
        <v>80</v>
      </c>
      <c r="E1978" s="52" t="s">
        <v>26</v>
      </c>
      <c r="F1978" s="52" t="s">
        <v>81</v>
      </c>
      <c r="G1978" s="52" t="s">
        <v>82</v>
      </c>
      <c r="H1978" s="4">
        <v>1</v>
      </c>
      <c r="I1978" s="2">
        <v>14.65</v>
      </c>
      <c r="J1978" s="52" t="s">
        <v>5744</v>
      </c>
      <c r="K1978" s="71" t="s">
        <v>5745</v>
      </c>
      <c r="L1978" s="52" t="s">
        <v>2063</v>
      </c>
      <c r="M1978" s="72">
        <v>3405</v>
      </c>
      <c r="N1978" s="52" t="s">
        <v>2066</v>
      </c>
      <c r="O1978" s="52" t="s">
        <v>2067</v>
      </c>
      <c r="P1978" s="52"/>
      <c r="Q1978" s="52"/>
      <c r="R1978" s="52"/>
      <c r="S1978" s="52"/>
      <c r="T1978" s="52"/>
      <c r="U1978" s="52"/>
      <c r="V1978" s="52"/>
      <c r="W1978" s="52"/>
    </row>
    <row r="1979" spans="1:23" hidden="1" x14ac:dyDescent="0.35">
      <c r="A1979" s="52" t="s">
        <v>78</v>
      </c>
      <c r="B1979" s="52" t="s">
        <v>79</v>
      </c>
      <c r="C1979" s="3">
        <v>20</v>
      </c>
      <c r="D1979" s="52" t="s">
        <v>84</v>
      </c>
      <c r="E1979" s="52" t="s">
        <v>26</v>
      </c>
      <c r="F1979" s="52" t="s">
        <v>81</v>
      </c>
      <c r="G1979" s="52" t="s">
        <v>82</v>
      </c>
      <c r="H1979" s="4">
        <v>1</v>
      </c>
      <c r="I1979" s="2">
        <v>14.65</v>
      </c>
      <c r="J1979" s="52" t="s">
        <v>5746</v>
      </c>
      <c r="K1979" s="71" t="s">
        <v>5747</v>
      </c>
      <c r="L1979" s="52" t="s">
        <v>2063</v>
      </c>
      <c r="M1979" s="72">
        <v>8220</v>
      </c>
      <c r="N1979" s="52" t="s">
        <v>2072</v>
      </c>
      <c r="O1979" s="52" t="s">
        <v>2073</v>
      </c>
      <c r="P1979" s="52"/>
      <c r="Q1979" s="52"/>
      <c r="R1979" s="52"/>
      <c r="S1979" s="52"/>
      <c r="T1979" s="52"/>
      <c r="U1979" s="52"/>
      <c r="V1979" s="52"/>
      <c r="W1979" s="52"/>
    </row>
    <row r="1980" spans="1:23" hidden="1" x14ac:dyDescent="0.35">
      <c r="A1980" s="52" t="s">
        <v>78</v>
      </c>
      <c r="B1980" s="52" t="s">
        <v>79</v>
      </c>
      <c r="C1980" s="3">
        <v>10</v>
      </c>
      <c r="D1980" s="52" t="s">
        <v>2019</v>
      </c>
      <c r="E1980" s="52" t="s">
        <v>26</v>
      </c>
      <c r="F1980" s="52" t="s">
        <v>81</v>
      </c>
      <c r="G1980" s="52" t="s">
        <v>82</v>
      </c>
      <c r="H1980" s="4">
        <v>1</v>
      </c>
      <c r="I1980" s="2">
        <v>14.65</v>
      </c>
      <c r="J1980" s="52" t="s">
        <v>5748</v>
      </c>
      <c r="K1980" s="71" t="s">
        <v>5749</v>
      </c>
      <c r="L1980" s="52" t="s">
        <v>2063</v>
      </c>
      <c r="M1980" s="72">
        <v>1403</v>
      </c>
      <c r="N1980" s="52" t="s">
        <v>2072</v>
      </c>
      <c r="O1980" s="52" t="s">
        <v>2073</v>
      </c>
      <c r="P1980" s="52"/>
      <c r="Q1980" s="52"/>
      <c r="R1980" s="52"/>
      <c r="S1980" s="52"/>
      <c r="T1980" s="52"/>
      <c r="U1980" s="52"/>
      <c r="V1980" s="52"/>
      <c r="W1980" s="52"/>
    </row>
    <row r="1981" spans="1:23" hidden="1" x14ac:dyDescent="0.35">
      <c r="A1981" s="52" t="s">
        <v>78</v>
      </c>
      <c r="B1981" s="52" t="s">
        <v>79</v>
      </c>
      <c r="C1981" s="3">
        <v>10</v>
      </c>
      <c r="D1981" s="52" t="s">
        <v>84</v>
      </c>
      <c r="E1981" s="52" t="s">
        <v>26</v>
      </c>
      <c r="F1981" s="52" t="s">
        <v>81</v>
      </c>
      <c r="G1981" s="52" t="s">
        <v>82</v>
      </c>
      <c r="H1981" s="4">
        <v>1</v>
      </c>
      <c r="I1981" s="2">
        <v>14.65</v>
      </c>
      <c r="J1981" s="52" t="s">
        <v>5661</v>
      </c>
      <c r="K1981" s="71" t="s">
        <v>5750</v>
      </c>
      <c r="L1981" s="52" t="s">
        <v>2063</v>
      </c>
      <c r="M1981" s="72">
        <v>6515</v>
      </c>
      <c r="N1981" s="52" t="s">
        <v>2072</v>
      </c>
      <c r="O1981" s="52" t="s">
        <v>2073</v>
      </c>
      <c r="P1981" s="52"/>
      <c r="Q1981" s="52"/>
      <c r="R1981" s="52"/>
      <c r="S1981" s="52"/>
      <c r="T1981" s="52"/>
      <c r="U1981" s="52"/>
      <c r="V1981" s="52"/>
      <c r="W1981" s="52"/>
    </row>
    <row r="1982" spans="1:23" hidden="1" x14ac:dyDescent="0.35">
      <c r="A1982" s="52" t="s">
        <v>78</v>
      </c>
      <c r="B1982" s="52" t="s">
        <v>79</v>
      </c>
      <c r="C1982" s="3">
        <v>20</v>
      </c>
      <c r="D1982" s="52" t="s">
        <v>85</v>
      </c>
      <c r="E1982" s="52" t="s">
        <v>26</v>
      </c>
      <c r="F1982" s="52" t="s">
        <v>81</v>
      </c>
      <c r="G1982" s="52" t="s">
        <v>82</v>
      </c>
      <c r="H1982" s="4">
        <v>1</v>
      </c>
      <c r="I1982" s="2">
        <v>14.65</v>
      </c>
      <c r="J1982" s="52" t="s">
        <v>5751</v>
      </c>
      <c r="K1982" s="71" t="s">
        <v>5752</v>
      </c>
      <c r="L1982" s="52" t="s">
        <v>2063</v>
      </c>
      <c r="M1982" s="72">
        <v>7140</v>
      </c>
      <c r="N1982" s="52" t="s">
        <v>2066</v>
      </c>
      <c r="O1982" s="52" t="s">
        <v>2067</v>
      </c>
      <c r="P1982" s="52"/>
      <c r="Q1982" s="52"/>
      <c r="R1982" s="52"/>
      <c r="S1982" s="52"/>
      <c r="T1982" s="52"/>
      <c r="U1982" s="52"/>
      <c r="V1982" s="52"/>
      <c r="W1982" s="52"/>
    </row>
    <row r="1983" spans="1:23" hidden="1" x14ac:dyDescent="0.35">
      <c r="A1983" s="52" t="s">
        <v>78</v>
      </c>
      <c r="B1983" s="52" t="s">
        <v>79</v>
      </c>
      <c r="C1983" s="3">
        <v>10</v>
      </c>
      <c r="D1983" s="52" t="s">
        <v>85</v>
      </c>
      <c r="E1983" s="52" t="s">
        <v>26</v>
      </c>
      <c r="F1983" s="52" t="s">
        <v>81</v>
      </c>
      <c r="G1983" s="52" t="s">
        <v>82</v>
      </c>
      <c r="H1983" s="4">
        <v>1</v>
      </c>
      <c r="I1983" s="2">
        <v>14.65</v>
      </c>
      <c r="J1983" s="52" t="s">
        <v>5076</v>
      </c>
      <c r="K1983" s="71" t="s">
        <v>5753</v>
      </c>
      <c r="L1983" s="52" t="s">
        <v>2063</v>
      </c>
      <c r="M1983" s="72">
        <v>42</v>
      </c>
      <c r="N1983" s="52" t="s">
        <v>2154</v>
      </c>
      <c r="O1983" s="52" t="s">
        <v>2155</v>
      </c>
      <c r="P1983" s="52"/>
      <c r="Q1983" s="52"/>
      <c r="R1983" s="52"/>
      <c r="S1983" s="52"/>
      <c r="T1983" s="52"/>
      <c r="U1983" s="52"/>
      <c r="V1983" s="52"/>
      <c r="W1983" s="52"/>
    </row>
    <row r="1984" spans="1:23" hidden="1" x14ac:dyDescent="0.35">
      <c r="A1984" s="52" t="s">
        <v>78</v>
      </c>
      <c r="B1984" s="52" t="s">
        <v>79</v>
      </c>
      <c r="C1984" s="3">
        <v>211</v>
      </c>
      <c r="D1984" s="52" t="s">
        <v>87</v>
      </c>
      <c r="E1984" s="52" t="s">
        <v>26</v>
      </c>
      <c r="F1984" s="52" t="s">
        <v>81</v>
      </c>
      <c r="G1984" s="52" t="s">
        <v>82</v>
      </c>
      <c r="H1984" s="4">
        <v>1</v>
      </c>
      <c r="I1984" s="2">
        <v>14.65</v>
      </c>
      <c r="J1984" s="52" t="s">
        <v>5754</v>
      </c>
      <c r="K1984" s="71" t="s">
        <v>5755</v>
      </c>
      <c r="L1984" s="52" t="s">
        <v>2095</v>
      </c>
      <c r="M1984" s="72">
        <v>897</v>
      </c>
      <c r="N1984" s="52"/>
      <c r="O1984" s="52"/>
      <c r="P1984" s="52"/>
      <c r="Q1984" s="52"/>
      <c r="R1984" s="52"/>
      <c r="S1984" s="52"/>
      <c r="T1984" s="52"/>
      <c r="U1984" s="52"/>
      <c r="V1984" s="52"/>
      <c r="W1984" s="52"/>
    </row>
    <row r="1985" spans="1:23" hidden="1" x14ac:dyDescent="0.35">
      <c r="A1985" s="52" t="s">
        <v>78</v>
      </c>
      <c r="B1985" s="52" t="s">
        <v>79</v>
      </c>
      <c r="C1985" s="3">
        <v>10</v>
      </c>
      <c r="D1985" s="52" t="s">
        <v>2022</v>
      </c>
      <c r="E1985" s="52" t="s">
        <v>26</v>
      </c>
      <c r="F1985" s="52" t="s">
        <v>81</v>
      </c>
      <c r="G1985" s="52" t="s">
        <v>82</v>
      </c>
      <c r="H1985" s="4">
        <v>1</v>
      </c>
      <c r="I1985" s="2">
        <v>14.65</v>
      </c>
      <c r="J1985" s="52" t="s">
        <v>5637</v>
      </c>
      <c r="K1985" s="71" t="s">
        <v>5756</v>
      </c>
      <c r="L1985" s="52" t="s">
        <v>2063</v>
      </c>
      <c r="M1985" s="72">
        <v>5992</v>
      </c>
      <c r="N1985" s="52"/>
      <c r="O1985" s="52"/>
      <c r="P1985" s="52"/>
      <c r="Q1985" s="52"/>
      <c r="R1985" s="52"/>
      <c r="S1985" s="52"/>
      <c r="T1985" s="52"/>
      <c r="U1985" s="52"/>
      <c r="V1985" s="52"/>
      <c r="W1985" s="52"/>
    </row>
    <row r="1986" spans="1:23" hidden="1" x14ac:dyDescent="0.35">
      <c r="A1986" s="52" t="s">
        <v>78</v>
      </c>
      <c r="B1986" s="52" t="s">
        <v>79</v>
      </c>
      <c r="C1986" s="3">
        <v>20</v>
      </c>
      <c r="D1986" s="52" t="s">
        <v>85</v>
      </c>
      <c r="E1986" s="52" t="s">
        <v>26</v>
      </c>
      <c r="F1986" s="52" t="s">
        <v>81</v>
      </c>
      <c r="G1986" s="52" t="s">
        <v>82</v>
      </c>
      <c r="H1986" s="4">
        <v>1</v>
      </c>
      <c r="I1986" s="2">
        <v>14.65</v>
      </c>
      <c r="J1986" s="52" t="s">
        <v>5757</v>
      </c>
      <c r="K1986" s="71" t="s">
        <v>5758</v>
      </c>
      <c r="L1986" s="52" t="s">
        <v>2063</v>
      </c>
      <c r="M1986" s="72">
        <v>7284</v>
      </c>
      <c r="N1986" s="52" t="s">
        <v>2066</v>
      </c>
      <c r="O1986" s="52" t="s">
        <v>2067</v>
      </c>
      <c r="P1986" s="52"/>
      <c r="Q1986" s="52"/>
      <c r="R1986" s="52"/>
      <c r="S1986" s="52"/>
      <c r="T1986" s="52"/>
      <c r="U1986" s="52"/>
      <c r="V1986" s="52"/>
      <c r="W1986" s="52"/>
    </row>
    <row r="1987" spans="1:23" hidden="1" x14ac:dyDescent="0.35">
      <c r="A1987" s="52" t="s">
        <v>78</v>
      </c>
      <c r="B1987" s="52" t="s">
        <v>79</v>
      </c>
      <c r="C1987" s="3">
        <v>10</v>
      </c>
      <c r="D1987" s="52" t="s">
        <v>2023</v>
      </c>
      <c r="E1987" s="52" t="s">
        <v>26</v>
      </c>
      <c r="F1987" s="52" t="s">
        <v>81</v>
      </c>
      <c r="G1987" s="52" t="s">
        <v>82</v>
      </c>
      <c r="H1987" s="4">
        <v>1</v>
      </c>
      <c r="I1987" s="2">
        <v>14.65</v>
      </c>
      <c r="J1987" s="52" t="s">
        <v>5759</v>
      </c>
      <c r="K1987" s="71" t="s">
        <v>5760</v>
      </c>
      <c r="L1987" s="52" t="s">
        <v>2063</v>
      </c>
      <c r="M1987" s="72">
        <v>1106</v>
      </c>
      <c r="N1987" s="52" t="s">
        <v>2072</v>
      </c>
      <c r="O1987" s="52" t="s">
        <v>2073</v>
      </c>
      <c r="P1987" s="52"/>
      <c r="Q1987" s="52"/>
      <c r="R1987" s="52"/>
      <c r="S1987" s="52"/>
      <c r="T1987" s="52"/>
      <c r="U1987" s="52"/>
      <c r="V1987" s="52"/>
      <c r="W1987" s="52"/>
    </row>
    <row r="1988" spans="1:23" hidden="1" x14ac:dyDescent="0.35">
      <c r="A1988" s="52" t="s">
        <v>78</v>
      </c>
      <c r="B1988" s="52" t="s">
        <v>79</v>
      </c>
      <c r="C1988" s="3">
        <v>20</v>
      </c>
      <c r="D1988" s="52" t="s">
        <v>85</v>
      </c>
      <c r="E1988" s="52" t="s">
        <v>26</v>
      </c>
      <c r="F1988" s="52" t="s">
        <v>81</v>
      </c>
      <c r="G1988" s="52" t="s">
        <v>82</v>
      </c>
      <c r="H1988" s="4">
        <v>1</v>
      </c>
      <c r="I1988" s="2">
        <v>14.65</v>
      </c>
      <c r="J1988" s="52" t="s">
        <v>5761</v>
      </c>
      <c r="K1988" s="71" t="s">
        <v>5762</v>
      </c>
      <c r="L1988" s="52" t="s">
        <v>2063</v>
      </c>
      <c r="M1988" s="72">
        <v>6177</v>
      </c>
      <c r="N1988" s="52" t="s">
        <v>2066</v>
      </c>
      <c r="O1988" s="52" t="s">
        <v>2067</v>
      </c>
      <c r="P1988" s="52"/>
      <c r="Q1988" s="52"/>
      <c r="R1988" s="52"/>
      <c r="S1988" s="52"/>
      <c r="T1988" s="52"/>
      <c r="U1988" s="52"/>
      <c r="V1988" s="52"/>
      <c r="W1988" s="52"/>
    </row>
    <row r="1989" spans="1:23" hidden="1" x14ac:dyDescent="0.35">
      <c r="A1989" s="52" t="s">
        <v>78</v>
      </c>
      <c r="B1989" s="52" t="s">
        <v>79</v>
      </c>
      <c r="C1989" s="3">
        <v>10</v>
      </c>
      <c r="D1989" s="52" t="s">
        <v>80</v>
      </c>
      <c r="E1989" s="52" t="s">
        <v>26</v>
      </c>
      <c r="F1989" s="52" t="s">
        <v>81</v>
      </c>
      <c r="G1989" s="52" t="s">
        <v>82</v>
      </c>
      <c r="H1989" s="4">
        <v>1</v>
      </c>
      <c r="I1989" s="2">
        <v>14.65</v>
      </c>
      <c r="J1989" s="52" t="s">
        <v>5763</v>
      </c>
      <c r="K1989" s="71" t="s">
        <v>5764</v>
      </c>
      <c r="L1989" s="52" t="s">
        <v>2063</v>
      </c>
      <c r="M1989" s="72">
        <v>4575</v>
      </c>
      <c r="N1989" s="52" t="s">
        <v>2066</v>
      </c>
      <c r="O1989" s="52" t="s">
        <v>2067</v>
      </c>
      <c r="P1989" s="52"/>
      <c r="Q1989" s="52"/>
      <c r="R1989" s="52"/>
      <c r="S1989" s="52"/>
      <c r="T1989" s="52"/>
      <c r="U1989" s="52"/>
      <c r="V1989" s="52"/>
      <c r="W1989" s="52"/>
    </row>
    <row r="1990" spans="1:23" hidden="1" x14ac:dyDescent="0.35">
      <c r="A1990" s="52" t="s">
        <v>78</v>
      </c>
      <c r="B1990" s="52" t="s">
        <v>79</v>
      </c>
      <c r="C1990" s="3">
        <v>10</v>
      </c>
      <c r="D1990" s="52" t="s">
        <v>84</v>
      </c>
      <c r="E1990" s="52" t="s">
        <v>26</v>
      </c>
      <c r="F1990" s="52" t="s">
        <v>81</v>
      </c>
      <c r="G1990" s="52" t="s">
        <v>82</v>
      </c>
      <c r="H1990" s="4">
        <v>1</v>
      </c>
      <c r="I1990" s="2">
        <v>14.65</v>
      </c>
      <c r="J1990" s="52" t="s">
        <v>5765</v>
      </c>
      <c r="K1990" s="71" t="s">
        <v>5766</v>
      </c>
      <c r="L1990" s="52" t="s">
        <v>2063</v>
      </c>
      <c r="M1990" s="72">
        <v>133</v>
      </c>
      <c r="N1990" s="52"/>
      <c r="O1990" s="52"/>
      <c r="P1990" s="52"/>
      <c r="Q1990" s="52"/>
      <c r="R1990" s="52"/>
      <c r="S1990" s="52"/>
      <c r="T1990" s="52"/>
      <c r="U1990" s="52"/>
      <c r="V1990" s="52"/>
      <c r="W1990" s="52"/>
    </row>
    <row r="1991" spans="1:23" hidden="1" x14ac:dyDescent="0.35">
      <c r="A1991" s="52" t="s">
        <v>78</v>
      </c>
      <c r="B1991" s="52" t="s">
        <v>79</v>
      </c>
      <c r="C1991" s="3">
        <v>20</v>
      </c>
      <c r="D1991" s="52" t="s">
        <v>83</v>
      </c>
      <c r="E1991" s="52" t="s">
        <v>26</v>
      </c>
      <c r="F1991" s="52" t="s">
        <v>81</v>
      </c>
      <c r="G1991" s="52" t="s">
        <v>82</v>
      </c>
      <c r="H1991" s="4">
        <v>1</v>
      </c>
      <c r="I1991" s="2">
        <v>14.65</v>
      </c>
      <c r="J1991" s="52" t="s">
        <v>5767</v>
      </c>
      <c r="K1991" s="71" t="s">
        <v>5768</v>
      </c>
      <c r="L1991" s="52" t="s">
        <v>2063</v>
      </c>
      <c r="M1991" s="72">
        <v>7917</v>
      </c>
      <c r="N1991" s="52" t="s">
        <v>2072</v>
      </c>
      <c r="O1991" s="52" t="s">
        <v>2073</v>
      </c>
      <c r="P1991" s="52"/>
      <c r="Q1991" s="52"/>
      <c r="R1991" s="52"/>
      <c r="S1991" s="52"/>
      <c r="T1991" s="52"/>
      <c r="U1991" s="52"/>
      <c r="V1991" s="52"/>
      <c r="W1991" s="52"/>
    </row>
    <row r="1992" spans="1:23" hidden="1" x14ac:dyDescent="0.35">
      <c r="A1992" s="52" t="s">
        <v>78</v>
      </c>
      <c r="B1992" s="52" t="s">
        <v>79</v>
      </c>
      <c r="C1992" s="3">
        <v>20</v>
      </c>
      <c r="D1992" s="52" t="s">
        <v>2023</v>
      </c>
      <c r="E1992" s="52" t="s">
        <v>26</v>
      </c>
      <c r="F1992" s="52" t="s">
        <v>81</v>
      </c>
      <c r="G1992" s="52" t="s">
        <v>82</v>
      </c>
      <c r="H1992" s="4">
        <v>1</v>
      </c>
      <c r="I1992" s="2">
        <v>14.65</v>
      </c>
      <c r="J1992" s="52" t="s">
        <v>5469</v>
      </c>
      <c r="K1992" s="71" t="s">
        <v>5769</v>
      </c>
      <c r="L1992" s="52" t="s">
        <v>2063</v>
      </c>
      <c r="M1992" s="72">
        <v>8218</v>
      </c>
      <c r="N1992" s="52" t="s">
        <v>2072</v>
      </c>
      <c r="O1992" s="52" t="s">
        <v>2073</v>
      </c>
      <c r="P1992" s="52"/>
      <c r="Q1992" s="52"/>
      <c r="R1992" s="52"/>
      <c r="S1992" s="52"/>
      <c r="T1992" s="52"/>
      <c r="U1992" s="52"/>
      <c r="V1992" s="52"/>
      <c r="W1992" s="52"/>
    </row>
    <row r="1993" spans="1:23" hidden="1" x14ac:dyDescent="0.35">
      <c r="A1993" s="52" t="s">
        <v>78</v>
      </c>
      <c r="B1993" s="52" t="s">
        <v>79</v>
      </c>
      <c r="C1993" s="3">
        <v>20</v>
      </c>
      <c r="D1993" s="52" t="s">
        <v>85</v>
      </c>
      <c r="E1993" s="52" t="s">
        <v>26</v>
      </c>
      <c r="F1993" s="52" t="s">
        <v>81</v>
      </c>
      <c r="G1993" s="52" t="s">
        <v>82</v>
      </c>
      <c r="H1993" s="4">
        <v>1</v>
      </c>
      <c r="I1993" s="2">
        <v>14.65</v>
      </c>
      <c r="J1993" s="52" t="s">
        <v>5770</v>
      </c>
      <c r="K1993" s="71" t="s">
        <v>5771</v>
      </c>
      <c r="L1993" s="52" t="s">
        <v>2063</v>
      </c>
      <c r="M1993" s="72">
        <v>6777</v>
      </c>
      <c r="N1993" s="52" t="s">
        <v>2304</v>
      </c>
      <c r="O1993" s="52" t="s">
        <v>2305</v>
      </c>
      <c r="P1993" s="52"/>
      <c r="Q1993" s="52"/>
      <c r="R1993" s="52"/>
      <c r="S1993" s="52"/>
      <c r="T1993" s="52"/>
      <c r="U1993" s="52"/>
      <c r="V1993" s="52"/>
      <c r="W1993" s="52"/>
    </row>
    <row r="1994" spans="1:23" hidden="1" x14ac:dyDescent="0.35">
      <c r="A1994" s="52" t="s">
        <v>78</v>
      </c>
      <c r="B1994" s="52" t="s">
        <v>79</v>
      </c>
      <c r="C1994" s="3">
        <v>20</v>
      </c>
      <c r="D1994" s="52" t="s">
        <v>2023</v>
      </c>
      <c r="E1994" s="52" t="s">
        <v>26</v>
      </c>
      <c r="F1994" s="52" t="s">
        <v>81</v>
      </c>
      <c r="G1994" s="52" t="s">
        <v>82</v>
      </c>
      <c r="H1994" s="4">
        <v>1</v>
      </c>
      <c r="I1994" s="2">
        <v>14.65</v>
      </c>
      <c r="J1994" s="52" t="s">
        <v>5772</v>
      </c>
      <c r="K1994" s="71" t="s">
        <v>5773</v>
      </c>
      <c r="L1994" s="52" t="s">
        <v>2095</v>
      </c>
      <c r="M1994" s="72">
        <v>6364</v>
      </c>
      <c r="N1994" s="52"/>
      <c r="O1994" s="52"/>
      <c r="P1994" s="52"/>
      <c r="Q1994" s="52"/>
      <c r="R1994" s="52"/>
      <c r="S1994" s="52"/>
      <c r="T1994" s="52"/>
      <c r="U1994" s="52"/>
      <c r="V1994" s="52"/>
      <c r="W1994" s="52"/>
    </row>
    <row r="1995" spans="1:23" hidden="1" x14ac:dyDescent="0.35">
      <c r="A1995" s="52" t="s">
        <v>78</v>
      </c>
      <c r="B1995" s="52" t="s">
        <v>79</v>
      </c>
      <c r="C1995" s="3">
        <v>10</v>
      </c>
      <c r="D1995" s="52" t="s">
        <v>2019</v>
      </c>
      <c r="E1995" s="52" t="s">
        <v>26</v>
      </c>
      <c r="F1995" s="52" t="s">
        <v>81</v>
      </c>
      <c r="G1995" s="52" t="s">
        <v>82</v>
      </c>
      <c r="H1995" s="4">
        <v>1</v>
      </c>
      <c r="I1995" s="2">
        <v>14.65</v>
      </c>
      <c r="J1995" s="52" t="s">
        <v>5774</v>
      </c>
      <c r="K1995" s="71" t="s">
        <v>5775</v>
      </c>
      <c r="L1995" s="52" t="s">
        <v>2063</v>
      </c>
      <c r="M1995" s="72">
        <v>6765</v>
      </c>
      <c r="N1995" s="52" t="s">
        <v>2072</v>
      </c>
      <c r="O1995" s="52" t="s">
        <v>2073</v>
      </c>
      <c r="P1995" s="52"/>
      <c r="Q1995" s="52"/>
      <c r="R1995" s="52"/>
      <c r="S1995" s="52"/>
      <c r="T1995" s="52"/>
      <c r="U1995" s="52"/>
      <c r="V1995" s="52"/>
      <c r="W1995" s="52"/>
    </row>
    <row r="1996" spans="1:23" x14ac:dyDescent="0.35">
      <c r="A1996" s="52" t="s">
        <v>78</v>
      </c>
      <c r="B1996" s="52" t="s">
        <v>79</v>
      </c>
      <c r="C1996" s="3">
        <v>10</v>
      </c>
      <c r="D1996" s="52" t="s">
        <v>86</v>
      </c>
      <c r="E1996" s="52" t="s">
        <v>26</v>
      </c>
      <c r="F1996" s="52" t="s">
        <v>81</v>
      </c>
      <c r="G1996" s="52" t="s">
        <v>82</v>
      </c>
      <c r="H1996" s="4">
        <v>1</v>
      </c>
      <c r="I1996" s="2">
        <v>14.65</v>
      </c>
      <c r="J1996" s="52" t="s">
        <v>5776</v>
      </c>
      <c r="K1996" s="71" t="s">
        <v>5777</v>
      </c>
      <c r="L1996" s="52" t="s">
        <v>2063</v>
      </c>
      <c r="M1996" s="72">
        <v>5889</v>
      </c>
      <c r="N1996" s="52" t="s">
        <v>2259</v>
      </c>
      <c r="O1996" s="52" t="s">
        <v>2260</v>
      </c>
      <c r="P1996" s="52"/>
      <c r="Q1996" s="52"/>
      <c r="R1996" s="52"/>
      <c r="S1996" s="52"/>
      <c r="T1996" s="52"/>
      <c r="U1996" s="52"/>
      <c r="V1996" s="52"/>
      <c r="W1996" s="52"/>
    </row>
    <row r="1997" spans="1:23" hidden="1" x14ac:dyDescent="0.35">
      <c r="A1997" s="52" t="s">
        <v>78</v>
      </c>
      <c r="B1997" s="52" t="s">
        <v>79</v>
      </c>
      <c r="C1997" s="3">
        <v>20</v>
      </c>
      <c r="D1997" s="52" t="s">
        <v>85</v>
      </c>
      <c r="E1997" s="52" t="s">
        <v>26</v>
      </c>
      <c r="F1997" s="52" t="s">
        <v>81</v>
      </c>
      <c r="G1997" s="52" t="s">
        <v>82</v>
      </c>
      <c r="H1997" s="4">
        <v>1</v>
      </c>
      <c r="I1997" s="2">
        <v>14.65</v>
      </c>
      <c r="J1997" s="52" t="s">
        <v>5778</v>
      </c>
      <c r="K1997" s="71" t="s">
        <v>5779</v>
      </c>
      <c r="L1997" s="52" t="s">
        <v>2063</v>
      </c>
      <c r="M1997" s="72">
        <v>9569</v>
      </c>
      <c r="N1997" s="52" t="s">
        <v>2154</v>
      </c>
      <c r="O1997" s="52" t="s">
        <v>2155</v>
      </c>
      <c r="P1997" s="52"/>
      <c r="Q1997" s="52"/>
      <c r="R1997" s="52"/>
      <c r="S1997" s="52"/>
      <c r="T1997" s="52"/>
      <c r="U1997" s="52"/>
      <c r="V1997" s="52"/>
      <c r="W1997" s="52"/>
    </row>
    <row r="1998" spans="1:23" hidden="1" x14ac:dyDescent="0.35">
      <c r="A1998" s="52" t="s">
        <v>78</v>
      </c>
      <c r="B1998" s="52" t="s">
        <v>79</v>
      </c>
      <c r="C1998" s="3">
        <v>10</v>
      </c>
      <c r="D1998" s="52" t="s">
        <v>2020</v>
      </c>
      <c r="E1998" s="52" t="s">
        <v>26</v>
      </c>
      <c r="F1998" s="52" t="s">
        <v>81</v>
      </c>
      <c r="G1998" s="52" t="s">
        <v>82</v>
      </c>
      <c r="H1998" s="4">
        <v>1</v>
      </c>
      <c r="I1998" s="2">
        <v>14.65</v>
      </c>
      <c r="J1998" s="52" t="s">
        <v>5780</v>
      </c>
      <c r="K1998" s="71" t="s">
        <v>5781</v>
      </c>
      <c r="L1998" s="52" t="s">
        <v>2063</v>
      </c>
      <c r="M1998" s="72">
        <v>7448</v>
      </c>
      <c r="N1998" s="52" t="s">
        <v>2072</v>
      </c>
      <c r="O1998" s="52" t="s">
        <v>2073</v>
      </c>
      <c r="P1998" s="52"/>
      <c r="Q1998" s="52"/>
      <c r="R1998" s="52"/>
      <c r="S1998" s="52"/>
      <c r="T1998" s="52"/>
      <c r="U1998" s="52"/>
      <c r="V1998" s="52"/>
      <c r="W1998" s="52"/>
    </row>
    <row r="1999" spans="1:23" hidden="1" x14ac:dyDescent="0.35">
      <c r="A1999" s="52" t="s">
        <v>78</v>
      </c>
      <c r="B1999" s="52" t="s">
        <v>79</v>
      </c>
      <c r="C1999" s="3">
        <v>20</v>
      </c>
      <c r="D1999" s="52" t="s">
        <v>2019</v>
      </c>
      <c r="E1999" s="52" t="s">
        <v>26</v>
      </c>
      <c r="F1999" s="52" t="s">
        <v>81</v>
      </c>
      <c r="G1999" s="52" t="s">
        <v>82</v>
      </c>
      <c r="H1999" s="4">
        <v>1</v>
      </c>
      <c r="I1999" s="2">
        <v>14.65</v>
      </c>
      <c r="J1999" s="52" t="s">
        <v>5782</v>
      </c>
      <c r="K1999" s="71" t="s">
        <v>5783</v>
      </c>
      <c r="L1999" s="52" t="s">
        <v>2063</v>
      </c>
      <c r="M1999" s="72">
        <v>4904</v>
      </c>
      <c r="N1999" s="52" t="s">
        <v>2072</v>
      </c>
      <c r="O1999" s="52" t="s">
        <v>2073</v>
      </c>
      <c r="P1999" s="52"/>
      <c r="Q1999" s="52"/>
      <c r="R1999" s="52"/>
      <c r="S1999" s="52"/>
      <c r="T1999" s="52"/>
      <c r="U1999" s="52"/>
      <c r="V1999" s="52"/>
      <c r="W1999" s="52"/>
    </row>
    <row r="2000" spans="1:23" hidden="1" x14ac:dyDescent="0.35">
      <c r="A2000" s="52" t="s">
        <v>78</v>
      </c>
      <c r="B2000" s="52" t="s">
        <v>79</v>
      </c>
      <c r="C2000" s="3">
        <v>20</v>
      </c>
      <c r="D2000" s="52" t="s">
        <v>2023</v>
      </c>
      <c r="E2000" s="52" t="s">
        <v>26</v>
      </c>
      <c r="F2000" s="52" t="s">
        <v>81</v>
      </c>
      <c r="G2000" s="52" t="s">
        <v>82</v>
      </c>
      <c r="H2000" s="4">
        <v>1</v>
      </c>
      <c r="I2000" s="2">
        <v>14.65</v>
      </c>
      <c r="J2000" s="52" t="s">
        <v>5784</v>
      </c>
      <c r="K2000" s="71" t="s">
        <v>5785</v>
      </c>
      <c r="L2000" s="52" t="s">
        <v>2063</v>
      </c>
      <c r="M2000" s="72">
        <v>5302</v>
      </c>
      <c r="N2000" s="52" t="s">
        <v>2066</v>
      </c>
      <c r="O2000" s="52" t="s">
        <v>2067</v>
      </c>
      <c r="P2000" s="52"/>
      <c r="Q2000" s="52"/>
      <c r="R2000" s="52"/>
      <c r="S2000" s="52"/>
      <c r="T2000" s="52"/>
      <c r="U2000" s="52"/>
      <c r="V2000" s="52"/>
      <c r="W2000" s="52"/>
    </row>
    <row r="2001" spans="1:23" hidden="1" x14ac:dyDescent="0.35">
      <c r="A2001" s="52" t="s">
        <v>78</v>
      </c>
      <c r="B2001" s="52" t="s">
        <v>79</v>
      </c>
      <c r="C2001" s="3">
        <v>10</v>
      </c>
      <c r="D2001" s="52" t="s">
        <v>2019</v>
      </c>
      <c r="E2001" s="52" t="s">
        <v>26</v>
      </c>
      <c r="F2001" s="52" t="s">
        <v>81</v>
      </c>
      <c r="G2001" s="52" t="s">
        <v>82</v>
      </c>
      <c r="H2001" s="4">
        <v>1</v>
      </c>
      <c r="I2001" s="2">
        <v>14.65</v>
      </c>
      <c r="J2001" s="52" t="s">
        <v>4743</v>
      </c>
      <c r="K2001" s="71" t="s">
        <v>5786</v>
      </c>
      <c r="L2001" s="52" t="s">
        <v>2095</v>
      </c>
      <c r="M2001" s="72">
        <v>4890</v>
      </c>
      <c r="N2001" s="52" t="s">
        <v>2072</v>
      </c>
      <c r="O2001" s="52" t="s">
        <v>2073</v>
      </c>
      <c r="P2001" s="52"/>
      <c r="Q2001" s="52"/>
      <c r="R2001" s="52"/>
      <c r="S2001" s="52"/>
      <c r="T2001" s="52"/>
      <c r="U2001" s="52"/>
      <c r="V2001" s="52"/>
      <c r="W2001" s="52"/>
    </row>
    <row r="2002" spans="1:23" hidden="1" x14ac:dyDescent="0.35">
      <c r="A2002" s="52" t="s">
        <v>78</v>
      </c>
      <c r="B2002" s="52" t="s">
        <v>79</v>
      </c>
      <c r="C2002" s="3">
        <v>10</v>
      </c>
      <c r="D2002" s="52" t="s">
        <v>2019</v>
      </c>
      <c r="E2002" s="52" t="s">
        <v>26</v>
      </c>
      <c r="F2002" s="52" t="s">
        <v>81</v>
      </c>
      <c r="G2002" s="52" t="s">
        <v>82</v>
      </c>
      <c r="H2002" s="4">
        <v>1</v>
      </c>
      <c r="I2002" s="2">
        <v>14.65</v>
      </c>
      <c r="J2002" s="52" t="s">
        <v>5787</v>
      </c>
      <c r="K2002" s="71" t="s">
        <v>5788</v>
      </c>
      <c r="L2002" s="52" t="s">
        <v>2063</v>
      </c>
      <c r="M2002" s="72">
        <v>5695</v>
      </c>
      <c r="N2002" s="52" t="s">
        <v>2072</v>
      </c>
      <c r="O2002" s="52" t="s">
        <v>2073</v>
      </c>
      <c r="P2002" s="52"/>
      <c r="Q2002" s="52"/>
      <c r="R2002" s="52"/>
      <c r="S2002" s="52"/>
      <c r="T2002" s="52"/>
      <c r="U2002" s="52"/>
      <c r="V2002" s="52"/>
      <c r="W2002" s="52"/>
    </row>
    <row r="2003" spans="1:23" hidden="1" x14ac:dyDescent="0.35">
      <c r="A2003" s="52" t="s">
        <v>78</v>
      </c>
      <c r="B2003" s="52" t="s">
        <v>79</v>
      </c>
      <c r="C2003" s="3">
        <v>20</v>
      </c>
      <c r="D2003" s="52" t="s">
        <v>2024</v>
      </c>
      <c r="E2003" s="52" t="s">
        <v>26</v>
      </c>
      <c r="F2003" s="52" t="s">
        <v>81</v>
      </c>
      <c r="G2003" s="52" t="s">
        <v>82</v>
      </c>
      <c r="H2003" s="4">
        <v>1</v>
      </c>
      <c r="I2003" s="2">
        <v>14.65</v>
      </c>
      <c r="J2003" s="52" t="s">
        <v>5789</v>
      </c>
      <c r="K2003" s="71" t="s">
        <v>5790</v>
      </c>
      <c r="L2003" s="52" t="s">
        <v>2063</v>
      </c>
      <c r="M2003" s="72">
        <v>8842</v>
      </c>
      <c r="N2003" s="52"/>
      <c r="O2003" s="52"/>
      <c r="P2003" s="52"/>
      <c r="Q2003" s="52"/>
      <c r="R2003" s="52"/>
      <c r="S2003" s="52"/>
      <c r="T2003" s="52"/>
      <c r="U2003" s="52"/>
      <c r="V2003" s="52"/>
      <c r="W2003" s="52"/>
    </row>
    <row r="2004" spans="1:23" hidden="1" x14ac:dyDescent="0.35">
      <c r="A2004" s="52" t="s">
        <v>78</v>
      </c>
      <c r="B2004" s="52" t="s">
        <v>79</v>
      </c>
      <c r="C2004" s="3">
        <v>20</v>
      </c>
      <c r="D2004" s="52" t="s">
        <v>2021</v>
      </c>
      <c r="E2004" s="52" t="s">
        <v>26</v>
      </c>
      <c r="F2004" s="52" t="s">
        <v>81</v>
      </c>
      <c r="G2004" s="52" t="s">
        <v>82</v>
      </c>
      <c r="H2004" s="4">
        <v>1</v>
      </c>
      <c r="I2004" s="2">
        <v>14.65</v>
      </c>
      <c r="J2004" s="52" t="s">
        <v>5791</v>
      </c>
      <c r="K2004" s="71" t="s">
        <v>5792</v>
      </c>
      <c r="L2004" s="52" t="s">
        <v>2063</v>
      </c>
      <c r="M2004" s="72">
        <v>9500</v>
      </c>
      <c r="N2004" s="52" t="s">
        <v>2158</v>
      </c>
      <c r="O2004" s="52" t="s">
        <v>2159</v>
      </c>
      <c r="P2004" s="52"/>
      <c r="Q2004" s="52"/>
      <c r="R2004" s="52"/>
      <c r="S2004" s="52"/>
      <c r="T2004" s="52"/>
      <c r="U2004" s="52"/>
      <c r="V2004" s="52"/>
      <c r="W2004" s="52"/>
    </row>
    <row r="2005" spans="1:23" hidden="1" x14ac:dyDescent="0.35">
      <c r="A2005" s="52" t="s">
        <v>78</v>
      </c>
      <c r="B2005" s="52" t="s">
        <v>79</v>
      </c>
      <c r="C2005" s="3">
        <v>211</v>
      </c>
      <c r="D2005" s="52" t="s">
        <v>85</v>
      </c>
      <c r="E2005" s="52" t="s">
        <v>26</v>
      </c>
      <c r="F2005" s="52" t="s">
        <v>81</v>
      </c>
      <c r="G2005" s="52" t="s">
        <v>82</v>
      </c>
      <c r="H2005" s="4">
        <v>1</v>
      </c>
      <c r="I2005" s="2">
        <v>14.65</v>
      </c>
      <c r="J2005" s="52" t="s">
        <v>5793</v>
      </c>
      <c r="K2005" s="71" t="s">
        <v>5794</v>
      </c>
      <c r="L2005" s="52" t="s">
        <v>2063</v>
      </c>
      <c r="M2005" s="72">
        <v>9541</v>
      </c>
      <c r="N2005" s="52"/>
      <c r="O2005" s="52"/>
      <c r="P2005" s="52"/>
      <c r="Q2005" s="52"/>
      <c r="R2005" s="52"/>
      <c r="S2005" s="52"/>
      <c r="T2005" s="52"/>
      <c r="U2005" s="52"/>
      <c r="V2005" s="52"/>
      <c r="W2005" s="52"/>
    </row>
    <row r="2006" spans="1:23" hidden="1" x14ac:dyDescent="0.35">
      <c r="A2006" s="52" t="s">
        <v>78</v>
      </c>
      <c r="B2006" s="52" t="s">
        <v>79</v>
      </c>
      <c r="C2006" s="3">
        <v>211</v>
      </c>
      <c r="D2006" s="52" t="s">
        <v>83</v>
      </c>
      <c r="E2006" s="52" t="s">
        <v>26</v>
      </c>
      <c r="F2006" s="52" t="s">
        <v>81</v>
      </c>
      <c r="G2006" s="52" t="s">
        <v>82</v>
      </c>
      <c r="H2006" s="4">
        <v>1</v>
      </c>
      <c r="I2006" s="2">
        <v>14.65</v>
      </c>
      <c r="J2006" s="52" t="s">
        <v>5795</v>
      </c>
      <c r="K2006" s="71" t="s">
        <v>5796</v>
      </c>
      <c r="L2006" s="52" t="s">
        <v>2063</v>
      </c>
      <c r="M2006" s="72">
        <v>1272</v>
      </c>
      <c r="N2006" s="52" t="s">
        <v>2072</v>
      </c>
      <c r="O2006" s="52" t="s">
        <v>2073</v>
      </c>
      <c r="P2006" s="52"/>
      <c r="Q2006" s="52"/>
      <c r="R2006" s="52"/>
      <c r="S2006" s="52"/>
      <c r="T2006" s="52"/>
      <c r="U2006" s="52"/>
      <c r="V2006" s="52"/>
      <c r="W2006" s="52"/>
    </row>
    <row r="2007" spans="1:23" hidden="1" x14ac:dyDescent="0.35">
      <c r="A2007" s="52" t="s">
        <v>78</v>
      </c>
      <c r="B2007" s="52" t="s">
        <v>79</v>
      </c>
      <c r="C2007" s="3">
        <v>20</v>
      </c>
      <c r="D2007" s="52" t="s">
        <v>2023</v>
      </c>
      <c r="E2007" s="52" t="s">
        <v>26</v>
      </c>
      <c r="F2007" s="52" t="s">
        <v>81</v>
      </c>
      <c r="G2007" s="52" t="s">
        <v>82</v>
      </c>
      <c r="H2007" s="4">
        <v>1</v>
      </c>
      <c r="I2007" s="2">
        <v>14.65</v>
      </c>
      <c r="J2007" s="52" t="s">
        <v>5797</v>
      </c>
      <c r="K2007" s="71" t="s">
        <v>5798</v>
      </c>
      <c r="L2007" s="52" t="s">
        <v>2063</v>
      </c>
      <c r="M2007" s="72">
        <v>582</v>
      </c>
      <c r="N2007" s="52"/>
      <c r="O2007" s="52"/>
      <c r="P2007" s="52"/>
      <c r="Q2007" s="52"/>
      <c r="R2007" s="52"/>
      <c r="S2007" s="52"/>
      <c r="T2007" s="52"/>
      <c r="U2007" s="52"/>
      <c r="V2007" s="52"/>
      <c r="W2007" s="52"/>
    </row>
    <row r="2008" spans="1:23" hidden="1" x14ac:dyDescent="0.35">
      <c r="A2008" s="52" t="s">
        <v>78</v>
      </c>
      <c r="B2008" s="52" t="s">
        <v>79</v>
      </c>
      <c r="C2008" s="3">
        <v>10</v>
      </c>
      <c r="D2008" s="52" t="s">
        <v>2021</v>
      </c>
      <c r="E2008" s="52" t="s">
        <v>26</v>
      </c>
      <c r="F2008" s="52" t="s">
        <v>81</v>
      </c>
      <c r="G2008" s="52" t="s">
        <v>82</v>
      </c>
      <c r="H2008" s="4">
        <v>1</v>
      </c>
      <c r="I2008" s="2">
        <v>14.65</v>
      </c>
      <c r="J2008" s="52" t="s">
        <v>5799</v>
      </c>
      <c r="K2008" s="71" t="s">
        <v>5800</v>
      </c>
      <c r="L2008" s="52" t="s">
        <v>2063</v>
      </c>
      <c r="M2008" s="72">
        <v>3585</v>
      </c>
      <c r="N2008" s="52" t="s">
        <v>2072</v>
      </c>
      <c r="O2008" s="52" t="s">
        <v>2073</v>
      </c>
      <c r="P2008" s="52"/>
      <c r="Q2008" s="52"/>
      <c r="R2008" s="52"/>
      <c r="S2008" s="52"/>
      <c r="T2008" s="52"/>
      <c r="U2008" s="52"/>
      <c r="V2008" s="52"/>
      <c r="W2008" s="52"/>
    </row>
    <row r="2009" spans="1:23" hidden="1" x14ac:dyDescent="0.35">
      <c r="A2009" s="52" t="s">
        <v>78</v>
      </c>
      <c r="B2009" s="52" t="s">
        <v>79</v>
      </c>
      <c r="C2009" s="3">
        <v>211</v>
      </c>
      <c r="D2009" s="52" t="s">
        <v>2019</v>
      </c>
      <c r="E2009" s="52" t="s">
        <v>26</v>
      </c>
      <c r="F2009" s="52" t="s">
        <v>81</v>
      </c>
      <c r="G2009" s="52" t="s">
        <v>82</v>
      </c>
      <c r="H2009" s="4">
        <v>1</v>
      </c>
      <c r="I2009" s="2">
        <v>14.65</v>
      </c>
      <c r="J2009" s="52" t="s">
        <v>5801</v>
      </c>
      <c r="K2009" s="71" t="s">
        <v>5802</v>
      </c>
      <c r="L2009" s="52" t="s">
        <v>2063</v>
      </c>
      <c r="M2009" s="72">
        <v>4026</v>
      </c>
      <c r="N2009" s="52" t="s">
        <v>2066</v>
      </c>
      <c r="O2009" s="52" t="s">
        <v>2067</v>
      </c>
      <c r="P2009" s="52"/>
      <c r="Q2009" s="52"/>
      <c r="R2009" s="52"/>
      <c r="S2009" s="52"/>
      <c r="T2009" s="52"/>
      <c r="U2009" s="52"/>
      <c r="V2009" s="52"/>
      <c r="W2009" s="52"/>
    </row>
    <row r="2010" spans="1:23" hidden="1" x14ac:dyDescent="0.35">
      <c r="A2010" s="52" t="s">
        <v>78</v>
      </c>
      <c r="B2010" s="52" t="s">
        <v>79</v>
      </c>
      <c r="C2010" s="3">
        <v>211</v>
      </c>
      <c r="D2010" s="52" t="s">
        <v>83</v>
      </c>
      <c r="E2010" s="52" t="s">
        <v>26</v>
      </c>
      <c r="F2010" s="52" t="s">
        <v>81</v>
      </c>
      <c r="G2010" s="52" t="s">
        <v>82</v>
      </c>
      <c r="H2010" s="4">
        <v>1</v>
      </c>
      <c r="I2010" s="2">
        <v>14.65</v>
      </c>
      <c r="J2010" s="52" t="s">
        <v>5803</v>
      </c>
      <c r="K2010" s="71" t="s">
        <v>5804</v>
      </c>
      <c r="L2010" s="52" t="s">
        <v>2063</v>
      </c>
      <c r="M2010" s="72">
        <v>6924</v>
      </c>
      <c r="N2010" s="52" t="s">
        <v>2066</v>
      </c>
      <c r="O2010" s="52" t="s">
        <v>2067</v>
      </c>
      <c r="P2010" s="52"/>
      <c r="Q2010" s="52"/>
      <c r="R2010" s="52"/>
      <c r="S2010" s="52"/>
      <c r="T2010" s="52"/>
      <c r="U2010" s="52"/>
      <c r="V2010" s="52"/>
      <c r="W2010" s="52"/>
    </row>
    <row r="2011" spans="1:23" hidden="1" x14ac:dyDescent="0.35">
      <c r="A2011" s="52" t="s">
        <v>78</v>
      </c>
      <c r="B2011" s="52" t="s">
        <v>79</v>
      </c>
      <c r="C2011" s="3">
        <v>20</v>
      </c>
      <c r="D2011" s="52" t="s">
        <v>2024</v>
      </c>
      <c r="E2011" s="52" t="s">
        <v>26</v>
      </c>
      <c r="F2011" s="52" t="s">
        <v>81</v>
      </c>
      <c r="G2011" s="52" t="s">
        <v>82</v>
      </c>
      <c r="H2011" s="4">
        <v>1</v>
      </c>
      <c r="I2011" s="2">
        <v>14.65</v>
      </c>
      <c r="J2011" s="52" t="s">
        <v>5805</v>
      </c>
      <c r="K2011" s="71" t="s">
        <v>5806</v>
      </c>
      <c r="L2011" s="52" t="s">
        <v>2063</v>
      </c>
      <c r="M2011" s="72">
        <v>756</v>
      </c>
      <c r="N2011" s="52" t="s">
        <v>2072</v>
      </c>
      <c r="O2011" s="52" t="s">
        <v>2073</v>
      </c>
      <c r="P2011" s="52"/>
      <c r="Q2011" s="52"/>
      <c r="R2011" s="52"/>
      <c r="S2011" s="52"/>
      <c r="T2011" s="52"/>
      <c r="U2011" s="52"/>
      <c r="V2011" s="52"/>
      <c r="W2011" s="52"/>
    </row>
    <row r="2012" spans="1:23" hidden="1" x14ac:dyDescent="0.35">
      <c r="A2012" s="52" t="s">
        <v>78</v>
      </c>
      <c r="B2012" s="52" t="s">
        <v>79</v>
      </c>
      <c r="C2012" s="3">
        <v>10</v>
      </c>
      <c r="D2012" s="52" t="s">
        <v>2024</v>
      </c>
      <c r="E2012" s="52" t="s">
        <v>26</v>
      </c>
      <c r="F2012" s="52" t="s">
        <v>81</v>
      </c>
      <c r="G2012" s="52" t="s">
        <v>82</v>
      </c>
      <c r="H2012" s="4">
        <v>1</v>
      </c>
      <c r="I2012" s="2">
        <v>14.65</v>
      </c>
      <c r="J2012" s="52" t="s">
        <v>5807</v>
      </c>
      <c r="K2012" s="71" t="s">
        <v>5808</v>
      </c>
      <c r="L2012" s="52" t="s">
        <v>2063</v>
      </c>
      <c r="M2012" s="72">
        <v>7918</v>
      </c>
      <c r="N2012" s="52"/>
      <c r="O2012" s="52"/>
      <c r="P2012" s="52"/>
      <c r="Q2012" s="52"/>
      <c r="R2012" s="52"/>
      <c r="S2012" s="52"/>
      <c r="T2012" s="52"/>
      <c r="U2012" s="52"/>
      <c r="V2012" s="52"/>
      <c r="W2012" s="52"/>
    </row>
    <row r="2013" spans="1:23" hidden="1" x14ac:dyDescent="0.35">
      <c r="A2013" s="52" t="s">
        <v>78</v>
      </c>
      <c r="B2013" s="52" t="s">
        <v>79</v>
      </c>
      <c r="C2013" s="3">
        <v>212</v>
      </c>
      <c r="D2013" s="52" t="s">
        <v>2024</v>
      </c>
      <c r="E2013" s="52" t="s">
        <v>26</v>
      </c>
      <c r="F2013" s="52" t="s">
        <v>81</v>
      </c>
      <c r="G2013" s="52" t="s">
        <v>82</v>
      </c>
      <c r="H2013" s="4">
        <v>1</v>
      </c>
      <c r="I2013" s="2">
        <v>14.65</v>
      </c>
      <c r="J2013" s="52" t="s">
        <v>5809</v>
      </c>
      <c r="K2013" s="71" t="s">
        <v>5810</v>
      </c>
      <c r="L2013" s="52" t="s">
        <v>2063</v>
      </c>
      <c r="M2013" s="72">
        <v>2786</v>
      </c>
      <c r="N2013" s="52" t="s">
        <v>2066</v>
      </c>
      <c r="O2013" s="52" t="s">
        <v>2067</v>
      </c>
      <c r="P2013" s="52"/>
      <c r="Q2013" s="52"/>
      <c r="R2013" s="52"/>
      <c r="S2013" s="52"/>
      <c r="T2013" s="52"/>
      <c r="U2013" s="52"/>
      <c r="V2013" s="52"/>
      <c r="W2013" s="52"/>
    </row>
    <row r="2014" spans="1:23" hidden="1" x14ac:dyDescent="0.35">
      <c r="A2014" s="52" t="s">
        <v>78</v>
      </c>
      <c r="B2014" s="52" t="s">
        <v>79</v>
      </c>
      <c r="C2014" s="3">
        <v>20</v>
      </c>
      <c r="D2014" s="52" t="s">
        <v>2021</v>
      </c>
      <c r="E2014" s="52" t="s">
        <v>26</v>
      </c>
      <c r="F2014" s="52" t="s">
        <v>81</v>
      </c>
      <c r="G2014" s="52" t="s">
        <v>82</v>
      </c>
      <c r="H2014" s="4">
        <v>1</v>
      </c>
      <c r="I2014" s="2">
        <v>14.65</v>
      </c>
      <c r="J2014" s="52" t="s">
        <v>4719</v>
      </c>
      <c r="K2014" s="71" t="s">
        <v>5811</v>
      </c>
      <c r="L2014" s="52" t="s">
        <v>2063</v>
      </c>
      <c r="M2014" s="72">
        <v>4318</v>
      </c>
      <c r="N2014" s="52" t="s">
        <v>2066</v>
      </c>
      <c r="O2014" s="52" t="s">
        <v>2067</v>
      </c>
      <c r="P2014" s="52"/>
      <c r="Q2014" s="52"/>
      <c r="R2014" s="52"/>
      <c r="S2014" s="52"/>
      <c r="T2014" s="52"/>
      <c r="U2014" s="52"/>
      <c r="V2014" s="52"/>
      <c r="W2014" s="52"/>
    </row>
    <row r="2015" spans="1:23" hidden="1" x14ac:dyDescent="0.35">
      <c r="A2015" s="52" t="s">
        <v>78</v>
      </c>
      <c r="B2015" s="52" t="s">
        <v>79</v>
      </c>
      <c r="C2015" s="3">
        <v>20</v>
      </c>
      <c r="D2015" s="52" t="s">
        <v>80</v>
      </c>
      <c r="E2015" s="52" t="s">
        <v>26</v>
      </c>
      <c r="F2015" s="52" t="s">
        <v>81</v>
      </c>
      <c r="G2015" s="52" t="s">
        <v>82</v>
      </c>
      <c r="H2015" s="4">
        <v>1</v>
      </c>
      <c r="I2015" s="2">
        <v>14.65</v>
      </c>
      <c r="J2015" s="52" t="s">
        <v>5812</v>
      </c>
      <c r="K2015" s="71" t="s">
        <v>5813</v>
      </c>
      <c r="L2015" s="52" t="s">
        <v>2063</v>
      </c>
      <c r="M2015" s="72">
        <v>8688</v>
      </c>
      <c r="N2015" s="52" t="s">
        <v>2066</v>
      </c>
      <c r="O2015" s="52" t="s">
        <v>2067</v>
      </c>
      <c r="P2015" s="52"/>
      <c r="Q2015" s="52"/>
      <c r="R2015" s="52"/>
      <c r="S2015" s="52"/>
      <c r="T2015" s="52"/>
      <c r="U2015" s="52"/>
      <c r="V2015" s="52"/>
      <c r="W2015" s="52"/>
    </row>
    <row r="2016" spans="1:23" hidden="1" x14ac:dyDescent="0.35">
      <c r="A2016" s="52" t="s">
        <v>78</v>
      </c>
      <c r="B2016" s="52" t="s">
        <v>79</v>
      </c>
      <c r="C2016" s="3">
        <v>10</v>
      </c>
      <c r="D2016" s="52" t="s">
        <v>2019</v>
      </c>
      <c r="E2016" s="52" t="s">
        <v>26</v>
      </c>
      <c r="F2016" s="52" t="s">
        <v>81</v>
      </c>
      <c r="G2016" s="52" t="s">
        <v>82</v>
      </c>
      <c r="H2016" s="4">
        <v>1</v>
      </c>
      <c r="I2016" s="2">
        <v>14.65</v>
      </c>
      <c r="J2016" s="52" t="s">
        <v>5814</v>
      </c>
      <c r="K2016" s="71" t="s">
        <v>5815</v>
      </c>
      <c r="L2016" s="52" t="s">
        <v>2063</v>
      </c>
      <c r="M2016" s="72">
        <v>4161</v>
      </c>
      <c r="N2016" s="52"/>
      <c r="O2016" s="52"/>
      <c r="P2016" s="52"/>
      <c r="Q2016" s="52"/>
      <c r="R2016" s="52"/>
      <c r="S2016" s="52"/>
      <c r="T2016" s="52"/>
      <c r="U2016" s="52"/>
      <c r="V2016" s="52"/>
      <c r="W2016" s="52"/>
    </row>
    <row r="2017" spans="1:23" hidden="1" x14ac:dyDescent="0.35">
      <c r="A2017" s="52" t="s">
        <v>78</v>
      </c>
      <c r="B2017" s="52" t="s">
        <v>79</v>
      </c>
      <c r="C2017" s="3">
        <v>10</v>
      </c>
      <c r="D2017" s="52" t="s">
        <v>2024</v>
      </c>
      <c r="E2017" s="52" t="s">
        <v>26</v>
      </c>
      <c r="F2017" s="52" t="s">
        <v>81</v>
      </c>
      <c r="G2017" s="52" t="s">
        <v>82</v>
      </c>
      <c r="H2017" s="4">
        <v>1</v>
      </c>
      <c r="I2017" s="2">
        <v>14.65</v>
      </c>
      <c r="J2017" s="52" t="s">
        <v>5026</v>
      </c>
      <c r="K2017" s="71" t="s">
        <v>5816</v>
      </c>
      <c r="L2017" s="52" t="s">
        <v>2063</v>
      </c>
      <c r="M2017" s="72">
        <v>9275</v>
      </c>
      <c r="N2017" s="52" t="s">
        <v>2072</v>
      </c>
      <c r="O2017" s="52" t="s">
        <v>2073</v>
      </c>
      <c r="P2017" s="52"/>
      <c r="Q2017" s="52"/>
      <c r="R2017" s="52"/>
      <c r="S2017" s="52"/>
      <c r="T2017" s="52"/>
      <c r="U2017" s="52"/>
      <c r="V2017" s="52"/>
      <c r="W2017" s="52"/>
    </row>
    <row r="2018" spans="1:23" hidden="1" x14ac:dyDescent="0.35">
      <c r="A2018" s="52" t="s">
        <v>78</v>
      </c>
      <c r="B2018" s="52" t="s">
        <v>79</v>
      </c>
      <c r="C2018" s="3">
        <v>10</v>
      </c>
      <c r="D2018" s="52" t="s">
        <v>2019</v>
      </c>
      <c r="E2018" s="52" t="s">
        <v>26</v>
      </c>
      <c r="F2018" s="52" t="s">
        <v>81</v>
      </c>
      <c r="G2018" s="52" t="s">
        <v>82</v>
      </c>
      <c r="H2018" s="4">
        <v>1</v>
      </c>
      <c r="I2018" s="2">
        <v>14.65</v>
      </c>
      <c r="J2018" s="52" t="s">
        <v>5817</v>
      </c>
      <c r="K2018" s="71" t="s">
        <v>5818</v>
      </c>
      <c r="L2018" s="52" t="s">
        <v>2063</v>
      </c>
      <c r="M2018" s="72">
        <v>7413</v>
      </c>
      <c r="N2018" s="52"/>
      <c r="O2018" s="52"/>
      <c r="P2018" s="52"/>
      <c r="Q2018" s="52"/>
      <c r="R2018" s="52"/>
      <c r="S2018" s="52"/>
      <c r="T2018" s="52"/>
      <c r="U2018" s="52"/>
      <c r="V2018" s="52"/>
      <c r="W2018" s="52"/>
    </row>
    <row r="2019" spans="1:23" hidden="1" x14ac:dyDescent="0.35">
      <c r="A2019" s="52" t="s">
        <v>78</v>
      </c>
      <c r="B2019" s="52" t="s">
        <v>79</v>
      </c>
      <c r="C2019" s="3">
        <v>20</v>
      </c>
      <c r="D2019" s="52" t="s">
        <v>84</v>
      </c>
      <c r="E2019" s="52" t="s">
        <v>26</v>
      </c>
      <c r="F2019" s="52" t="s">
        <v>81</v>
      </c>
      <c r="G2019" s="52" t="s">
        <v>82</v>
      </c>
      <c r="H2019" s="4">
        <v>1</v>
      </c>
      <c r="I2019" s="2">
        <v>14.65</v>
      </c>
      <c r="J2019" s="52" t="s">
        <v>5819</v>
      </c>
      <c r="K2019" s="71" t="s">
        <v>5820</v>
      </c>
      <c r="L2019" s="52" t="s">
        <v>2063</v>
      </c>
      <c r="M2019" s="72">
        <v>8918</v>
      </c>
      <c r="N2019" s="52" t="s">
        <v>2154</v>
      </c>
      <c r="O2019" s="52" t="s">
        <v>2155</v>
      </c>
      <c r="P2019" s="52"/>
      <c r="Q2019" s="52"/>
      <c r="R2019" s="52"/>
      <c r="S2019" s="52"/>
      <c r="T2019" s="52"/>
      <c r="U2019" s="52"/>
      <c r="V2019" s="52"/>
      <c r="W2019" s="52"/>
    </row>
    <row r="2020" spans="1:23" hidden="1" x14ac:dyDescent="0.35">
      <c r="A2020" s="52" t="s">
        <v>78</v>
      </c>
      <c r="B2020" s="52" t="s">
        <v>79</v>
      </c>
      <c r="C2020" s="3">
        <v>20</v>
      </c>
      <c r="D2020" s="52" t="s">
        <v>2022</v>
      </c>
      <c r="E2020" s="52" t="s">
        <v>26</v>
      </c>
      <c r="F2020" s="52" t="s">
        <v>81</v>
      </c>
      <c r="G2020" s="52" t="s">
        <v>82</v>
      </c>
      <c r="H2020" s="4">
        <v>1</v>
      </c>
      <c r="I2020" s="2">
        <v>14.65</v>
      </c>
      <c r="J2020" s="52" t="s">
        <v>5821</v>
      </c>
      <c r="K2020" s="71" t="s">
        <v>5822</v>
      </c>
      <c r="L2020" s="52" t="s">
        <v>2063</v>
      </c>
      <c r="M2020" s="72">
        <v>7398</v>
      </c>
      <c r="N2020" s="52" t="s">
        <v>2066</v>
      </c>
      <c r="O2020" s="52" t="s">
        <v>2067</v>
      </c>
      <c r="P2020" s="52"/>
      <c r="Q2020" s="52"/>
      <c r="R2020" s="52"/>
      <c r="S2020" s="52"/>
      <c r="T2020" s="52"/>
      <c r="U2020" s="52"/>
      <c r="V2020" s="52"/>
      <c r="W2020" s="52"/>
    </row>
    <row r="2021" spans="1:23" hidden="1" x14ac:dyDescent="0.35">
      <c r="A2021" s="52" t="s">
        <v>78</v>
      </c>
      <c r="B2021" s="52" t="s">
        <v>79</v>
      </c>
      <c r="C2021" s="3">
        <v>10</v>
      </c>
      <c r="D2021" s="52" t="s">
        <v>85</v>
      </c>
      <c r="E2021" s="52" t="s">
        <v>26</v>
      </c>
      <c r="F2021" s="52" t="s">
        <v>81</v>
      </c>
      <c r="G2021" s="52" t="s">
        <v>82</v>
      </c>
      <c r="H2021" s="4">
        <v>1</v>
      </c>
      <c r="I2021" s="2">
        <v>14.65</v>
      </c>
      <c r="J2021" s="52" t="s">
        <v>5823</v>
      </c>
      <c r="K2021" s="71" t="s">
        <v>5824</v>
      </c>
      <c r="L2021" s="52" t="s">
        <v>2063</v>
      </c>
      <c r="M2021" s="72">
        <v>533</v>
      </c>
      <c r="N2021" s="52" t="s">
        <v>2066</v>
      </c>
      <c r="O2021" s="52" t="s">
        <v>2067</v>
      </c>
      <c r="P2021" s="52"/>
      <c r="Q2021" s="52"/>
      <c r="R2021" s="52"/>
      <c r="S2021" s="52"/>
      <c r="T2021" s="52"/>
      <c r="U2021" s="52"/>
      <c r="V2021" s="52"/>
      <c r="W2021" s="52"/>
    </row>
    <row r="2022" spans="1:23" hidden="1" x14ac:dyDescent="0.35">
      <c r="A2022" s="52" t="s">
        <v>78</v>
      </c>
      <c r="B2022" s="52" t="s">
        <v>79</v>
      </c>
      <c r="C2022" s="3">
        <v>230</v>
      </c>
      <c r="D2022" s="52" t="s">
        <v>2021</v>
      </c>
      <c r="E2022" s="52" t="s">
        <v>26</v>
      </c>
      <c r="F2022" s="52" t="s">
        <v>81</v>
      </c>
      <c r="G2022" s="52" t="s">
        <v>82</v>
      </c>
      <c r="H2022" s="4">
        <v>1</v>
      </c>
      <c r="I2022" s="2">
        <v>14.65</v>
      </c>
      <c r="J2022" s="52" t="s">
        <v>5825</v>
      </c>
      <c r="K2022" s="71" t="s">
        <v>5826</v>
      </c>
      <c r="L2022" s="52" t="s">
        <v>2063</v>
      </c>
      <c r="M2022" s="72">
        <v>1119</v>
      </c>
      <c r="N2022" s="52" t="s">
        <v>2072</v>
      </c>
      <c r="O2022" s="52" t="s">
        <v>2073</v>
      </c>
      <c r="P2022" s="52"/>
      <c r="Q2022" s="52"/>
      <c r="R2022" s="52"/>
      <c r="S2022" s="52"/>
      <c r="T2022" s="52"/>
      <c r="U2022" s="52"/>
      <c r="V2022" s="52"/>
      <c r="W2022" s="52"/>
    </row>
    <row r="2023" spans="1:23" hidden="1" x14ac:dyDescent="0.35">
      <c r="A2023" s="52" t="s">
        <v>78</v>
      </c>
      <c r="B2023" s="52" t="s">
        <v>79</v>
      </c>
      <c r="C2023" s="3">
        <v>10</v>
      </c>
      <c r="D2023" s="52" t="s">
        <v>85</v>
      </c>
      <c r="E2023" s="52" t="s">
        <v>26</v>
      </c>
      <c r="F2023" s="52" t="s">
        <v>81</v>
      </c>
      <c r="G2023" s="52" t="s">
        <v>82</v>
      </c>
      <c r="H2023" s="4">
        <v>1</v>
      </c>
      <c r="I2023" s="2">
        <v>14.65</v>
      </c>
      <c r="J2023" s="52" t="s">
        <v>5827</v>
      </c>
      <c r="K2023" s="71" t="s">
        <v>5828</v>
      </c>
      <c r="L2023" s="52" t="s">
        <v>2063</v>
      </c>
      <c r="M2023" s="72">
        <v>7855</v>
      </c>
      <c r="N2023" s="52" t="s">
        <v>2072</v>
      </c>
      <c r="O2023" s="52" t="s">
        <v>2073</v>
      </c>
      <c r="P2023" s="52"/>
      <c r="Q2023" s="52"/>
      <c r="R2023" s="52"/>
      <c r="S2023" s="52"/>
      <c r="T2023" s="52"/>
      <c r="U2023" s="52"/>
      <c r="V2023" s="52"/>
      <c r="W2023" s="52"/>
    </row>
    <row r="2024" spans="1:23" hidden="1" x14ac:dyDescent="0.35">
      <c r="A2024" s="52" t="s">
        <v>78</v>
      </c>
      <c r="B2024" s="52" t="s">
        <v>79</v>
      </c>
      <c r="C2024" s="3">
        <v>20</v>
      </c>
      <c r="D2024" s="52" t="s">
        <v>2022</v>
      </c>
      <c r="E2024" s="52" t="s">
        <v>26</v>
      </c>
      <c r="F2024" s="52" t="s">
        <v>81</v>
      </c>
      <c r="G2024" s="52" t="s">
        <v>82</v>
      </c>
      <c r="H2024" s="4">
        <v>1</v>
      </c>
      <c r="I2024" s="2">
        <v>14.65</v>
      </c>
      <c r="J2024" s="52" t="s">
        <v>5058</v>
      </c>
      <c r="K2024" s="71" t="s">
        <v>5829</v>
      </c>
      <c r="L2024" s="52" t="s">
        <v>2063</v>
      </c>
      <c r="M2024" s="72">
        <v>9149</v>
      </c>
      <c r="N2024" s="52" t="s">
        <v>2304</v>
      </c>
      <c r="O2024" s="52" t="s">
        <v>2305</v>
      </c>
      <c r="P2024" s="52"/>
      <c r="Q2024" s="52"/>
      <c r="R2024" s="52"/>
      <c r="S2024" s="52"/>
      <c r="T2024" s="52"/>
      <c r="U2024" s="52"/>
      <c r="V2024" s="52"/>
      <c r="W2024" s="52"/>
    </row>
    <row r="2025" spans="1:23" hidden="1" x14ac:dyDescent="0.35">
      <c r="A2025" s="52" t="s">
        <v>78</v>
      </c>
      <c r="B2025" s="52" t="s">
        <v>79</v>
      </c>
      <c r="C2025" s="3">
        <v>211</v>
      </c>
      <c r="D2025" s="52" t="s">
        <v>85</v>
      </c>
      <c r="E2025" s="52" t="s">
        <v>26</v>
      </c>
      <c r="F2025" s="52" t="s">
        <v>81</v>
      </c>
      <c r="G2025" s="52" t="s">
        <v>82</v>
      </c>
      <c r="H2025" s="4">
        <v>1</v>
      </c>
      <c r="I2025" s="2">
        <v>14.65</v>
      </c>
      <c r="J2025" s="52" t="s">
        <v>5830</v>
      </c>
      <c r="K2025" s="71" t="s">
        <v>5831</v>
      </c>
      <c r="L2025" s="52" t="s">
        <v>2063</v>
      </c>
      <c r="M2025" s="72">
        <v>5521</v>
      </c>
      <c r="N2025" s="52"/>
      <c r="O2025" s="52"/>
      <c r="P2025" s="52"/>
      <c r="Q2025" s="52"/>
      <c r="R2025" s="52"/>
      <c r="S2025" s="52"/>
      <c r="T2025" s="52"/>
      <c r="U2025" s="52"/>
      <c r="V2025" s="52"/>
      <c r="W2025" s="52"/>
    </row>
    <row r="2026" spans="1:23" x14ac:dyDescent="0.35">
      <c r="A2026" s="52" t="s">
        <v>78</v>
      </c>
      <c r="B2026" s="52" t="s">
        <v>79</v>
      </c>
      <c r="C2026" s="3">
        <v>10</v>
      </c>
      <c r="D2026" s="52" t="s">
        <v>87</v>
      </c>
      <c r="E2026" s="52" t="s">
        <v>26</v>
      </c>
      <c r="F2026" s="52" t="s">
        <v>81</v>
      </c>
      <c r="G2026" s="52" t="s">
        <v>82</v>
      </c>
      <c r="H2026" s="4">
        <v>1</v>
      </c>
      <c r="I2026" s="2">
        <v>14.65</v>
      </c>
      <c r="J2026" s="52" t="s">
        <v>5832</v>
      </c>
      <c r="K2026" s="71" t="s">
        <v>5833</v>
      </c>
      <c r="L2026" s="52" t="s">
        <v>2095</v>
      </c>
      <c r="M2026" s="72">
        <v>2194</v>
      </c>
      <c r="N2026" s="52" t="s">
        <v>2238</v>
      </c>
      <c r="O2026" s="52" t="s">
        <v>2239</v>
      </c>
      <c r="P2026" s="52"/>
      <c r="Q2026" s="52"/>
      <c r="R2026" s="52"/>
      <c r="S2026" s="52"/>
      <c r="T2026" s="52"/>
      <c r="U2026" s="52"/>
      <c r="V2026" s="52"/>
      <c r="W2026" s="52"/>
    </row>
    <row r="2027" spans="1:23" hidden="1" x14ac:dyDescent="0.35">
      <c r="A2027" s="52" t="s">
        <v>78</v>
      </c>
      <c r="B2027" s="52" t="s">
        <v>79</v>
      </c>
      <c r="C2027" s="3">
        <v>20</v>
      </c>
      <c r="D2027" s="52" t="s">
        <v>2024</v>
      </c>
      <c r="E2027" s="52" t="s">
        <v>26</v>
      </c>
      <c r="F2027" s="52" t="s">
        <v>81</v>
      </c>
      <c r="G2027" s="52" t="s">
        <v>82</v>
      </c>
      <c r="H2027" s="4">
        <v>1</v>
      </c>
      <c r="I2027" s="2">
        <v>14.65</v>
      </c>
      <c r="J2027" s="52" t="s">
        <v>5834</v>
      </c>
      <c r="K2027" s="71" t="s">
        <v>5835</v>
      </c>
      <c r="L2027" s="52" t="s">
        <v>2063</v>
      </c>
      <c r="M2027" s="72">
        <v>6088</v>
      </c>
      <c r="N2027" s="52" t="s">
        <v>2072</v>
      </c>
      <c r="O2027" s="52" t="s">
        <v>2073</v>
      </c>
      <c r="P2027" s="52"/>
      <c r="Q2027" s="52"/>
      <c r="R2027" s="52"/>
      <c r="S2027" s="52"/>
      <c r="T2027" s="52"/>
      <c r="U2027" s="52"/>
      <c r="V2027" s="52"/>
      <c r="W2027" s="52"/>
    </row>
    <row r="2028" spans="1:23" hidden="1" x14ac:dyDescent="0.35">
      <c r="A2028" s="52" t="s">
        <v>78</v>
      </c>
      <c r="B2028" s="52" t="s">
        <v>79</v>
      </c>
      <c r="C2028" s="3">
        <v>10</v>
      </c>
      <c r="D2028" s="52" t="s">
        <v>2021</v>
      </c>
      <c r="E2028" s="52" t="s">
        <v>26</v>
      </c>
      <c r="F2028" s="52" t="s">
        <v>81</v>
      </c>
      <c r="G2028" s="52" t="s">
        <v>82</v>
      </c>
      <c r="H2028" s="4">
        <v>1</v>
      </c>
      <c r="I2028" s="2">
        <v>14.65</v>
      </c>
      <c r="J2028" s="52" t="s">
        <v>5836</v>
      </c>
      <c r="K2028" s="71" t="s">
        <v>5837</v>
      </c>
      <c r="L2028" s="52" t="s">
        <v>2063</v>
      </c>
      <c r="M2028" s="72">
        <v>3289</v>
      </c>
      <c r="N2028" s="52" t="s">
        <v>2072</v>
      </c>
      <c r="O2028" s="52" t="s">
        <v>2073</v>
      </c>
      <c r="P2028" s="52"/>
      <c r="Q2028" s="52"/>
      <c r="R2028" s="52"/>
      <c r="S2028" s="52"/>
      <c r="T2028" s="52"/>
      <c r="U2028" s="52"/>
      <c r="V2028" s="52"/>
      <c r="W2028" s="52"/>
    </row>
    <row r="2029" spans="1:23" hidden="1" x14ac:dyDescent="0.35">
      <c r="A2029" s="52" t="s">
        <v>78</v>
      </c>
      <c r="B2029" s="52" t="s">
        <v>79</v>
      </c>
      <c r="C2029" s="3">
        <v>20</v>
      </c>
      <c r="D2029" s="52" t="s">
        <v>80</v>
      </c>
      <c r="E2029" s="52" t="s">
        <v>26</v>
      </c>
      <c r="F2029" s="52" t="s">
        <v>81</v>
      </c>
      <c r="G2029" s="52" t="s">
        <v>82</v>
      </c>
      <c r="H2029" s="4">
        <v>1</v>
      </c>
      <c r="I2029" s="2">
        <v>14.65</v>
      </c>
      <c r="J2029" s="52" t="s">
        <v>5838</v>
      </c>
      <c r="K2029" s="71" t="s">
        <v>5839</v>
      </c>
      <c r="L2029" s="52" t="s">
        <v>2063</v>
      </c>
      <c r="M2029" s="72">
        <v>6161</v>
      </c>
      <c r="N2029" s="52" t="s">
        <v>2072</v>
      </c>
      <c r="O2029" s="52" t="s">
        <v>2073</v>
      </c>
      <c r="P2029" s="52"/>
      <c r="Q2029" s="52"/>
      <c r="R2029" s="52"/>
      <c r="S2029" s="52"/>
      <c r="T2029" s="52"/>
      <c r="U2029" s="52"/>
      <c r="V2029" s="52"/>
      <c r="W2029" s="52"/>
    </row>
    <row r="2030" spans="1:23" hidden="1" x14ac:dyDescent="0.35">
      <c r="A2030" s="52" t="s">
        <v>78</v>
      </c>
      <c r="B2030" s="52" t="s">
        <v>79</v>
      </c>
      <c r="C2030" s="3">
        <v>20</v>
      </c>
      <c r="D2030" s="52" t="s">
        <v>2022</v>
      </c>
      <c r="E2030" s="52" t="s">
        <v>26</v>
      </c>
      <c r="F2030" s="52" t="s">
        <v>81</v>
      </c>
      <c r="G2030" s="52" t="s">
        <v>82</v>
      </c>
      <c r="H2030" s="4">
        <v>1</v>
      </c>
      <c r="I2030" s="2">
        <v>14.65</v>
      </c>
      <c r="J2030" s="52" t="s">
        <v>5840</v>
      </c>
      <c r="K2030" s="71" t="s">
        <v>5841</v>
      </c>
      <c r="L2030" s="52" t="s">
        <v>2063</v>
      </c>
      <c r="M2030" s="72">
        <v>990</v>
      </c>
      <c r="N2030" s="52" t="s">
        <v>2072</v>
      </c>
      <c r="O2030" s="52" t="s">
        <v>2073</v>
      </c>
      <c r="P2030" s="52"/>
      <c r="Q2030" s="52"/>
      <c r="R2030" s="52"/>
      <c r="S2030" s="52"/>
      <c r="T2030" s="52"/>
      <c r="U2030" s="52"/>
      <c r="V2030" s="52"/>
      <c r="W2030" s="52"/>
    </row>
    <row r="2031" spans="1:23" hidden="1" x14ac:dyDescent="0.35">
      <c r="A2031" s="52" t="s">
        <v>78</v>
      </c>
      <c r="B2031" s="52" t="s">
        <v>79</v>
      </c>
      <c r="C2031" s="3">
        <v>10</v>
      </c>
      <c r="D2031" s="52" t="s">
        <v>2023</v>
      </c>
      <c r="E2031" s="52" t="s">
        <v>26</v>
      </c>
      <c r="F2031" s="52" t="s">
        <v>81</v>
      </c>
      <c r="G2031" s="52" t="s">
        <v>82</v>
      </c>
      <c r="H2031" s="4">
        <v>1</v>
      </c>
      <c r="I2031" s="2">
        <v>14.65</v>
      </c>
      <c r="J2031" s="52" t="s">
        <v>5842</v>
      </c>
      <c r="K2031" s="71" t="s">
        <v>5843</v>
      </c>
      <c r="L2031" s="52" t="s">
        <v>2063</v>
      </c>
      <c r="M2031" s="72">
        <v>1283</v>
      </c>
      <c r="N2031" s="52"/>
      <c r="O2031" s="52"/>
      <c r="P2031" s="52"/>
      <c r="Q2031" s="52"/>
      <c r="R2031" s="52"/>
      <c r="S2031" s="52"/>
      <c r="T2031" s="52"/>
      <c r="U2031" s="52"/>
      <c r="V2031" s="52"/>
      <c r="W2031" s="52"/>
    </row>
    <row r="2032" spans="1:23" x14ac:dyDescent="0.35">
      <c r="A2032" s="52" t="s">
        <v>78</v>
      </c>
      <c r="B2032" s="52" t="s">
        <v>79</v>
      </c>
      <c r="C2032" s="3">
        <v>10</v>
      </c>
      <c r="D2032" s="52" t="s">
        <v>80</v>
      </c>
      <c r="E2032" s="52" t="s">
        <v>26</v>
      </c>
      <c r="F2032" s="52" t="s">
        <v>81</v>
      </c>
      <c r="G2032" s="52" t="s">
        <v>82</v>
      </c>
      <c r="H2032" s="4">
        <v>1</v>
      </c>
      <c r="I2032" s="2">
        <v>14.65</v>
      </c>
      <c r="J2032" s="52" t="s">
        <v>5844</v>
      </c>
      <c r="K2032" s="71" t="s">
        <v>5845</v>
      </c>
      <c r="L2032" s="52" t="s">
        <v>2063</v>
      </c>
      <c r="M2032" s="72">
        <v>5453</v>
      </c>
      <c r="N2032" s="52" t="s">
        <v>2259</v>
      </c>
      <c r="O2032" s="52" t="s">
        <v>2260</v>
      </c>
      <c r="P2032" s="52"/>
      <c r="Q2032" s="52"/>
      <c r="R2032" s="52"/>
      <c r="S2032" s="52"/>
      <c r="T2032" s="52"/>
      <c r="U2032" s="52"/>
      <c r="V2032" s="52"/>
      <c r="W2032" s="52"/>
    </row>
    <row r="2033" spans="1:23" hidden="1" x14ac:dyDescent="0.35">
      <c r="A2033" s="52" t="s">
        <v>78</v>
      </c>
      <c r="B2033" s="52" t="s">
        <v>79</v>
      </c>
      <c r="C2033" s="3">
        <v>20</v>
      </c>
      <c r="D2033" s="52" t="s">
        <v>2022</v>
      </c>
      <c r="E2033" s="52" t="s">
        <v>26</v>
      </c>
      <c r="F2033" s="52" t="s">
        <v>81</v>
      </c>
      <c r="G2033" s="52" t="s">
        <v>82</v>
      </c>
      <c r="H2033" s="4">
        <v>1</v>
      </c>
      <c r="I2033" s="2">
        <v>14.65</v>
      </c>
      <c r="J2033" s="52" t="s">
        <v>5846</v>
      </c>
      <c r="K2033" s="71" t="s">
        <v>5847</v>
      </c>
      <c r="L2033" s="52" t="s">
        <v>2063</v>
      </c>
      <c r="M2033" s="72">
        <v>6046</v>
      </c>
      <c r="N2033" s="52" t="s">
        <v>2158</v>
      </c>
      <c r="O2033" s="52" t="s">
        <v>2159</v>
      </c>
      <c r="P2033" s="52"/>
      <c r="Q2033" s="52"/>
      <c r="R2033" s="52"/>
      <c r="S2033" s="52"/>
      <c r="T2033" s="52"/>
      <c r="U2033" s="52"/>
      <c r="V2033" s="52"/>
      <c r="W2033" s="52"/>
    </row>
    <row r="2034" spans="1:23" hidden="1" x14ac:dyDescent="0.35">
      <c r="A2034" s="52" t="s">
        <v>78</v>
      </c>
      <c r="B2034" s="52" t="s">
        <v>79</v>
      </c>
      <c r="C2034" s="3">
        <v>10</v>
      </c>
      <c r="D2034" s="52" t="s">
        <v>85</v>
      </c>
      <c r="E2034" s="52" t="s">
        <v>26</v>
      </c>
      <c r="F2034" s="52" t="s">
        <v>81</v>
      </c>
      <c r="G2034" s="52" t="s">
        <v>82</v>
      </c>
      <c r="H2034" s="4">
        <v>1</v>
      </c>
      <c r="I2034" s="2">
        <v>14.65</v>
      </c>
      <c r="J2034" s="52" t="s">
        <v>5848</v>
      </c>
      <c r="K2034" s="71" t="s">
        <v>5849</v>
      </c>
      <c r="L2034" s="52" t="s">
        <v>2063</v>
      </c>
      <c r="M2034" s="72">
        <v>8386</v>
      </c>
      <c r="N2034" s="52" t="s">
        <v>2072</v>
      </c>
      <c r="O2034" s="52" t="s">
        <v>2073</v>
      </c>
      <c r="P2034" s="52"/>
      <c r="Q2034" s="52"/>
      <c r="R2034" s="52"/>
      <c r="S2034" s="52"/>
      <c r="T2034" s="52"/>
      <c r="U2034" s="52"/>
      <c r="V2034" s="52"/>
      <c r="W2034" s="52"/>
    </row>
    <row r="2035" spans="1:23" hidden="1" x14ac:dyDescent="0.35">
      <c r="A2035" s="52" t="s">
        <v>78</v>
      </c>
      <c r="B2035" s="52" t="s">
        <v>79</v>
      </c>
      <c r="C2035" s="3">
        <v>20</v>
      </c>
      <c r="D2035" s="52" t="s">
        <v>2019</v>
      </c>
      <c r="E2035" s="52" t="s">
        <v>26</v>
      </c>
      <c r="F2035" s="52" t="s">
        <v>81</v>
      </c>
      <c r="G2035" s="52" t="s">
        <v>82</v>
      </c>
      <c r="H2035" s="4">
        <v>1</v>
      </c>
      <c r="I2035" s="2">
        <v>14.65</v>
      </c>
      <c r="J2035" s="52" t="s">
        <v>5850</v>
      </c>
      <c r="K2035" s="71" t="s">
        <v>5851</v>
      </c>
      <c r="L2035" s="52" t="s">
        <v>2063</v>
      </c>
      <c r="M2035" s="72">
        <v>7875</v>
      </c>
      <c r="N2035" s="52" t="s">
        <v>2072</v>
      </c>
      <c r="O2035" s="52" t="s">
        <v>2073</v>
      </c>
      <c r="P2035" s="52"/>
      <c r="Q2035" s="52"/>
      <c r="R2035" s="52"/>
      <c r="S2035" s="52"/>
      <c r="T2035" s="52"/>
      <c r="U2035" s="52"/>
      <c r="V2035" s="52"/>
      <c r="W2035" s="52"/>
    </row>
    <row r="2036" spans="1:23" x14ac:dyDescent="0.35">
      <c r="A2036" s="52" t="s">
        <v>78</v>
      </c>
      <c r="B2036" s="52" t="s">
        <v>79</v>
      </c>
      <c r="C2036" s="3">
        <v>10</v>
      </c>
      <c r="D2036" s="52" t="s">
        <v>85</v>
      </c>
      <c r="E2036" s="52" t="s">
        <v>26</v>
      </c>
      <c r="F2036" s="52" t="s">
        <v>81</v>
      </c>
      <c r="G2036" s="52" t="s">
        <v>82</v>
      </c>
      <c r="H2036" s="4">
        <v>1</v>
      </c>
      <c r="I2036" s="2">
        <v>14.65</v>
      </c>
      <c r="J2036" s="52" t="s">
        <v>5852</v>
      </c>
      <c r="K2036" s="71" t="s">
        <v>5853</v>
      </c>
      <c r="L2036" s="52" t="s">
        <v>2063</v>
      </c>
      <c r="M2036" s="72">
        <v>725</v>
      </c>
      <c r="N2036" s="52" t="s">
        <v>2238</v>
      </c>
      <c r="O2036" s="52" t="s">
        <v>2239</v>
      </c>
      <c r="P2036" s="52"/>
      <c r="Q2036" s="52"/>
      <c r="R2036" s="52"/>
      <c r="S2036" s="52"/>
      <c r="T2036" s="52"/>
      <c r="U2036" s="52"/>
      <c r="V2036" s="52"/>
      <c r="W2036" s="52"/>
    </row>
    <row r="2037" spans="1:23" hidden="1" x14ac:dyDescent="0.35">
      <c r="A2037" s="52" t="s">
        <v>78</v>
      </c>
      <c r="B2037" s="52" t="s">
        <v>79</v>
      </c>
      <c r="C2037" s="3">
        <v>20</v>
      </c>
      <c r="D2037" s="52" t="s">
        <v>80</v>
      </c>
      <c r="E2037" s="52" t="s">
        <v>26</v>
      </c>
      <c r="F2037" s="52" t="s">
        <v>81</v>
      </c>
      <c r="G2037" s="52" t="s">
        <v>82</v>
      </c>
      <c r="H2037" s="4">
        <v>1</v>
      </c>
      <c r="I2037" s="2">
        <v>14.65</v>
      </c>
      <c r="J2037" s="52" t="s">
        <v>5854</v>
      </c>
      <c r="K2037" s="71" t="s">
        <v>5855</v>
      </c>
      <c r="L2037" s="52" t="s">
        <v>2063</v>
      </c>
      <c r="M2037" s="72">
        <v>5664</v>
      </c>
      <c r="N2037" s="52" t="s">
        <v>2072</v>
      </c>
      <c r="O2037" s="52" t="s">
        <v>2073</v>
      </c>
      <c r="P2037" s="52"/>
      <c r="Q2037" s="52"/>
      <c r="R2037" s="52"/>
      <c r="S2037" s="52"/>
      <c r="T2037" s="52"/>
      <c r="U2037" s="52"/>
      <c r="V2037" s="52"/>
      <c r="W2037" s="52"/>
    </row>
    <row r="2038" spans="1:23" hidden="1" x14ac:dyDescent="0.35">
      <c r="A2038" s="52" t="s">
        <v>78</v>
      </c>
      <c r="B2038" s="52" t="s">
        <v>79</v>
      </c>
      <c r="C2038" s="3">
        <v>20</v>
      </c>
      <c r="D2038" s="52" t="s">
        <v>2022</v>
      </c>
      <c r="E2038" s="52" t="s">
        <v>26</v>
      </c>
      <c r="F2038" s="52" t="s">
        <v>81</v>
      </c>
      <c r="G2038" s="52" t="s">
        <v>82</v>
      </c>
      <c r="H2038" s="4">
        <v>1</v>
      </c>
      <c r="I2038" s="2">
        <v>14.65</v>
      </c>
      <c r="J2038" s="52" t="s">
        <v>5856</v>
      </c>
      <c r="K2038" s="71" t="s">
        <v>5857</v>
      </c>
      <c r="L2038" s="52" t="s">
        <v>2063</v>
      </c>
      <c r="M2038" s="72">
        <v>2424</v>
      </c>
      <c r="N2038" s="52"/>
      <c r="O2038" s="52"/>
      <c r="P2038" s="52"/>
      <c r="Q2038" s="52"/>
      <c r="R2038" s="52"/>
      <c r="S2038" s="52"/>
      <c r="T2038" s="52"/>
      <c r="U2038" s="52"/>
      <c r="V2038" s="52"/>
      <c r="W2038" s="52"/>
    </row>
    <row r="2039" spans="1:23" hidden="1" x14ac:dyDescent="0.35">
      <c r="A2039" s="52" t="s">
        <v>78</v>
      </c>
      <c r="B2039" s="52" t="s">
        <v>79</v>
      </c>
      <c r="C2039" s="3">
        <v>20</v>
      </c>
      <c r="D2039" s="52" t="s">
        <v>80</v>
      </c>
      <c r="E2039" s="52" t="s">
        <v>26</v>
      </c>
      <c r="F2039" s="52" t="s">
        <v>81</v>
      </c>
      <c r="G2039" s="52" t="s">
        <v>82</v>
      </c>
      <c r="H2039" s="4">
        <v>1</v>
      </c>
      <c r="I2039" s="2">
        <v>14.65</v>
      </c>
      <c r="J2039" s="52" t="s">
        <v>5858</v>
      </c>
      <c r="K2039" s="71" t="s">
        <v>5859</v>
      </c>
      <c r="L2039" s="52" t="s">
        <v>2063</v>
      </c>
      <c r="M2039" s="72">
        <v>555</v>
      </c>
      <c r="N2039" s="52" t="s">
        <v>2072</v>
      </c>
      <c r="O2039" s="52" t="s">
        <v>2073</v>
      </c>
      <c r="P2039" s="52"/>
      <c r="Q2039" s="52"/>
      <c r="R2039" s="52"/>
      <c r="S2039" s="52"/>
      <c r="T2039" s="52"/>
      <c r="U2039" s="52"/>
      <c r="V2039" s="52"/>
      <c r="W2039" s="52"/>
    </row>
    <row r="2040" spans="1:23" hidden="1" x14ac:dyDescent="0.35">
      <c r="A2040" s="52" t="s">
        <v>78</v>
      </c>
      <c r="B2040" s="52" t="s">
        <v>79</v>
      </c>
      <c r="C2040" s="3">
        <v>10</v>
      </c>
      <c r="D2040" s="52" t="s">
        <v>2024</v>
      </c>
      <c r="E2040" s="52" t="s">
        <v>26</v>
      </c>
      <c r="F2040" s="52" t="s">
        <v>81</v>
      </c>
      <c r="G2040" s="52" t="s">
        <v>82</v>
      </c>
      <c r="H2040" s="4">
        <v>1</v>
      </c>
      <c r="I2040" s="2">
        <v>14.65</v>
      </c>
      <c r="J2040" s="52" t="s">
        <v>5860</v>
      </c>
      <c r="K2040" s="71" t="s">
        <v>5861</v>
      </c>
      <c r="L2040" s="52" t="s">
        <v>2063</v>
      </c>
      <c r="M2040" s="72">
        <v>4708</v>
      </c>
      <c r="N2040" s="52"/>
      <c r="O2040" s="52"/>
      <c r="P2040" s="52"/>
      <c r="Q2040" s="52"/>
      <c r="R2040" s="52"/>
      <c r="S2040" s="52"/>
      <c r="T2040" s="52"/>
      <c r="U2040" s="52"/>
      <c r="V2040" s="52"/>
      <c r="W2040" s="52"/>
    </row>
    <row r="2041" spans="1:23" hidden="1" x14ac:dyDescent="0.35">
      <c r="A2041" s="52" t="s">
        <v>78</v>
      </c>
      <c r="B2041" s="52" t="s">
        <v>79</v>
      </c>
      <c r="C2041" s="3">
        <v>10</v>
      </c>
      <c r="D2041" s="52" t="s">
        <v>2021</v>
      </c>
      <c r="E2041" s="52" t="s">
        <v>26</v>
      </c>
      <c r="F2041" s="52" t="s">
        <v>81</v>
      </c>
      <c r="G2041" s="52" t="s">
        <v>82</v>
      </c>
      <c r="H2041" s="4">
        <v>1</v>
      </c>
      <c r="I2041" s="2">
        <v>14.65</v>
      </c>
      <c r="J2041" s="52" t="s">
        <v>5717</v>
      </c>
      <c r="K2041" s="71" t="s">
        <v>5862</v>
      </c>
      <c r="L2041" s="52" t="s">
        <v>2063</v>
      </c>
      <c r="M2041" s="72">
        <v>1730</v>
      </c>
      <c r="N2041" s="52" t="s">
        <v>2066</v>
      </c>
      <c r="O2041" s="52" t="s">
        <v>2067</v>
      </c>
      <c r="P2041" s="52"/>
      <c r="Q2041" s="52"/>
      <c r="R2041" s="52"/>
      <c r="S2041" s="52"/>
      <c r="T2041" s="52"/>
      <c r="U2041" s="52"/>
      <c r="V2041" s="52"/>
      <c r="W2041" s="52"/>
    </row>
    <row r="2042" spans="1:23" hidden="1" x14ac:dyDescent="0.35">
      <c r="A2042" s="52" t="s">
        <v>78</v>
      </c>
      <c r="B2042" s="52" t="s">
        <v>79</v>
      </c>
      <c r="C2042" s="3">
        <v>20</v>
      </c>
      <c r="D2042" s="52" t="s">
        <v>84</v>
      </c>
      <c r="E2042" s="52" t="s">
        <v>26</v>
      </c>
      <c r="F2042" s="52" t="s">
        <v>81</v>
      </c>
      <c r="G2042" s="52" t="s">
        <v>82</v>
      </c>
      <c r="H2042" s="4">
        <v>1</v>
      </c>
      <c r="I2042" s="2">
        <v>14.65</v>
      </c>
      <c r="J2042" s="52" t="s">
        <v>5863</v>
      </c>
      <c r="K2042" s="71" t="s">
        <v>5864</v>
      </c>
      <c r="L2042" s="52" t="s">
        <v>2063</v>
      </c>
      <c r="M2042" s="72">
        <v>3552</v>
      </c>
      <c r="N2042" s="52" t="s">
        <v>2158</v>
      </c>
      <c r="O2042" s="52" t="s">
        <v>2159</v>
      </c>
      <c r="P2042" s="52"/>
      <c r="Q2042" s="52"/>
      <c r="R2042" s="52"/>
      <c r="S2042" s="52"/>
      <c r="T2042" s="52"/>
      <c r="U2042" s="52"/>
      <c r="V2042" s="52"/>
      <c r="W2042" s="52"/>
    </row>
    <row r="2043" spans="1:23" hidden="1" x14ac:dyDescent="0.35">
      <c r="A2043" s="52" t="s">
        <v>78</v>
      </c>
      <c r="B2043" s="52" t="s">
        <v>79</v>
      </c>
      <c r="C2043" s="3">
        <v>212</v>
      </c>
      <c r="D2043" s="52" t="s">
        <v>84</v>
      </c>
      <c r="E2043" s="52" t="s">
        <v>26</v>
      </c>
      <c r="F2043" s="52" t="s">
        <v>81</v>
      </c>
      <c r="G2043" s="52" t="s">
        <v>82</v>
      </c>
      <c r="H2043" s="4">
        <v>1</v>
      </c>
      <c r="I2043" s="2">
        <v>14.65</v>
      </c>
      <c r="J2043" s="52" t="s">
        <v>5865</v>
      </c>
      <c r="K2043" s="71" t="s">
        <v>5866</v>
      </c>
      <c r="L2043" s="52" t="s">
        <v>2063</v>
      </c>
      <c r="M2043" s="72">
        <v>9004</v>
      </c>
      <c r="N2043" s="52"/>
      <c r="O2043" s="52"/>
      <c r="P2043" s="52"/>
      <c r="Q2043" s="52"/>
      <c r="R2043" s="52"/>
      <c r="S2043" s="52"/>
      <c r="T2043" s="52"/>
      <c r="U2043" s="52"/>
      <c r="V2043" s="52"/>
      <c r="W2043" s="52"/>
    </row>
    <row r="2044" spans="1:23" hidden="1" x14ac:dyDescent="0.35">
      <c r="A2044" s="52" t="s">
        <v>78</v>
      </c>
      <c r="B2044" s="52" t="s">
        <v>79</v>
      </c>
      <c r="C2044" s="3">
        <v>10</v>
      </c>
      <c r="D2044" s="52" t="s">
        <v>2020</v>
      </c>
      <c r="E2044" s="52" t="s">
        <v>26</v>
      </c>
      <c r="F2044" s="52" t="s">
        <v>81</v>
      </c>
      <c r="G2044" s="52" t="s">
        <v>82</v>
      </c>
      <c r="H2044" s="4">
        <v>1</v>
      </c>
      <c r="I2044" s="2">
        <v>14.65</v>
      </c>
      <c r="J2044" s="52" t="s">
        <v>5867</v>
      </c>
      <c r="K2044" s="71" t="s">
        <v>5868</v>
      </c>
      <c r="L2044" s="52" t="s">
        <v>2063</v>
      </c>
      <c r="M2044" s="72">
        <v>2240</v>
      </c>
      <c r="N2044" s="52" t="s">
        <v>2072</v>
      </c>
      <c r="O2044" s="52" t="s">
        <v>2073</v>
      </c>
      <c r="P2044" s="52"/>
      <c r="Q2044" s="52"/>
      <c r="R2044" s="52"/>
      <c r="S2044" s="52"/>
      <c r="T2044" s="52"/>
      <c r="U2044" s="52"/>
      <c r="V2044" s="52"/>
      <c r="W2044" s="52"/>
    </row>
    <row r="2045" spans="1:23" x14ac:dyDescent="0.35">
      <c r="A2045" s="52" t="s">
        <v>78</v>
      </c>
      <c r="B2045" s="52" t="s">
        <v>79</v>
      </c>
      <c r="C2045" s="3">
        <v>213</v>
      </c>
      <c r="D2045" s="52" t="s">
        <v>83</v>
      </c>
      <c r="E2045" s="52" t="s">
        <v>26</v>
      </c>
      <c r="F2045" s="52" t="s">
        <v>81</v>
      </c>
      <c r="G2045" s="52" t="s">
        <v>82</v>
      </c>
      <c r="H2045" s="4">
        <v>1</v>
      </c>
      <c r="I2045" s="2">
        <v>14.65</v>
      </c>
      <c r="J2045" s="52" t="s">
        <v>5869</v>
      </c>
      <c r="K2045" s="71" t="s">
        <v>5870</v>
      </c>
      <c r="L2045" s="52" t="s">
        <v>2063</v>
      </c>
      <c r="M2045" s="72">
        <v>4393</v>
      </c>
      <c r="N2045" s="52" t="s">
        <v>2076</v>
      </c>
      <c r="O2045" s="52" t="s">
        <v>2077</v>
      </c>
      <c r="P2045" s="52"/>
      <c r="Q2045" s="52"/>
      <c r="R2045" s="52"/>
      <c r="S2045" s="52"/>
      <c r="T2045" s="52"/>
      <c r="U2045" s="52"/>
      <c r="V2045" s="52"/>
      <c r="W2045" s="52"/>
    </row>
    <row r="2046" spans="1:23" hidden="1" x14ac:dyDescent="0.35">
      <c r="A2046" s="52" t="s">
        <v>78</v>
      </c>
      <c r="B2046" s="52" t="s">
        <v>79</v>
      </c>
      <c r="C2046" s="3">
        <v>20</v>
      </c>
      <c r="D2046" s="52" t="s">
        <v>2021</v>
      </c>
      <c r="E2046" s="52" t="s">
        <v>26</v>
      </c>
      <c r="F2046" s="52" t="s">
        <v>81</v>
      </c>
      <c r="G2046" s="52" t="s">
        <v>82</v>
      </c>
      <c r="H2046" s="4">
        <v>1</v>
      </c>
      <c r="I2046" s="2">
        <v>14.65</v>
      </c>
      <c r="J2046" s="52" t="s">
        <v>5871</v>
      </c>
      <c r="K2046" s="71" t="s">
        <v>5872</v>
      </c>
      <c r="L2046" s="52" t="s">
        <v>2095</v>
      </c>
      <c r="M2046" s="72">
        <v>8933</v>
      </c>
      <c r="N2046" s="52"/>
      <c r="O2046" s="52"/>
      <c r="P2046" s="52"/>
      <c r="Q2046" s="52"/>
      <c r="R2046" s="52"/>
      <c r="S2046" s="52"/>
      <c r="T2046" s="52"/>
      <c r="U2046" s="52"/>
      <c r="V2046" s="52"/>
      <c r="W2046" s="52"/>
    </row>
    <row r="2047" spans="1:23" hidden="1" x14ac:dyDescent="0.35">
      <c r="A2047" s="52" t="s">
        <v>78</v>
      </c>
      <c r="B2047" s="52" t="s">
        <v>79</v>
      </c>
      <c r="C2047" s="3">
        <v>10</v>
      </c>
      <c r="D2047" s="52" t="s">
        <v>86</v>
      </c>
      <c r="E2047" s="52" t="s">
        <v>26</v>
      </c>
      <c r="F2047" s="52" t="s">
        <v>81</v>
      </c>
      <c r="G2047" s="52" t="s">
        <v>82</v>
      </c>
      <c r="H2047" s="4">
        <v>1</v>
      </c>
      <c r="I2047" s="2">
        <v>14.65</v>
      </c>
      <c r="J2047" s="52" t="s">
        <v>5568</v>
      </c>
      <c r="K2047" s="71" t="s">
        <v>5873</v>
      </c>
      <c r="L2047" s="52" t="s">
        <v>2063</v>
      </c>
      <c r="M2047" s="72">
        <v>4786</v>
      </c>
      <c r="N2047" s="52" t="s">
        <v>2072</v>
      </c>
      <c r="O2047" s="52" t="s">
        <v>2073</v>
      </c>
      <c r="P2047" s="52"/>
      <c r="Q2047" s="52"/>
      <c r="R2047" s="52"/>
      <c r="S2047" s="52"/>
      <c r="T2047" s="52"/>
      <c r="U2047" s="52"/>
      <c r="V2047" s="52"/>
      <c r="W2047" s="52"/>
    </row>
    <row r="2048" spans="1:23" hidden="1" x14ac:dyDescent="0.35">
      <c r="A2048" s="52" t="s">
        <v>78</v>
      </c>
      <c r="B2048" s="52" t="s">
        <v>79</v>
      </c>
      <c r="C2048" s="3">
        <v>10</v>
      </c>
      <c r="D2048" s="52" t="s">
        <v>2022</v>
      </c>
      <c r="E2048" s="52" t="s">
        <v>26</v>
      </c>
      <c r="F2048" s="52" t="s">
        <v>81</v>
      </c>
      <c r="G2048" s="52" t="s">
        <v>82</v>
      </c>
      <c r="H2048" s="4">
        <v>1</v>
      </c>
      <c r="I2048" s="2">
        <v>14.65</v>
      </c>
      <c r="J2048" s="52" t="s">
        <v>5874</v>
      </c>
      <c r="K2048" s="71" t="s">
        <v>5875</v>
      </c>
      <c r="L2048" s="52" t="s">
        <v>2063</v>
      </c>
      <c r="M2048" s="72">
        <v>9112</v>
      </c>
      <c r="N2048" s="52" t="s">
        <v>2072</v>
      </c>
      <c r="O2048" s="52" t="s">
        <v>2073</v>
      </c>
      <c r="P2048" s="52"/>
      <c r="Q2048" s="52"/>
      <c r="R2048" s="52"/>
      <c r="S2048" s="52"/>
      <c r="T2048" s="52"/>
      <c r="U2048" s="52"/>
      <c r="V2048" s="52"/>
      <c r="W2048" s="52"/>
    </row>
    <row r="2049" spans="1:23" hidden="1" x14ac:dyDescent="0.35">
      <c r="A2049" s="52" t="s">
        <v>78</v>
      </c>
      <c r="B2049" s="52" t="s">
        <v>79</v>
      </c>
      <c r="C2049" s="3">
        <v>20</v>
      </c>
      <c r="D2049" s="52" t="s">
        <v>2024</v>
      </c>
      <c r="E2049" s="52" t="s">
        <v>26</v>
      </c>
      <c r="F2049" s="52" t="s">
        <v>81</v>
      </c>
      <c r="G2049" s="52" t="s">
        <v>82</v>
      </c>
      <c r="H2049" s="4">
        <v>1</v>
      </c>
      <c r="I2049" s="2">
        <v>14.65</v>
      </c>
      <c r="J2049" s="52" t="s">
        <v>5876</v>
      </c>
      <c r="K2049" s="71" t="s">
        <v>5877</v>
      </c>
      <c r="L2049" s="52" t="s">
        <v>2095</v>
      </c>
      <c r="M2049" s="72">
        <v>8768</v>
      </c>
      <c r="N2049" s="52"/>
      <c r="O2049" s="52"/>
      <c r="P2049" s="52"/>
      <c r="Q2049" s="52"/>
      <c r="R2049" s="52"/>
      <c r="S2049" s="52"/>
      <c r="T2049" s="52"/>
      <c r="U2049" s="52"/>
      <c r="V2049" s="52"/>
      <c r="W2049" s="52"/>
    </row>
    <row r="2050" spans="1:23" hidden="1" x14ac:dyDescent="0.35">
      <c r="A2050" s="52" t="s">
        <v>78</v>
      </c>
      <c r="B2050" s="52" t="s">
        <v>79</v>
      </c>
      <c r="C2050" s="3">
        <v>10</v>
      </c>
      <c r="D2050" s="52" t="s">
        <v>2022</v>
      </c>
      <c r="E2050" s="52" t="s">
        <v>26</v>
      </c>
      <c r="F2050" s="52" t="s">
        <v>81</v>
      </c>
      <c r="G2050" s="52" t="s">
        <v>82</v>
      </c>
      <c r="H2050" s="4">
        <v>1</v>
      </c>
      <c r="I2050" s="2">
        <v>14.65</v>
      </c>
      <c r="J2050" s="52" t="s">
        <v>5034</v>
      </c>
      <c r="K2050" s="71" t="s">
        <v>5878</v>
      </c>
      <c r="L2050" s="52" t="s">
        <v>2063</v>
      </c>
      <c r="M2050" s="72">
        <v>4874</v>
      </c>
      <c r="N2050" s="52" t="s">
        <v>2072</v>
      </c>
      <c r="O2050" s="52" t="s">
        <v>2073</v>
      </c>
      <c r="P2050" s="52"/>
      <c r="Q2050" s="52"/>
      <c r="R2050" s="52"/>
      <c r="S2050" s="52"/>
      <c r="T2050" s="52"/>
      <c r="U2050" s="52"/>
      <c r="V2050" s="52"/>
      <c r="W2050" s="52"/>
    </row>
    <row r="2051" spans="1:23" hidden="1" x14ac:dyDescent="0.35">
      <c r="A2051" s="52" t="s">
        <v>78</v>
      </c>
      <c r="B2051" s="52" t="s">
        <v>79</v>
      </c>
      <c r="C2051" s="3">
        <v>10</v>
      </c>
      <c r="D2051" s="52" t="s">
        <v>2024</v>
      </c>
      <c r="E2051" s="52" t="s">
        <v>26</v>
      </c>
      <c r="F2051" s="52" t="s">
        <v>81</v>
      </c>
      <c r="G2051" s="52" t="s">
        <v>82</v>
      </c>
      <c r="H2051" s="4">
        <v>1</v>
      </c>
      <c r="I2051" s="2">
        <v>14.65</v>
      </c>
      <c r="J2051" s="52" t="s">
        <v>5879</v>
      </c>
      <c r="K2051" s="71" t="s">
        <v>5880</v>
      </c>
      <c r="L2051" s="52" t="s">
        <v>2063</v>
      </c>
      <c r="M2051" s="72">
        <v>7287</v>
      </c>
      <c r="N2051" s="52" t="s">
        <v>2072</v>
      </c>
      <c r="O2051" s="52" t="s">
        <v>2073</v>
      </c>
      <c r="P2051" s="52"/>
      <c r="Q2051" s="52"/>
      <c r="R2051" s="52"/>
      <c r="S2051" s="52"/>
      <c r="T2051" s="52"/>
      <c r="U2051" s="52"/>
      <c r="V2051" s="52"/>
      <c r="W2051" s="52"/>
    </row>
    <row r="2052" spans="1:23" hidden="1" x14ac:dyDescent="0.35">
      <c r="A2052" s="52" t="s">
        <v>78</v>
      </c>
      <c r="B2052" s="52" t="s">
        <v>79</v>
      </c>
      <c r="C2052" s="3">
        <v>10</v>
      </c>
      <c r="D2052" s="52" t="s">
        <v>2021</v>
      </c>
      <c r="E2052" s="52" t="s">
        <v>26</v>
      </c>
      <c r="F2052" s="52" t="s">
        <v>81</v>
      </c>
      <c r="G2052" s="52" t="s">
        <v>82</v>
      </c>
      <c r="H2052" s="4">
        <v>1</v>
      </c>
      <c r="I2052" s="2">
        <v>14.65</v>
      </c>
      <c r="J2052" s="52" t="s">
        <v>5881</v>
      </c>
      <c r="K2052" s="71" t="s">
        <v>5882</v>
      </c>
      <c r="L2052" s="52" t="s">
        <v>2063</v>
      </c>
      <c r="M2052" s="72">
        <v>9486</v>
      </c>
      <c r="N2052" s="52" t="s">
        <v>2072</v>
      </c>
      <c r="O2052" s="52" t="s">
        <v>2073</v>
      </c>
      <c r="P2052" s="52"/>
      <c r="Q2052" s="52"/>
      <c r="R2052" s="52"/>
      <c r="S2052" s="52"/>
      <c r="T2052" s="52"/>
      <c r="U2052" s="52"/>
      <c r="V2052" s="52"/>
      <c r="W2052" s="52"/>
    </row>
    <row r="2053" spans="1:23" hidden="1" x14ac:dyDescent="0.35">
      <c r="A2053" s="52" t="s">
        <v>78</v>
      </c>
      <c r="B2053" s="52" t="s">
        <v>79</v>
      </c>
      <c r="C2053" s="3">
        <v>20</v>
      </c>
      <c r="D2053" s="52" t="s">
        <v>85</v>
      </c>
      <c r="E2053" s="52" t="s">
        <v>26</v>
      </c>
      <c r="F2053" s="52" t="s">
        <v>81</v>
      </c>
      <c r="G2053" s="52" t="s">
        <v>82</v>
      </c>
      <c r="H2053" s="4">
        <v>1</v>
      </c>
      <c r="I2053" s="2">
        <v>14.65</v>
      </c>
      <c r="J2053" s="52" t="s">
        <v>5883</v>
      </c>
      <c r="K2053" s="71" t="s">
        <v>5884</v>
      </c>
      <c r="L2053" s="52" t="s">
        <v>2063</v>
      </c>
      <c r="M2053" s="72">
        <v>1337</v>
      </c>
      <c r="N2053" s="52" t="s">
        <v>2072</v>
      </c>
      <c r="O2053" s="52" t="s">
        <v>2073</v>
      </c>
      <c r="P2053" s="52"/>
      <c r="Q2053" s="52"/>
      <c r="R2053" s="52"/>
      <c r="S2053" s="52"/>
      <c r="T2053" s="52"/>
      <c r="U2053" s="52"/>
      <c r="V2053" s="52"/>
      <c r="W2053" s="52"/>
    </row>
    <row r="2054" spans="1:23" hidden="1" x14ac:dyDescent="0.35">
      <c r="A2054" s="52" t="s">
        <v>78</v>
      </c>
      <c r="B2054" s="52" t="s">
        <v>79</v>
      </c>
      <c r="C2054" s="3">
        <v>20</v>
      </c>
      <c r="D2054" s="52" t="s">
        <v>84</v>
      </c>
      <c r="E2054" s="52" t="s">
        <v>26</v>
      </c>
      <c r="F2054" s="52" t="s">
        <v>81</v>
      </c>
      <c r="G2054" s="52" t="s">
        <v>82</v>
      </c>
      <c r="H2054" s="4">
        <v>1</v>
      </c>
      <c r="I2054" s="2">
        <v>14.65</v>
      </c>
      <c r="J2054" s="52" t="s">
        <v>5856</v>
      </c>
      <c r="K2054" s="71" t="s">
        <v>5885</v>
      </c>
      <c r="L2054" s="52" t="s">
        <v>2063</v>
      </c>
      <c r="M2054" s="72">
        <v>1026</v>
      </c>
      <c r="N2054" s="52" t="s">
        <v>2066</v>
      </c>
      <c r="O2054" s="52" t="s">
        <v>2067</v>
      </c>
      <c r="P2054" s="52"/>
      <c r="Q2054" s="52"/>
      <c r="R2054" s="52"/>
      <c r="S2054" s="52"/>
      <c r="T2054" s="52"/>
      <c r="U2054" s="52"/>
      <c r="V2054" s="52"/>
      <c r="W2054" s="52"/>
    </row>
    <row r="2055" spans="1:23" hidden="1" x14ac:dyDescent="0.35">
      <c r="A2055" s="52" t="s">
        <v>78</v>
      </c>
      <c r="B2055" s="52" t="s">
        <v>79</v>
      </c>
      <c r="C2055" s="3">
        <v>10</v>
      </c>
      <c r="D2055" s="52" t="s">
        <v>86</v>
      </c>
      <c r="E2055" s="52" t="s">
        <v>26</v>
      </c>
      <c r="F2055" s="52" t="s">
        <v>81</v>
      </c>
      <c r="G2055" s="52" t="s">
        <v>82</v>
      </c>
      <c r="H2055" s="4">
        <v>1</v>
      </c>
      <c r="I2055" s="2">
        <v>14.65</v>
      </c>
      <c r="J2055" s="52" t="s">
        <v>5886</v>
      </c>
      <c r="K2055" s="71" t="s">
        <v>5887</v>
      </c>
      <c r="L2055" s="52" t="s">
        <v>2063</v>
      </c>
      <c r="M2055" s="72">
        <v>2526</v>
      </c>
      <c r="N2055" s="52" t="s">
        <v>2072</v>
      </c>
      <c r="O2055" s="52" t="s">
        <v>2073</v>
      </c>
      <c r="P2055" s="52"/>
      <c r="Q2055" s="52"/>
      <c r="R2055" s="52"/>
      <c r="S2055" s="52"/>
      <c r="T2055" s="52"/>
      <c r="U2055" s="52"/>
      <c r="V2055" s="52"/>
      <c r="W2055" s="52"/>
    </row>
    <row r="2056" spans="1:23" hidden="1" x14ac:dyDescent="0.35">
      <c r="A2056" s="52" t="s">
        <v>78</v>
      </c>
      <c r="B2056" s="52" t="s">
        <v>79</v>
      </c>
      <c r="C2056" s="3">
        <v>20</v>
      </c>
      <c r="D2056" s="52" t="s">
        <v>84</v>
      </c>
      <c r="E2056" s="52" t="s">
        <v>26</v>
      </c>
      <c r="F2056" s="52" t="s">
        <v>81</v>
      </c>
      <c r="G2056" s="52" t="s">
        <v>82</v>
      </c>
      <c r="H2056" s="4">
        <v>1</v>
      </c>
      <c r="I2056" s="2">
        <v>14.65</v>
      </c>
      <c r="J2056" s="52" t="s">
        <v>5888</v>
      </c>
      <c r="K2056" s="71" t="s">
        <v>5889</v>
      </c>
      <c r="L2056" s="52" t="s">
        <v>2063</v>
      </c>
      <c r="M2056" s="72">
        <v>8336</v>
      </c>
      <c r="N2056" s="52" t="s">
        <v>2072</v>
      </c>
      <c r="O2056" s="52" t="s">
        <v>2073</v>
      </c>
      <c r="P2056" s="52"/>
      <c r="Q2056" s="52"/>
      <c r="R2056" s="52"/>
      <c r="S2056" s="52"/>
      <c r="T2056" s="52"/>
      <c r="U2056" s="52"/>
      <c r="V2056" s="52"/>
      <c r="W2056" s="52"/>
    </row>
    <row r="2057" spans="1:23" hidden="1" x14ac:dyDescent="0.35">
      <c r="A2057" s="52" t="s">
        <v>78</v>
      </c>
      <c r="B2057" s="52" t="s">
        <v>79</v>
      </c>
      <c r="C2057" s="3">
        <v>10</v>
      </c>
      <c r="D2057" s="52" t="s">
        <v>84</v>
      </c>
      <c r="E2057" s="52" t="s">
        <v>26</v>
      </c>
      <c r="F2057" s="52" t="s">
        <v>81</v>
      </c>
      <c r="G2057" s="52" t="s">
        <v>82</v>
      </c>
      <c r="H2057" s="4">
        <v>1</v>
      </c>
      <c r="I2057" s="2">
        <v>14.65</v>
      </c>
      <c r="J2057" s="52" t="s">
        <v>5637</v>
      </c>
      <c r="K2057" s="71" t="s">
        <v>5890</v>
      </c>
      <c r="L2057" s="52" t="s">
        <v>2063</v>
      </c>
      <c r="M2057" s="72">
        <v>1197</v>
      </c>
      <c r="N2057" s="52" t="s">
        <v>2072</v>
      </c>
      <c r="O2057" s="52" t="s">
        <v>2073</v>
      </c>
      <c r="P2057" s="52"/>
      <c r="Q2057" s="52"/>
      <c r="R2057" s="52"/>
      <c r="S2057" s="52"/>
      <c r="T2057" s="52"/>
      <c r="U2057" s="52"/>
      <c r="V2057" s="52"/>
      <c r="W2057" s="52"/>
    </row>
    <row r="2058" spans="1:23" hidden="1" x14ac:dyDescent="0.35">
      <c r="A2058" s="52" t="s">
        <v>78</v>
      </c>
      <c r="B2058" s="52" t="s">
        <v>79</v>
      </c>
      <c r="C2058" s="3">
        <v>20</v>
      </c>
      <c r="D2058" s="52" t="s">
        <v>80</v>
      </c>
      <c r="E2058" s="52" t="s">
        <v>26</v>
      </c>
      <c r="F2058" s="52" t="s">
        <v>81</v>
      </c>
      <c r="G2058" s="52" t="s">
        <v>82</v>
      </c>
      <c r="H2058" s="4">
        <v>1</v>
      </c>
      <c r="I2058" s="2">
        <v>14.65</v>
      </c>
      <c r="J2058" s="52" t="s">
        <v>5891</v>
      </c>
      <c r="K2058" s="71" t="s">
        <v>5892</v>
      </c>
      <c r="L2058" s="52" t="s">
        <v>2063</v>
      </c>
      <c r="M2058" s="72">
        <v>8121</v>
      </c>
      <c r="N2058" s="52" t="s">
        <v>2072</v>
      </c>
      <c r="O2058" s="52" t="s">
        <v>2073</v>
      </c>
      <c r="P2058" s="52"/>
      <c r="Q2058" s="52"/>
      <c r="R2058" s="52"/>
      <c r="S2058" s="52"/>
      <c r="T2058" s="52"/>
      <c r="U2058" s="52"/>
      <c r="V2058" s="52"/>
      <c r="W2058" s="52"/>
    </row>
    <row r="2059" spans="1:23" hidden="1" x14ac:dyDescent="0.35">
      <c r="A2059" s="52" t="s">
        <v>78</v>
      </c>
      <c r="B2059" s="52" t="s">
        <v>79</v>
      </c>
      <c r="C2059" s="3">
        <v>20</v>
      </c>
      <c r="D2059" s="52" t="s">
        <v>87</v>
      </c>
      <c r="E2059" s="52" t="s">
        <v>26</v>
      </c>
      <c r="F2059" s="52" t="s">
        <v>81</v>
      </c>
      <c r="G2059" s="52" t="s">
        <v>82</v>
      </c>
      <c r="H2059" s="4">
        <v>1</v>
      </c>
      <c r="I2059" s="2">
        <v>14.65</v>
      </c>
      <c r="J2059" s="52" t="s">
        <v>5893</v>
      </c>
      <c r="K2059" s="71" t="s">
        <v>5894</v>
      </c>
      <c r="L2059" s="52" t="s">
        <v>2063</v>
      </c>
      <c r="M2059" s="72">
        <v>9871</v>
      </c>
      <c r="N2059" s="52" t="s">
        <v>2154</v>
      </c>
      <c r="O2059" s="52" t="s">
        <v>2155</v>
      </c>
      <c r="P2059" s="52"/>
      <c r="Q2059" s="52"/>
      <c r="R2059" s="52"/>
      <c r="S2059" s="52"/>
      <c r="T2059" s="52"/>
      <c r="U2059" s="52"/>
      <c r="V2059" s="52"/>
      <c r="W2059" s="52"/>
    </row>
    <row r="2060" spans="1:23" x14ac:dyDescent="0.35">
      <c r="A2060" s="52" t="s">
        <v>78</v>
      </c>
      <c r="B2060" s="52" t="s">
        <v>79</v>
      </c>
      <c r="C2060" s="3">
        <v>10</v>
      </c>
      <c r="D2060" s="52" t="s">
        <v>2020</v>
      </c>
      <c r="E2060" s="52" t="s">
        <v>26</v>
      </c>
      <c r="F2060" s="52" t="s">
        <v>81</v>
      </c>
      <c r="G2060" s="52" t="s">
        <v>82</v>
      </c>
      <c r="H2060" s="4">
        <v>1</v>
      </c>
      <c r="I2060" s="2">
        <v>14.65</v>
      </c>
      <c r="J2060" s="52" t="s">
        <v>5895</v>
      </c>
      <c r="K2060" s="71" t="s">
        <v>5896</v>
      </c>
      <c r="L2060" s="52" t="s">
        <v>2063</v>
      </c>
      <c r="M2060" s="72">
        <v>8581</v>
      </c>
      <c r="N2060" s="52" t="s">
        <v>2259</v>
      </c>
      <c r="O2060" s="52" t="s">
        <v>2260</v>
      </c>
      <c r="P2060" s="52"/>
      <c r="Q2060" s="52"/>
      <c r="R2060" s="52"/>
      <c r="S2060" s="52"/>
      <c r="T2060" s="52"/>
      <c r="U2060" s="52"/>
      <c r="V2060" s="52"/>
      <c r="W2060" s="52"/>
    </row>
    <row r="2061" spans="1:23" hidden="1" x14ac:dyDescent="0.35">
      <c r="A2061" s="52" t="s">
        <v>78</v>
      </c>
      <c r="B2061" s="52" t="s">
        <v>79</v>
      </c>
      <c r="C2061" s="3">
        <v>10</v>
      </c>
      <c r="D2061" s="52" t="s">
        <v>2024</v>
      </c>
      <c r="E2061" s="52" t="s">
        <v>26</v>
      </c>
      <c r="F2061" s="52" t="s">
        <v>81</v>
      </c>
      <c r="G2061" s="52" t="s">
        <v>82</v>
      </c>
      <c r="H2061" s="4">
        <v>1</v>
      </c>
      <c r="I2061" s="2">
        <v>14.65</v>
      </c>
      <c r="J2061" s="52" t="s">
        <v>5897</v>
      </c>
      <c r="K2061" s="71" t="s">
        <v>5898</v>
      </c>
      <c r="L2061" s="52" t="s">
        <v>2063</v>
      </c>
      <c r="M2061" s="72">
        <v>6209</v>
      </c>
      <c r="N2061" s="52" t="s">
        <v>2066</v>
      </c>
      <c r="O2061" s="52" t="s">
        <v>2067</v>
      </c>
      <c r="P2061" s="52"/>
      <c r="Q2061" s="52"/>
      <c r="R2061" s="52"/>
      <c r="S2061" s="52"/>
      <c r="T2061" s="52"/>
      <c r="U2061" s="52"/>
      <c r="V2061" s="52"/>
      <c r="W2061" s="52"/>
    </row>
    <row r="2062" spans="1:23" hidden="1" x14ac:dyDescent="0.35">
      <c r="A2062" s="52" t="s">
        <v>78</v>
      </c>
      <c r="B2062" s="52" t="s">
        <v>79</v>
      </c>
      <c r="C2062" s="3">
        <v>10</v>
      </c>
      <c r="D2062" s="52" t="s">
        <v>80</v>
      </c>
      <c r="E2062" s="52" t="s">
        <v>26</v>
      </c>
      <c r="F2062" s="52" t="s">
        <v>81</v>
      </c>
      <c r="G2062" s="52" t="s">
        <v>82</v>
      </c>
      <c r="H2062" s="4">
        <v>1</v>
      </c>
      <c r="I2062" s="2">
        <v>14.65</v>
      </c>
      <c r="J2062" s="52" t="s">
        <v>5899</v>
      </c>
      <c r="K2062" s="71" t="s">
        <v>5900</v>
      </c>
      <c r="L2062" s="52" t="s">
        <v>2063</v>
      </c>
      <c r="M2062" s="72">
        <v>1704</v>
      </c>
      <c r="N2062" s="52" t="s">
        <v>2072</v>
      </c>
      <c r="O2062" s="52" t="s">
        <v>2073</v>
      </c>
      <c r="P2062" s="52" t="s">
        <v>2072</v>
      </c>
      <c r="Q2062" s="52" t="s">
        <v>2073</v>
      </c>
      <c r="R2062" s="52"/>
      <c r="S2062" s="52"/>
      <c r="T2062" s="52"/>
      <c r="U2062" s="52"/>
      <c r="V2062" s="52"/>
      <c r="W2062" s="52"/>
    </row>
    <row r="2063" spans="1:23" hidden="1" x14ac:dyDescent="0.35">
      <c r="A2063" s="52" t="s">
        <v>78</v>
      </c>
      <c r="B2063" s="52" t="s">
        <v>79</v>
      </c>
      <c r="C2063" s="3">
        <v>20</v>
      </c>
      <c r="D2063" s="52" t="s">
        <v>85</v>
      </c>
      <c r="E2063" s="52" t="s">
        <v>26</v>
      </c>
      <c r="F2063" s="52" t="s">
        <v>81</v>
      </c>
      <c r="G2063" s="52" t="s">
        <v>82</v>
      </c>
      <c r="H2063" s="4">
        <v>1</v>
      </c>
      <c r="I2063" s="2">
        <v>14.65</v>
      </c>
      <c r="J2063" s="52" t="s">
        <v>5901</v>
      </c>
      <c r="K2063" s="71" t="s">
        <v>5902</v>
      </c>
      <c r="L2063" s="52" t="s">
        <v>2063</v>
      </c>
      <c r="M2063" s="72">
        <v>354</v>
      </c>
      <c r="N2063" s="52" t="s">
        <v>2066</v>
      </c>
      <c r="O2063" s="52" t="s">
        <v>2067</v>
      </c>
      <c r="P2063" s="52"/>
      <c r="Q2063" s="52"/>
      <c r="R2063" s="52"/>
      <c r="S2063" s="52"/>
      <c r="T2063" s="52"/>
      <c r="U2063" s="52"/>
      <c r="V2063" s="52"/>
      <c r="W2063" s="52"/>
    </row>
    <row r="2064" spans="1:23" hidden="1" x14ac:dyDescent="0.35">
      <c r="A2064" s="52" t="s">
        <v>78</v>
      </c>
      <c r="B2064" s="52" t="s">
        <v>79</v>
      </c>
      <c r="C2064" s="3">
        <v>20</v>
      </c>
      <c r="D2064" s="52" t="s">
        <v>85</v>
      </c>
      <c r="E2064" s="52" t="s">
        <v>26</v>
      </c>
      <c r="F2064" s="52" t="s">
        <v>81</v>
      </c>
      <c r="G2064" s="52" t="s">
        <v>82</v>
      </c>
      <c r="H2064" s="4">
        <v>1</v>
      </c>
      <c r="I2064" s="2">
        <v>14.65</v>
      </c>
      <c r="J2064" s="52" t="s">
        <v>5903</v>
      </c>
      <c r="K2064" s="71" t="s">
        <v>5904</v>
      </c>
      <c r="L2064" s="52" t="s">
        <v>2063</v>
      </c>
      <c r="M2064" s="72">
        <v>5258</v>
      </c>
      <c r="N2064" s="52" t="s">
        <v>2072</v>
      </c>
      <c r="O2064" s="52" t="s">
        <v>2073</v>
      </c>
      <c r="P2064" s="52"/>
      <c r="Q2064" s="52"/>
      <c r="R2064" s="52"/>
      <c r="S2064" s="52"/>
      <c r="T2064" s="52"/>
      <c r="U2064" s="52"/>
      <c r="V2064" s="52"/>
      <c r="W2064" s="52"/>
    </row>
    <row r="2065" spans="1:23" hidden="1" x14ac:dyDescent="0.35">
      <c r="A2065" s="52" t="s">
        <v>78</v>
      </c>
      <c r="B2065" s="52" t="s">
        <v>79</v>
      </c>
      <c r="C2065" s="3">
        <v>20</v>
      </c>
      <c r="D2065" s="52" t="s">
        <v>87</v>
      </c>
      <c r="E2065" s="52" t="s">
        <v>26</v>
      </c>
      <c r="F2065" s="52" t="s">
        <v>81</v>
      </c>
      <c r="G2065" s="52" t="s">
        <v>82</v>
      </c>
      <c r="H2065" s="4">
        <v>1</v>
      </c>
      <c r="I2065" s="2">
        <v>14.65</v>
      </c>
      <c r="J2065" s="52" t="s">
        <v>5905</v>
      </c>
      <c r="K2065" s="71" t="s">
        <v>5906</v>
      </c>
      <c r="L2065" s="52" t="s">
        <v>2063</v>
      </c>
      <c r="M2065" s="72">
        <v>797</v>
      </c>
      <c r="N2065" s="52" t="s">
        <v>2072</v>
      </c>
      <c r="O2065" s="52" t="s">
        <v>2073</v>
      </c>
      <c r="P2065" s="52"/>
      <c r="Q2065" s="52"/>
      <c r="R2065" s="52"/>
      <c r="S2065" s="52"/>
      <c r="T2065" s="52"/>
      <c r="U2065" s="52"/>
      <c r="V2065" s="52"/>
      <c r="W2065" s="52"/>
    </row>
    <row r="2066" spans="1:23" hidden="1" x14ac:dyDescent="0.35">
      <c r="A2066" s="52" t="s">
        <v>78</v>
      </c>
      <c r="B2066" s="52" t="s">
        <v>79</v>
      </c>
      <c r="C2066" s="3">
        <v>20</v>
      </c>
      <c r="D2066" s="52" t="s">
        <v>86</v>
      </c>
      <c r="E2066" s="52" t="s">
        <v>26</v>
      </c>
      <c r="F2066" s="52" t="s">
        <v>81</v>
      </c>
      <c r="G2066" s="52" t="s">
        <v>82</v>
      </c>
      <c r="H2066" s="4">
        <v>1</v>
      </c>
      <c r="I2066" s="2">
        <v>14.65</v>
      </c>
      <c r="J2066" s="52" t="s">
        <v>5907</v>
      </c>
      <c r="K2066" s="71" t="s">
        <v>5908</v>
      </c>
      <c r="L2066" s="52" t="s">
        <v>2063</v>
      </c>
      <c r="M2066" s="72">
        <v>8259</v>
      </c>
      <c r="N2066" s="52" t="s">
        <v>2066</v>
      </c>
      <c r="O2066" s="52" t="s">
        <v>2067</v>
      </c>
      <c r="P2066" s="52"/>
      <c r="Q2066" s="52"/>
      <c r="R2066" s="52"/>
      <c r="S2066" s="52"/>
      <c r="T2066" s="52"/>
      <c r="U2066" s="52"/>
      <c r="V2066" s="52"/>
      <c r="W2066" s="52"/>
    </row>
    <row r="2067" spans="1:23" x14ac:dyDescent="0.35">
      <c r="A2067" s="52" t="s">
        <v>78</v>
      </c>
      <c r="B2067" s="52" t="s">
        <v>79</v>
      </c>
      <c r="C2067" s="3">
        <v>10</v>
      </c>
      <c r="D2067" s="52" t="s">
        <v>2020</v>
      </c>
      <c r="E2067" s="52" t="s">
        <v>26</v>
      </c>
      <c r="F2067" s="52" t="s">
        <v>81</v>
      </c>
      <c r="G2067" s="52" t="s">
        <v>82</v>
      </c>
      <c r="H2067" s="4">
        <v>1</v>
      </c>
      <c r="I2067" s="2">
        <v>14.65</v>
      </c>
      <c r="J2067" s="52" t="s">
        <v>5909</v>
      </c>
      <c r="K2067" s="71" t="s">
        <v>5910</v>
      </c>
      <c r="L2067" s="52" t="s">
        <v>2063</v>
      </c>
      <c r="M2067" s="72">
        <v>6240</v>
      </c>
      <c r="N2067" s="52" t="s">
        <v>2076</v>
      </c>
      <c r="O2067" s="52" t="s">
        <v>2077</v>
      </c>
      <c r="P2067" s="52"/>
      <c r="Q2067" s="52"/>
      <c r="R2067" s="52"/>
      <c r="S2067" s="52"/>
      <c r="T2067" s="52"/>
      <c r="U2067" s="52"/>
      <c r="V2067" s="52"/>
      <c r="W2067" s="52"/>
    </row>
    <row r="2068" spans="1:23" hidden="1" x14ac:dyDescent="0.35">
      <c r="A2068" s="52" t="s">
        <v>78</v>
      </c>
      <c r="B2068" s="52" t="s">
        <v>79</v>
      </c>
      <c r="C2068" s="3">
        <v>10</v>
      </c>
      <c r="D2068" s="52" t="s">
        <v>86</v>
      </c>
      <c r="E2068" s="52" t="s">
        <v>26</v>
      </c>
      <c r="F2068" s="52" t="s">
        <v>81</v>
      </c>
      <c r="G2068" s="52" t="s">
        <v>82</v>
      </c>
      <c r="H2068" s="4">
        <v>1</v>
      </c>
      <c r="I2068" s="2">
        <v>14.65</v>
      </c>
      <c r="J2068" s="52" t="s">
        <v>5911</v>
      </c>
      <c r="K2068" s="71" t="s">
        <v>5912</v>
      </c>
      <c r="L2068" s="52" t="s">
        <v>2063</v>
      </c>
      <c r="M2068" s="72">
        <v>8229</v>
      </c>
      <c r="N2068" s="52"/>
      <c r="O2068" s="52"/>
      <c r="P2068" s="52"/>
      <c r="Q2068" s="52"/>
      <c r="R2068" s="52"/>
      <c r="S2068" s="52"/>
      <c r="T2068" s="52"/>
      <c r="U2068" s="52"/>
      <c r="V2068" s="52"/>
      <c r="W2068" s="52"/>
    </row>
    <row r="2069" spans="1:23" hidden="1" x14ac:dyDescent="0.35">
      <c r="A2069" s="52" t="s">
        <v>78</v>
      </c>
      <c r="B2069" s="52" t="s">
        <v>79</v>
      </c>
      <c r="C2069" s="3">
        <v>20</v>
      </c>
      <c r="D2069" s="52" t="s">
        <v>2022</v>
      </c>
      <c r="E2069" s="52" t="s">
        <v>26</v>
      </c>
      <c r="F2069" s="52" t="s">
        <v>81</v>
      </c>
      <c r="G2069" s="52" t="s">
        <v>82</v>
      </c>
      <c r="H2069" s="4">
        <v>1</v>
      </c>
      <c r="I2069" s="2">
        <v>14.65</v>
      </c>
      <c r="J2069" s="52" t="s">
        <v>5913</v>
      </c>
      <c r="K2069" s="71" t="s">
        <v>5914</v>
      </c>
      <c r="L2069" s="52" t="s">
        <v>2063</v>
      </c>
      <c r="M2069" s="72">
        <v>2385</v>
      </c>
      <c r="N2069" s="52" t="s">
        <v>2072</v>
      </c>
      <c r="O2069" s="52" t="s">
        <v>2073</v>
      </c>
      <c r="P2069" s="52"/>
      <c r="Q2069" s="52"/>
      <c r="R2069" s="52"/>
      <c r="S2069" s="52"/>
      <c r="T2069" s="52"/>
      <c r="U2069" s="52"/>
      <c r="V2069" s="52"/>
      <c r="W2069" s="52"/>
    </row>
    <row r="2070" spans="1:23" hidden="1" x14ac:dyDescent="0.35">
      <c r="A2070" s="52" t="s">
        <v>78</v>
      </c>
      <c r="B2070" s="52" t="s">
        <v>79</v>
      </c>
      <c r="C2070" s="3">
        <v>20</v>
      </c>
      <c r="D2070" s="52" t="s">
        <v>2023</v>
      </c>
      <c r="E2070" s="52" t="s">
        <v>26</v>
      </c>
      <c r="F2070" s="52" t="s">
        <v>81</v>
      </c>
      <c r="G2070" s="52" t="s">
        <v>82</v>
      </c>
      <c r="H2070" s="4">
        <v>1</v>
      </c>
      <c r="I2070" s="2">
        <v>14.65</v>
      </c>
      <c r="J2070" s="52" t="s">
        <v>5915</v>
      </c>
      <c r="K2070" s="71" t="s">
        <v>5916</v>
      </c>
      <c r="L2070" s="52" t="s">
        <v>2063</v>
      </c>
      <c r="M2070" s="72">
        <v>1890</v>
      </c>
      <c r="N2070" s="52" t="s">
        <v>2072</v>
      </c>
      <c r="O2070" s="52" t="s">
        <v>2073</v>
      </c>
      <c r="P2070" s="52"/>
      <c r="Q2070" s="52"/>
      <c r="R2070" s="52"/>
      <c r="S2070" s="52"/>
      <c r="T2070" s="52"/>
      <c r="U2070" s="52"/>
      <c r="V2070" s="52"/>
      <c r="W2070" s="52"/>
    </row>
    <row r="2071" spans="1:23" hidden="1" x14ac:dyDescent="0.35">
      <c r="A2071" s="52" t="s">
        <v>78</v>
      </c>
      <c r="B2071" s="52" t="s">
        <v>79</v>
      </c>
      <c r="C2071" s="3">
        <v>20</v>
      </c>
      <c r="D2071" s="52" t="s">
        <v>2023</v>
      </c>
      <c r="E2071" s="52" t="s">
        <v>26</v>
      </c>
      <c r="F2071" s="52" t="s">
        <v>81</v>
      </c>
      <c r="G2071" s="52" t="s">
        <v>82</v>
      </c>
      <c r="H2071" s="4">
        <v>1</v>
      </c>
      <c r="I2071" s="2">
        <v>14.65</v>
      </c>
      <c r="J2071" s="52" t="s">
        <v>5917</v>
      </c>
      <c r="K2071" s="71" t="s">
        <v>5918</v>
      </c>
      <c r="L2071" s="52" t="s">
        <v>2063</v>
      </c>
      <c r="M2071" s="72">
        <v>3111</v>
      </c>
      <c r="N2071" s="52" t="s">
        <v>2072</v>
      </c>
      <c r="O2071" s="52" t="s">
        <v>2073</v>
      </c>
      <c r="P2071" s="52"/>
      <c r="Q2071" s="52"/>
      <c r="R2071" s="52"/>
      <c r="S2071" s="52"/>
      <c r="T2071" s="52"/>
      <c r="U2071" s="52"/>
      <c r="V2071" s="52"/>
      <c r="W2071" s="52"/>
    </row>
    <row r="2072" spans="1:23" hidden="1" x14ac:dyDescent="0.35">
      <c r="A2072" s="52" t="s">
        <v>78</v>
      </c>
      <c r="B2072" s="52" t="s">
        <v>79</v>
      </c>
      <c r="C2072" s="3">
        <v>20</v>
      </c>
      <c r="D2072" s="52" t="s">
        <v>2022</v>
      </c>
      <c r="E2072" s="52" t="s">
        <v>26</v>
      </c>
      <c r="F2072" s="52" t="s">
        <v>81</v>
      </c>
      <c r="G2072" s="52" t="s">
        <v>82</v>
      </c>
      <c r="H2072" s="4">
        <v>1</v>
      </c>
      <c r="I2072" s="2">
        <v>14.65</v>
      </c>
      <c r="J2072" s="52" t="s">
        <v>5919</v>
      </c>
      <c r="K2072" s="71" t="s">
        <v>5920</v>
      </c>
      <c r="L2072" s="52" t="s">
        <v>2063</v>
      </c>
      <c r="M2072" s="72">
        <v>4806</v>
      </c>
      <c r="N2072" s="52"/>
      <c r="O2072" s="52"/>
      <c r="P2072" s="52"/>
      <c r="Q2072" s="52"/>
      <c r="R2072" s="52"/>
      <c r="S2072" s="52"/>
      <c r="T2072" s="52"/>
      <c r="U2072" s="52"/>
      <c r="V2072" s="52"/>
      <c r="W2072" s="52"/>
    </row>
    <row r="2073" spans="1:23" hidden="1" x14ac:dyDescent="0.35">
      <c r="A2073" s="52" t="s">
        <v>78</v>
      </c>
      <c r="B2073" s="52" t="s">
        <v>79</v>
      </c>
      <c r="C2073" s="3">
        <v>20</v>
      </c>
      <c r="D2073" s="52" t="s">
        <v>2024</v>
      </c>
      <c r="E2073" s="52" t="s">
        <v>26</v>
      </c>
      <c r="F2073" s="52" t="s">
        <v>81</v>
      </c>
      <c r="G2073" s="52" t="s">
        <v>82</v>
      </c>
      <c r="H2073" s="4">
        <v>1</v>
      </c>
      <c r="I2073" s="2">
        <v>14.65</v>
      </c>
      <c r="J2073" s="52" t="s">
        <v>5921</v>
      </c>
      <c r="K2073" s="71" t="s">
        <v>5922</v>
      </c>
      <c r="L2073" s="52" t="s">
        <v>2095</v>
      </c>
      <c r="M2073" s="72">
        <v>7294</v>
      </c>
      <c r="N2073" s="52"/>
      <c r="O2073" s="52"/>
      <c r="P2073" s="52"/>
      <c r="Q2073" s="52"/>
      <c r="R2073" s="52"/>
      <c r="S2073" s="52"/>
      <c r="T2073" s="52"/>
      <c r="U2073" s="52"/>
      <c r="V2073" s="52"/>
      <c r="W2073" s="52"/>
    </row>
    <row r="2074" spans="1:23" hidden="1" x14ac:dyDescent="0.35">
      <c r="A2074" s="52" t="s">
        <v>78</v>
      </c>
      <c r="B2074" s="52" t="s">
        <v>79</v>
      </c>
      <c r="C2074" s="3">
        <v>10</v>
      </c>
      <c r="D2074" s="52" t="s">
        <v>2021</v>
      </c>
      <c r="E2074" s="52" t="s">
        <v>26</v>
      </c>
      <c r="F2074" s="52" t="s">
        <v>81</v>
      </c>
      <c r="G2074" s="52" t="s">
        <v>82</v>
      </c>
      <c r="H2074" s="4">
        <v>1</v>
      </c>
      <c r="I2074" s="2">
        <v>14.65</v>
      </c>
      <c r="J2074" s="52" t="s">
        <v>5923</v>
      </c>
      <c r="K2074" s="71" t="s">
        <v>5924</v>
      </c>
      <c r="L2074" s="52" t="s">
        <v>2063</v>
      </c>
      <c r="M2074" s="72">
        <v>3656</v>
      </c>
      <c r="N2074" s="52" t="s">
        <v>2072</v>
      </c>
      <c r="O2074" s="52" t="s">
        <v>2073</v>
      </c>
      <c r="P2074" s="52"/>
      <c r="Q2074" s="52"/>
      <c r="R2074" s="52"/>
      <c r="S2074" s="52"/>
      <c r="T2074" s="52"/>
      <c r="U2074" s="52"/>
      <c r="V2074" s="52"/>
      <c r="W2074" s="52"/>
    </row>
    <row r="2075" spans="1:23" hidden="1" x14ac:dyDescent="0.35">
      <c r="A2075" s="52" t="s">
        <v>78</v>
      </c>
      <c r="B2075" s="52" t="s">
        <v>79</v>
      </c>
      <c r="C2075" s="3">
        <v>20</v>
      </c>
      <c r="D2075" s="52" t="s">
        <v>2023</v>
      </c>
      <c r="E2075" s="52" t="s">
        <v>26</v>
      </c>
      <c r="F2075" s="52" t="s">
        <v>81</v>
      </c>
      <c r="G2075" s="52" t="s">
        <v>82</v>
      </c>
      <c r="H2075" s="4">
        <v>1</v>
      </c>
      <c r="I2075" s="2">
        <v>14.65</v>
      </c>
      <c r="J2075" s="52" t="s">
        <v>5925</v>
      </c>
      <c r="K2075" s="71" t="s">
        <v>5926</v>
      </c>
      <c r="L2075" s="52" t="s">
        <v>2063</v>
      </c>
      <c r="M2075" s="72">
        <v>4875</v>
      </c>
      <c r="N2075" s="52"/>
      <c r="O2075" s="52"/>
      <c r="P2075" s="52"/>
      <c r="Q2075" s="52"/>
      <c r="R2075" s="52"/>
      <c r="S2075" s="52"/>
      <c r="T2075" s="52"/>
      <c r="U2075" s="52"/>
      <c r="V2075" s="52"/>
      <c r="W2075" s="52"/>
    </row>
    <row r="2076" spans="1:23" hidden="1" x14ac:dyDescent="0.35">
      <c r="A2076" s="52" t="s">
        <v>78</v>
      </c>
      <c r="B2076" s="52" t="s">
        <v>79</v>
      </c>
      <c r="C2076" s="3">
        <v>20</v>
      </c>
      <c r="D2076" s="52" t="s">
        <v>2020</v>
      </c>
      <c r="E2076" s="52" t="s">
        <v>26</v>
      </c>
      <c r="F2076" s="52" t="s">
        <v>81</v>
      </c>
      <c r="G2076" s="52" t="s">
        <v>82</v>
      </c>
      <c r="H2076" s="4">
        <v>1</v>
      </c>
      <c r="I2076" s="2">
        <v>14.65</v>
      </c>
      <c r="J2076" s="52" t="s">
        <v>5927</v>
      </c>
      <c r="K2076" s="71" t="s">
        <v>5928</v>
      </c>
      <c r="L2076" s="52" t="s">
        <v>2063</v>
      </c>
      <c r="M2076" s="72">
        <v>2339</v>
      </c>
      <c r="N2076" s="52" t="s">
        <v>2072</v>
      </c>
      <c r="O2076" s="52" t="s">
        <v>2073</v>
      </c>
      <c r="P2076" s="52"/>
      <c r="Q2076" s="52"/>
      <c r="R2076" s="52"/>
      <c r="S2076" s="52"/>
      <c r="T2076" s="52"/>
      <c r="U2076" s="52"/>
      <c r="V2076" s="52"/>
      <c r="W2076" s="52"/>
    </row>
    <row r="2077" spans="1:23" hidden="1" x14ac:dyDescent="0.35">
      <c r="A2077" s="52" t="s">
        <v>78</v>
      </c>
      <c r="B2077" s="52" t="s">
        <v>79</v>
      </c>
      <c r="C2077" s="3">
        <v>20</v>
      </c>
      <c r="D2077" s="52" t="s">
        <v>2019</v>
      </c>
      <c r="E2077" s="52" t="s">
        <v>26</v>
      </c>
      <c r="F2077" s="52" t="s">
        <v>81</v>
      </c>
      <c r="G2077" s="52" t="s">
        <v>82</v>
      </c>
      <c r="H2077" s="4">
        <v>1</v>
      </c>
      <c r="I2077" s="2">
        <v>14.65</v>
      </c>
      <c r="J2077" s="52" t="s">
        <v>5929</v>
      </c>
      <c r="K2077" s="71" t="s">
        <v>5930</v>
      </c>
      <c r="L2077" s="52" t="s">
        <v>2063</v>
      </c>
      <c r="M2077" s="72">
        <v>8790</v>
      </c>
      <c r="N2077" s="52" t="s">
        <v>2066</v>
      </c>
      <c r="O2077" s="52" t="s">
        <v>2067</v>
      </c>
      <c r="P2077" s="52"/>
      <c r="Q2077" s="52"/>
      <c r="R2077" s="52"/>
      <c r="S2077" s="52"/>
      <c r="T2077" s="52"/>
      <c r="U2077" s="52"/>
      <c r="V2077" s="52"/>
      <c r="W2077" s="52"/>
    </row>
    <row r="2078" spans="1:23" x14ac:dyDescent="0.35">
      <c r="A2078" s="52" t="s">
        <v>78</v>
      </c>
      <c r="B2078" s="52" t="s">
        <v>79</v>
      </c>
      <c r="C2078" s="3">
        <v>20</v>
      </c>
      <c r="D2078" s="52" t="s">
        <v>2021</v>
      </c>
      <c r="E2078" s="52" t="s">
        <v>26</v>
      </c>
      <c r="F2078" s="52" t="s">
        <v>81</v>
      </c>
      <c r="G2078" s="52" t="s">
        <v>82</v>
      </c>
      <c r="H2078" s="4">
        <v>1</v>
      </c>
      <c r="I2078" s="2">
        <v>14.65</v>
      </c>
      <c r="J2078" s="52" t="s">
        <v>5931</v>
      </c>
      <c r="K2078" s="71" t="s">
        <v>5932</v>
      </c>
      <c r="L2078" s="52" t="s">
        <v>2063</v>
      </c>
      <c r="M2078" s="72">
        <v>3202</v>
      </c>
      <c r="N2078" s="52" t="s">
        <v>2076</v>
      </c>
      <c r="O2078" s="52" t="s">
        <v>2077</v>
      </c>
      <c r="P2078" s="52"/>
      <c r="Q2078" s="52"/>
      <c r="R2078" s="52"/>
      <c r="S2078" s="52"/>
      <c r="T2078" s="52"/>
      <c r="U2078" s="52"/>
      <c r="V2078" s="52"/>
      <c r="W2078" s="52"/>
    </row>
    <row r="2079" spans="1:23" hidden="1" x14ac:dyDescent="0.35">
      <c r="A2079" s="52" t="s">
        <v>78</v>
      </c>
      <c r="B2079" s="52" t="s">
        <v>79</v>
      </c>
      <c r="C2079" s="3">
        <v>20</v>
      </c>
      <c r="D2079" s="52" t="s">
        <v>84</v>
      </c>
      <c r="E2079" s="52" t="s">
        <v>26</v>
      </c>
      <c r="F2079" s="52" t="s">
        <v>81</v>
      </c>
      <c r="G2079" s="52" t="s">
        <v>82</v>
      </c>
      <c r="H2079" s="4">
        <v>1</v>
      </c>
      <c r="I2079" s="2">
        <v>14.65</v>
      </c>
      <c r="J2079" s="52" t="s">
        <v>5933</v>
      </c>
      <c r="K2079" s="71" t="s">
        <v>5934</v>
      </c>
      <c r="L2079" s="52" t="s">
        <v>2063</v>
      </c>
      <c r="M2079" s="72">
        <v>6045</v>
      </c>
      <c r="N2079" s="52"/>
      <c r="O2079" s="52"/>
      <c r="P2079" s="52"/>
      <c r="Q2079" s="52"/>
      <c r="R2079" s="52"/>
      <c r="S2079" s="52"/>
      <c r="T2079" s="52"/>
      <c r="U2079" s="52"/>
      <c r="V2079" s="52"/>
      <c r="W2079" s="52"/>
    </row>
    <row r="2080" spans="1:23" x14ac:dyDescent="0.35">
      <c r="A2080" s="52" t="s">
        <v>78</v>
      </c>
      <c r="B2080" s="52" t="s">
        <v>79</v>
      </c>
      <c r="C2080" s="3">
        <v>10</v>
      </c>
      <c r="D2080" s="52" t="s">
        <v>86</v>
      </c>
      <c r="E2080" s="52" t="s">
        <v>26</v>
      </c>
      <c r="F2080" s="52" t="s">
        <v>81</v>
      </c>
      <c r="G2080" s="52" t="s">
        <v>82</v>
      </c>
      <c r="H2080" s="4">
        <v>1</v>
      </c>
      <c r="I2080" s="2">
        <v>14.65</v>
      </c>
      <c r="J2080" s="52" t="s">
        <v>5935</v>
      </c>
      <c r="K2080" s="71" t="s">
        <v>5936</v>
      </c>
      <c r="L2080" s="52" t="s">
        <v>2063</v>
      </c>
      <c r="M2080" s="72">
        <v>2238</v>
      </c>
      <c r="N2080" s="52" t="s">
        <v>2076</v>
      </c>
      <c r="O2080" s="52" t="s">
        <v>2077</v>
      </c>
      <c r="P2080" s="52"/>
      <c r="Q2080" s="52"/>
      <c r="R2080" s="52"/>
      <c r="S2080" s="52"/>
      <c r="T2080" s="52"/>
      <c r="U2080" s="52"/>
      <c r="V2080" s="52"/>
      <c r="W2080" s="52"/>
    </row>
    <row r="2081" spans="1:23" hidden="1" x14ac:dyDescent="0.35">
      <c r="A2081" s="52" t="s">
        <v>78</v>
      </c>
      <c r="B2081" s="52" t="s">
        <v>79</v>
      </c>
      <c r="C2081" s="3">
        <v>10</v>
      </c>
      <c r="D2081" s="52" t="s">
        <v>2021</v>
      </c>
      <c r="E2081" s="52" t="s">
        <v>26</v>
      </c>
      <c r="F2081" s="52" t="s">
        <v>81</v>
      </c>
      <c r="G2081" s="52" t="s">
        <v>82</v>
      </c>
      <c r="H2081" s="4">
        <v>1</v>
      </c>
      <c r="I2081" s="2">
        <v>14.65</v>
      </c>
      <c r="J2081" s="52" t="s">
        <v>5937</v>
      </c>
      <c r="K2081" s="71" t="s">
        <v>5938</v>
      </c>
      <c r="L2081" s="52" t="s">
        <v>2063</v>
      </c>
      <c r="M2081" s="72">
        <v>5540</v>
      </c>
      <c r="N2081" s="52"/>
      <c r="O2081" s="52"/>
      <c r="P2081" s="52"/>
      <c r="Q2081" s="52"/>
      <c r="R2081" s="52"/>
      <c r="S2081" s="52"/>
      <c r="T2081" s="52"/>
      <c r="U2081" s="52"/>
      <c r="V2081" s="52"/>
      <c r="W2081" s="52"/>
    </row>
    <row r="2082" spans="1:23" hidden="1" x14ac:dyDescent="0.35">
      <c r="A2082" s="52" t="s">
        <v>78</v>
      </c>
      <c r="B2082" s="52" t="s">
        <v>79</v>
      </c>
      <c r="C2082" s="3">
        <v>20</v>
      </c>
      <c r="D2082" s="52" t="s">
        <v>87</v>
      </c>
      <c r="E2082" s="52" t="s">
        <v>26</v>
      </c>
      <c r="F2082" s="52" t="s">
        <v>81</v>
      </c>
      <c r="G2082" s="52" t="s">
        <v>82</v>
      </c>
      <c r="H2082" s="4">
        <v>1</v>
      </c>
      <c r="I2082" s="2">
        <v>14.65</v>
      </c>
      <c r="J2082" s="52" t="s">
        <v>5939</v>
      </c>
      <c r="K2082" s="71" t="s">
        <v>5940</v>
      </c>
      <c r="L2082" s="52" t="s">
        <v>2063</v>
      </c>
      <c r="M2082" s="72">
        <v>4732</v>
      </c>
      <c r="N2082" s="52" t="s">
        <v>2072</v>
      </c>
      <c r="O2082" s="52" t="s">
        <v>2073</v>
      </c>
      <c r="P2082" s="52"/>
      <c r="Q2082" s="52"/>
      <c r="R2082" s="52"/>
      <c r="S2082" s="52"/>
      <c r="T2082" s="52"/>
      <c r="U2082" s="52"/>
      <c r="V2082" s="52"/>
      <c r="W2082" s="52"/>
    </row>
    <row r="2083" spans="1:23" hidden="1" x14ac:dyDescent="0.35">
      <c r="A2083" s="52" t="s">
        <v>78</v>
      </c>
      <c r="B2083" s="52" t="s">
        <v>79</v>
      </c>
      <c r="C2083" s="3">
        <v>20</v>
      </c>
      <c r="D2083" s="52" t="s">
        <v>87</v>
      </c>
      <c r="E2083" s="52" t="s">
        <v>26</v>
      </c>
      <c r="F2083" s="52" t="s">
        <v>81</v>
      </c>
      <c r="G2083" s="52" t="s">
        <v>82</v>
      </c>
      <c r="H2083" s="4">
        <v>1</v>
      </c>
      <c r="I2083" s="2">
        <v>14.65</v>
      </c>
      <c r="J2083" s="52" t="s">
        <v>5941</v>
      </c>
      <c r="K2083" s="71" t="s">
        <v>5942</v>
      </c>
      <c r="L2083" s="52" t="s">
        <v>2063</v>
      </c>
      <c r="M2083" s="72">
        <v>8382</v>
      </c>
      <c r="N2083" s="52" t="s">
        <v>2072</v>
      </c>
      <c r="O2083" s="52" t="s">
        <v>2073</v>
      </c>
      <c r="P2083" s="52"/>
      <c r="Q2083" s="52"/>
      <c r="R2083" s="52"/>
      <c r="S2083" s="52"/>
      <c r="T2083" s="52"/>
      <c r="U2083" s="52"/>
      <c r="V2083" s="52"/>
      <c r="W2083" s="52"/>
    </row>
    <row r="2084" spans="1:23" hidden="1" x14ac:dyDescent="0.35">
      <c r="A2084" s="52" t="s">
        <v>78</v>
      </c>
      <c r="B2084" s="52" t="s">
        <v>79</v>
      </c>
      <c r="C2084" s="3">
        <v>20</v>
      </c>
      <c r="D2084" s="52" t="s">
        <v>2022</v>
      </c>
      <c r="E2084" s="52" t="s">
        <v>26</v>
      </c>
      <c r="F2084" s="52" t="s">
        <v>81</v>
      </c>
      <c r="G2084" s="52" t="s">
        <v>82</v>
      </c>
      <c r="H2084" s="4">
        <v>1</v>
      </c>
      <c r="I2084" s="2">
        <v>14.65</v>
      </c>
      <c r="J2084" s="52" t="s">
        <v>5943</v>
      </c>
      <c r="K2084" s="71" t="s">
        <v>5944</v>
      </c>
      <c r="L2084" s="52" t="s">
        <v>2063</v>
      </c>
      <c r="M2084" s="72">
        <v>8263</v>
      </c>
      <c r="N2084" s="52" t="s">
        <v>2066</v>
      </c>
      <c r="O2084" s="52" t="s">
        <v>2067</v>
      </c>
      <c r="P2084" s="52"/>
      <c r="Q2084" s="52"/>
      <c r="R2084" s="52"/>
      <c r="S2084" s="52"/>
      <c r="T2084" s="52"/>
      <c r="U2084" s="52"/>
      <c r="V2084" s="52"/>
      <c r="W2084" s="52"/>
    </row>
    <row r="2085" spans="1:23" hidden="1" x14ac:dyDescent="0.35">
      <c r="A2085" s="52" t="s">
        <v>78</v>
      </c>
      <c r="B2085" s="52" t="s">
        <v>79</v>
      </c>
      <c r="C2085" s="3">
        <v>10</v>
      </c>
      <c r="D2085" s="52" t="s">
        <v>2024</v>
      </c>
      <c r="E2085" s="52" t="s">
        <v>26</v>
      </c>
      <c r="F2085" s="52" t="s">
        <v>81</v>
      </c>
      <c r="G2085" s="52" t="s">
        <v>82</v>
      </c>
      <c r="H2085" s="4">
        <v>1</v>
      </c>
      <c r="I2085" s="2">
        <v>14.65</v>
      </c>
      <c r="J2085" s="52" t="s">
        <v>5945</v>
      </c>
      <c r="K2085" s="71" t="s">
        <v>5946</v>
      </c>
      <c r="L2085" s="52" t="s">
        <v>2063</v>
      </c>
      <c r="M2085" s="72">
        <v>5293</v>
      </c>
      <c r="N2085" s="52"/>
      <c r="O2085" s="52"/>
      <c r="P2085" s="52"/>
      <c r="Q2085" s="52"/>
      <c r="R2085" s="52"/>
      <c r="S2085" s="52"/>
      <c r="T2085" s="52"/>
      <c r="U2085" s="52"/>
      <c r="V2085" s="52"/>
      <c r="W2085" s="52"/>
    </row>
    <row r="2086" spans="1:23" hidden="1" x14ac:dyDescent="0.35">
      <c r="A2086" s="52" t="s">
        <v>78</v>
      </c>
      <c r="B2086" s="52" t="s">
        <v>79</v>
      </c>
      <c r="C2086" s="3">
        <v>20</v>
      </c>
      <c r="D2086" s="52" t="s">
        <v>2022</v>
      </c>
      <c r="E2086" s="52" t="s">
        <v>26</v>
      </c>
      <c r="F2086" s="52" t="s">
        <v>81</v>
      </c>
      <c r="G2086" s="52" t="s">
        <v>82</v>
      </c>
      <c r="H2086" s="4">
        <v>1</v>
      </c>
      <c r="I2086" s="2">
        <v>14.65</v>
      </c>
      <c r="J2086" s="52" t="s">
        <v>5947</v>
      </c>
      <c r="K2086" s="71" t="s">
        <v>5948</v>
      </c>
      <c r="L2086" s="52" t="s">
        <v>2063</v>
      </c>
      <c r="M2086" s="72">
        <v>6431</v>
      </c>
      <c r="N2086" s="52" t="s">
        <v>2072</v>
      </c>
      <c r="O2086" s="52" t="s">
        <v>2073</v>
      </c>
      <c r="P2086" s="52"/>
      <c r="Q2086" s="52"/>
      <c r="R2086" s="52"/>
      <c r="S2086" s="52"/>
      <c r="T2086" s="52"/>
      <c r="U2086" s="52"/>
      <c r="V2086" s="52"/>
      <c r="W2086" s="52"/>
    </row>
    <row r="2087" spans="1:23" x14ac:dyDescent="0.35">
      <c r="A2087" s="52" t="s">
        <v>78</v>
      </c>
      <c r="B2087" s="52" t="s">
        <v>79</v>
      </c>
      <c r="C2087" s="3">
        <v>10</v>
      </c>
      <c r="D2087" s="52" t="s">
        <v>2020</v>
      </c>
      <c r="E2087" s="52" t="s">
        <v>26</v>
      </c>
      <c r="F2087" s="52" t="s">
        <v>81</v>
      </c>
      <c r="G2087" s="52" t="s">
        <v>82</v>
      </c>
      <c r="H2087" s="4">
        <v>1</v>
      </c>
      <c r="I2087" s="2">
        <v>14.65</v>
      </c>
      <c r="J2087" s="52" t="s">
        <v>5895</v>
      </c>
      <c r="K2087" s="71" t="s">
        <v>5949</v>
      </c>
      <c r="L2087" s="52" t="s">
        <v>2063</v>
      </c>
      <c r="M2087" s="72">
        <v>8491</v>
      </c>
      <c r="N2087" s="52" t="s">
        <v>2259</v>
      </c>
      <c r="O2087" s="52" t="s">
        <v>2260</v>
      </c>
      <c r="P2087" s="52"/>
      <c r="Q2087" s="52"/>
      <c r="R2087" s="52"/>
      <c r="S2087" s="52"/>
      <c r="T2087" s="52"/>
      <c r="U2087" s="52"/>
      <c r="V2087" s="52"/>
      <c r="W2087" s="52"/>
    </row>
    <row r="2088" spans="1:23" hidden="1" x14ac:dyDescent="0.35">
      <c r="A2088" s="52" t="s">
        <v>78</v>
      </c>
      <c r="B2088" s="52" t="s">
        <v>79</v>
      </c>
      <c r="C2088" s="3">
        <v>20</v>
      </c>
      <c r="D2088" s="52" t="s">
        <v>83</v>
      </c>
      <c r="E2088" s="52" t="s">
        <v>26</v>
      </c>
      <c r="F2088" s="52" t="s">
        <v>81</v>
      </c>
      <c r="G2088" s="52" t="s">
        <v>82</v>
      </c>
      <c r="H2088" s="4">
        <v>1</v>
      </c>
      <c r="I2088" s="2">
        <v>14.65</v>
      </c>
      <c r="J2088" s="52" t="s">
        <v>5950</v>
      </c>
      <c r="K2088" s="71" t="s">
        <v>5951</v>
      </c>
      <c r="L2088" s="52" t="s">
        <v>2063</v>
      </c>
      <c r="M2088" s="72">
        <v>4281</v>
      </c>
      <c r="N2088" s="52"/>
      <c r="O2088" s="52"/>
      <c r="P2088" s="52"/>
      <c r="Q2088" s="52"/>
      <c r="R2088" s="52"/>
      <c r="S2088" s="52"/>
      <c r="T2088" s="52"/>
      <c r="U2088" s="52"/>
      <c r="V2088" s="52"/>
      <c r="W2088" s="52"/>
    </row>
    <row r="2089" spans="1:23" hidden="1" x14ac:dyDescent="0.35">
      <c r="A2089" s="52" t="s">
        <v>78</v>
      </c>
      <c r="B2089" s="52" t="s">
        <v>79</v>
      </c>
      <c r="C2089" s="3">
        <v>20</v>
      </c>
      <c r="D2089" s="52" t="s">
        <v>2021</v>
      </c>
      <c r="E2089" s="52" t="s">
        <v>26</v>
      </c>
      <c r="F2089" s="52" t="s">
        <v>81</v>
      </c>
      <c r="G2089" s="52" t="s">
        <v>82</v>
      </c>
      <c r="H2089" s="4">
        <v>1</v>
      </c>
      <c r="I2089" s="2">
        <v>14.65</v>
      </c>
      <c r="J2089" s="52" t="s">
        <v>5952</v>
      </c>
      <c r="K2089" s="71" t="s">
        <v>5953</v>
      </c>
      <c r="L2089" s="52" t="s">
        <v>2063</v>
      </c>
      <c r="M2089" s="72">
        <v>3885</v>
      </c>
      <c r="N2089" s="52" t="s">
        <v>2072</v>
      </c>
      <c r="O2089" s="52" t="s">
        <v>2073</v>
      </c>
      <c r="P2089" s="52"/>
      <c r="Q2089" s="52"/>
      <c r="R2089" s="52"/>
      <c r="S2089" s="52"/>
      <c r="T2089" s="52"/>
      <c r="U2089" s="52"/>
      <c r="V2089" s="52"/>
      <c r="W2089" s="52"/>
    </row>
    <row r="2090" spans="1:23" x14ac:dyDescent="0.35">
      <c r="A2090" s="52" t="s">
        <v>78</v>
      </c>
      <c r="B2090" s="52" t="s">
        <v>79</v>
      </c>
      <c r="C2090" s="3">
        <v>20</v>
      </c>
      <c r="D2090" s="52" t="s">
        <v>2019</v>
      </c>
      <c r="E2090" s="52" t="s">
        <v>26</v>
      </c>
      <c r="F2090" s="52" t="s">
        <v>81</v>
      </c>
      <c r="G2090" s="52" t="s">
        <v>82</v>
      </c>
      <c r="H2090" s="4">
        <v>1</v>
      </c>
      <c r="I2090" s="2">
        <v>14.65</v>
      </c>
      <c r="J2090" s="52" t="s">
        <v>5359</v>
      </c>
      <c r="K2090" s="71" t="s">
        <v>5954</v>
      </c>
      <c r="L2090" s="52" t="s">
        <v>2063</v>
      </c>
      <c r="M2090" s="72">
        <v>4655</v>
      </c>
      <c r="N2090" s="52" t="s">
        <v>2259</v>
      </c>
      <c r="O2090" s="52" t="s">
        <v>2260</v>
      </c>
      <c r="P2090" s="52"/>
      <c r="Q2090" s="52"/>
      <c r="R2090" s="52"/>
      <c r="S2090" s="52"/>
      <c r="T2090" s="52"/>
      <c r="U2090" s="52"/>
      <c r="V2090" s="52"/>
      <c r="W2090" s="52"/>
    </row>
    <row r="2091" spans="1:23" hidden="1" x14ac:dyDescent="0.35">
      <c r="A2091" s="52" t="s">
        <v>78</v>
      </c>
      <c r="B2091" s="52" t="s">
        <v>79</v>
      </c>
      <c r="C2091" s="3">
        <v>10</v>
      </c>
      <c r="D2091" s="52" t="s">
        <v>2022</v>
      </c>
      <c r="E2091" s="52" t="s">
        <v>26</v>
      </c>
      <c r="F2091" s="52" t="s">
        <v>81</v>
      </c>
      <c r="G2091" s="52" t="s">
        <v>82</v>
      </c>
      <c r="H2091" s="4">
        <v>1</v>
      </c>
      <c r="I2091" s="2">
        <v>14.65</v>
      </c>
      <c r="J2091" s="52" t="s">
        <v>5955</v>
      </c>
      <c r="K2091" s="71" t="s">
        <v>5956</v>
      </c>
      <c r="L2091" s="52" t="s">
        <v>2063</v>
      </c>
      <c r="M2091" s="72">
        <v>87</v>
      </c>
      <c r="N2091" s="52"/>
      <c r="O2091" s="52"/>
      <c r="P2091" s="52"/>
      <c r="Q2091" s="52"/>
      <c r="R2091" s="52"/>
      <c r="S2091" s="52"/>
      <c r="T2091" s="52"/>
      <c r="U2091" s="52"/>
      <c r="V2091" s="52"/>
      <c r="W2091" s="52"/>
    </row>
    <row r="2092" spans="1:23" hidden="1" x14ac:dyDescent="0.35">
      <c r="A2092" s="52" t="s">
        <v>78</v>
      </c>
      <c r="B2092" s="52" t="s">
        <v>79</v>
      </c>
      <c r="C2092" s="3">
        <v>10</v>
      </c>
      <c r="D2092" s="52" t="s">
        <v>83</v>
      </c>
      <c r="E2092" s="52" t="s">
        <v>26</v>
      </c>
      <c r="F2092" s="52" t="s">
        <v>81</v>
      </c>
      <c r="G2092" s="52" t="s">
        <v>82</v>
      </c>
      <c r="H2092" s="4">
        <v>1</v>
      </c>
      <c r="I2092" s="2">
        <v>14.65</v>
      </c>
      <c r="J2092" s="52" t="s">
        <v>5957</v>
      </c>
      <c r="K2092" s="71" t="s">
        <v>5958</v>
      </c>
      <c r="L2092" s="52" t="s">
        <v>2063</v>
      </c>
      <c r="M2092" s="72">
        <v>5250</v>
      </c>
      <c r="N2092" s="52" t="s">
        <v>2072</v>
      </c>
      <c r="O2092" s="52" t="s">
        <v>2073</v>
      </c>
      <c r="P2092" s="52"/>
      <c r="Q2092" s="52"/>
      <c r="R2092" s="52"/>
      <c r="S2092" s="52"/>
      <c r="T2092" s="52"/>
      <c r="U2092" s="52"/>
      <c r="V2092" s="52"/>
      <c r="W2092" s="52"/>
    </row>
    <row r="2093" spans="1:23" hidden="1" x14ac:dyDescent="0.35">
      <c r="A2093" s="52" t="s">
        <v>78</v>
      </c>
      <c r="B2093" s="52" t="s">
        <v>79</v>
      </c>
      <c r="C2093" s="3">
        <v>216</v>
      </c>
      <c r="D2093" s="52" t="s">
        <v>2022</v>
      </c>
      <c r="E2093" s="52" t="s">
        <v>26</v>
      </c>
      <c r="F2093" s="52" t="s">
        <v>81</v>
      </c>
      <c r="G2093" s="52" t="s">
        <v>82</v>
      </c>
      <c r="H2093" s="4">
        <v>1</v>
      </c>
      <c r="I2093" s="2">
        <v>14.65</v>
      </c>
      <c r="J2093" s="52" t="s">
        <v>5959</v>
      </c>
      <c r="K2093" s="71" t="s">
        <v>5960</v>
      </c>
      <c r="L2093" s="52" t="s">
        <v>2063</v>
      </c>
      <c r="M2093" s="72">
        <v>5111</v>
      </c>
      <c r="N2093" s="52" t="s">
        <v>2304</v>
      </c>
      <c r="O2093" s="52" t="s">
        <v>2305</v>
      </c>
      <c r="P2093" s="52"/>
      <c r="Q2093" s="52"/>
      <c r="R2093" s="52"/>
      <c r="S2093" s="52"/>
      <c r="T2093" s="52"/>
      <c r="U2093" s="52"/>
      <c r="V2093" s="52"/>
      <c r="W2093" s="52"/>
    </row>
    <row r="2094" spans="1:23" hidden="1" x14ac:dyDescent="0.35">
      <c r="A2094" s="52" t="s">
        <v>78</v>
      </c>
      <c r="B2094" s="52" t="s">
        <v>79</v>
      </c>
      <c r="C2094" s="3">
        <v>211</v>
      </c>
      <c r="D2094" s="52" t="s">
        <v>86</v>
      </c>
      <c r="E2094" s="52" t="s">
        <v>26</v>
      </c>
      <c r="F2094" s="52" t="s">
        <v>81</v>
      </c>
      <c r="G2094" s="52" t="s">
        <v>82</v>
      </c>
      <c r="H2094" s="4">
        <v>1</v>
      </c>
      <c r="I2094" s="2">
        <v>14.65</v>
      </c>
      <c r="J2094" s="52" t="s">
        <v>5961</v>
      </c>
      <c r="K2094" s="71" t="s">
        <v>5962</v>
      </c>
      <c r="L2094" s="52" t="s">
        <v>2063</v>
      </c>
      <c r="M2094" s="72">
        <v>5135</v>
      </c>
      <c r="N2094" s="52" t="s">
        <v>2066</v>
      </c>
      <c r="O2094" s="52" t="s">
        <v>2067</v>
      </c>
      <c r="P2094" s="52"/>
      <c r="Q2094" s="52"/>
      <c r="R2094" s="52"/>
      <c r="S2094" s="52"/>
      <c r="T2094" s="52"/>
      <c r="U2094" s="52"/>
      <c r="V2094" s="52"/>
      <c r="W2094" s="52"/>
    </row>
    <row r="2095" spans="1:23" hidden="1" x14ac:dyDescent="0.35">
      <c r="A2095" s="52" t="s">
        <v>78</v>
      </c>
      <c r="B2095" s="52" t="s">
        <v>79</v>
      </c>
      <c r="C2095" s="3">
        <v>10</v>
      </c>
      <c r="D2095" s="52" t="s">
        <v>2024</v>
      </c>
      <c r="E2095" s="52" t="s">
        <v>26</v>
      </c>
      <c r="F2095" s="52" t="s">
        <v>81</v>
      </c>
      <c r="G2095" s="52" t="s">
        <v>82</v>
      </c>
      <c r="H2095" s="4">
        <v>1</v>
      </c>
      <c r="I2095" s="2">
        <v>14.65</v>
      </c>
      <c r="J2095" s="52" t="s">
        <v>5963</v>
      </c>
      <c r="K2095" s="71" t="s">
        <v>5964</v>
      </c>
      <c r="L2095" s="52" t="s">
        <v>2063</v>
      </c>
      <c r="M2095" s="72">
        <v>2446</v>
      </c>
      <c r="N2095" s="52"/>
      <c r="O2095" s="52"/>
      <c r="P2095" s="52"/>
      <c r="Q2095" s="52"/>
      <c r="R2095" s="52"/>
      <c r="S2095" s="52"/>
      <c r="T2095" s="52"/>
      <c r="U2095" s="52"/>
      <c r="V2095" s="52"/>
      <c r="W2095" s="52"/>
    </row>
    <row r="2096" spans="1:23" hidden="1" x14ac:dyDescent="0.35">
      <c r="A2096" s="52" t="s">
        <v>78</v>
      </c>
      <c r="B2096" s="52" t="s">
        <v>79</v>
      </c>
      <c r="C2096" s="3">
        <v>10</v>
      </c>
      <c r="D2096" s="52" t="s">
        <v>2023</v>
      </c>
      <c r="E2096" s="52" t="s">
        <v>26</v>
      </c>
      <c r="F2096" s="52" t="s">
        <v>81</v>
      </c>
      <c r="G2096" s="52" t="s">
        <v>82</v>
      </c>
      <c r="H2096" s="4">
        <v>1</v>
      </c>
      <c r="I2096" s="2">
        <v>14.65</v>
      </c>
      <c r="J2096" s="52" t="s">
        <v>5763</v>
      </c>
      <c r="K2096" s="71" t="s">
        <v>5965</v>
      </c>
      <c r="L2096" s="52" t="s">
        <v>2063</v>
      </c>
      <c r="M2096" s="72">
        <v>3456</v>
      </c>
      <c r="N2096" s="52"/>
      <c r="O2096" s="52"/>
      <c r="P2096" s="52"/>
      <c r="Q2096" s="52"/>
      <c r="R2096" s="52"/>
      <c r="S2096" s="52"/>
      <c r="T2096" s="52"/>
      <c r="U2096" s="52"/>
      <c r="V2096" s="52"/>
      <c r="W2096" s="52"/>
    </row>
    <row r="2097" spans="1:23" hidden="1" x14ac:dyDescent="0.35">
      <c r="A2097" s="52" t="s">
        <v>78</v>
      </c>
      <c r="B2097" s="52" t="s">
        <v>79</v>
      </c>
      <c r="C2097" s="3">
        <v>20</v>
      </c>
      <c r="D2097" s="52" t="s">
        <v>2019</v>
      </c>
      <c r="E2097" s="52" t="s">
        <v>26</v>
      </c>
      <c r="F2097" s="52" t="s">
        <v>81</v>
      </c>
      <c r="G2097" s="52" t="s">
        <v>82</v>
      </c>
      <c r="H2097" s="4">
        <v>1</v>
      </c>
      <c r="I2097" s="2">
        <v>14.65</v>
      </c>
      <c r="J2097" s="52" t="s">
        <v>5966</v>
      </c>
      <c r="K2097" s="71" t="s">
        <v>5967</v>
      </c>
      <c r="L2097" s="52" t="s">
        <v>2063</v>
      </c>
      <c r="M2097" s="72">
        <v>2239</v>
      </c>
      <c r="N2097" s="52" t="s">
        <v>2066</v>
      </c>
      <c r="O2097" s="52" t="s">
        <v>2067</v>
      </c>
      <c r="P2097" s="52"/>
      <c r="Q2097" s="52"/>
      <c r="R2097" s="52"/>
      <c r="S2097" s="52"/>
      <c r="T2097" s="52"/>
      <c r="U2097" s="52"/>
      <c r="V2097" s="52"/>
      <c r="W2097" s="52"/>
    </row>
    <row r="2098" spans="1:23" hidden="1" x14ac:dyDescent="0.35">
      <c r="A2098" s="52" t="s">
        <v>78</v>
      </c>
      <c r="B2098" s="52" t="s">
        <v>79</v>
      </c>
      <c r="C2098" s="3">
        <v>20</v>
      </c>
      <c r="D2098" s="52" t="s">
        <v>87</v>
      </c>
      <c r="E2098" s="52" t="s">
        <v>26</v>
      </c>
      <c r="F2098" s="52" t="s">
        <v>81</v>
      </c>
      <c r="G2098" s="52" t="s">
        <v>82</v>
      </c>
      <c r="H2098" s="4">
        <v>1</v>
      </c>
      <c r="I2098" s="2">
        <v>14.65</v>
      </c>
      <c r="J2098" s="52" t="s">
        <v>5968</v>
      </c>
      <c r="K2098" s="71" t="s">
        <v>5969</v>
      </c>
      <c r="L2098" s="52" t="s">
        <v>2063</v>
      </c>
      <c r="M2098" s="72">
        <v>7213</v>
      </c>
      <c r="N2098" s="52" t="s">
        <v>2072</v>
      </c>
      <c r="O2098" s="52" t="s">
        <v>2073</v>
      </c>
      <c r="P2098" s="52"/>
      <c r="Q2098" s="52"/>
      <c r="R2098" s="52"/>
      <c r="S2098" s="52"/>
      <c r="T2098" s="52"/>
      <c r="U2098" s="52"/>
      <c r="V2098" s="52"/>
      <c r="W2098" s="52"/>
    </row>
    <row r="2099" spans="1:23" hidden="1" x14ac:dyDescent="0.35">
      <c r="A2099" s="52" t="s">
        <v>78</v>
      </c>
      <c r="B2099" s="52" t="s">
        <v>79</v>
      </c>
      <c r="C2099" s="3">
        <v>20</v>
      </c>
      <c r="D2099" s="52" t="s">
        <v>2022</v>
      </c>
      <c r="E2099" s="52" t="s">
        <v>26</v>
      </c>
      <c r="F2099" s="52" t="s">
        <v>81</v>
      </c>
      <c r="G2099" s="52" t="s">
        <v>82</v>
      </c>
      <c r="H2099" s="4">
        <v>1</v>
      </c>
      <c r="I2099" s="2">
        <v>14.65</v>
      </c>
      <c r="J2099" s="52" t="s">
        <v>5970</v>
      </c>
      <c r="K2099" s="71" t="s">
        <v>5971</v>
      </c>
      <c r="L2099" s="52" t="s">
        <v>2063</v>
      </c>
      <c r="M2099" s="72">
        <v>4608</v>
      </c>
      <c r="N2099" s="52" t="s">
        <v>2072</v>
      </c>
      <c r="O2099" s="52" t="s">
        <v>2073</v>
      </c>
      <c r="P2099" s="52"/>
      <c r="Q2099" s="52"/>
      <c r="R2099" s="52"/>
      <c r="S2099" s="52"/>
      <c r="T2099" s="52"/>
      <c r="U2099" s="52"/>
      <c r="V2099" s="52"/>
      <c r="W2099" s="52"/>
    </row>
    <row r="2100" spans="1:23" hidden="1" x14ac:dyDescent="0.35">
      <c r="A2100" s="52" t="s">
        <v>78</v>
      </c>
      <c r="B2100" s="52" t="s">
        <v>79</v>
      </c>
      <c r="C2100" s="3">
        <v>10</v>
      </c>
      <c r="D2100" s="52" t="s">
        <v>86</v>
      </c>
      <c r="E2100" s="52" t="s">
        <v>26</v>
      </c>
      <c r="F2100" s="52" t="s">
        <v>81</v>
      </c>
      <c r="G2100" s="52" t="s">
        <v>82</v>
      </c>
      <c r="H2100" s="4">
        <v>1</v>
      </c>
      <c r="I2100" s="2">
        <v>14.65</v>
      </c>
      <c r="J2100" s="52" t="s">
        <v>5972</v>
      </c>
      <c r="K2100" s="71" t="s">
        <v>5973</v>
      </c>
      <c r="L2100" s="52" t="s">
        <v>2063</v>
      </c>
      <c r="M2100" s="72">
        <v>7001</v>
      </c>
      <c r="N2100" s="52" t="s">
        <v>2072</v>
      </c>
      <c r="O2100" s="52" t="s">
        <v>2073</v>
      </c>
      <c r="P2100" s="52"/>
      <c r="Q2100" s="52"/>
      <c r="R2100" s="52"/>
      <c r="S2100" s="52"/>
      <c r="T2100" s="52"/>
      <c r="U2100" s="52"/>
      <c r="V2100" s="52"/>
      <c r="W2100" s="52"/>
    </row>
    <row r="2101" spans="1:23" hidden="1" x14ac:dyDescent="0.35">
      <c r="A2101" s="52" t="s">
        <v>78</v>
      </c>
      <c r="B2101" s="52" t="s">
        <v>79</v>
      </c>
      <c r="C2101" s="3">
        <v>10</v>
      </c>
      <c r="D2101" s="52" t="s">
        <v>2020</v>
      </c>
      <c r="E2101" s="52" t="s">
        <v>26</v>
      </c>
      <c r="F2101" s="52" t="s">
        <v>81</v>
      </c>
      <c r="G2101" s="52" t="s">
        <v>82</v>
      </c>
      <c r="H2101" s="4">
        <v>1</v>
      </c>
      <c r="I2101" s="2">
        <v>14.65</v>
      </c>
      <c r="J2101" s="52" t="s">
        <v>5974</v>
      </c>
      <c r="K2101" s="71" t="s">
        <v>5975</v>
      </c>
      <c r="L2101" s="52" t="s">
        <v>2063</v>
      </c>
      <c r="M2101" s="72">
        <v>3936</v>
      </c>
      <c r="N2101" s="52" t="s">
        <v>2072</v>
      </c>
      <c r="O2101" s="52" t="s">
        <v>2073</v>
      </c>
      <c r="P2101" s="52"/>
      <c r="Q2101" s="52"/>
      <c r="R2101" s="52"/>
      <c r="S2101" s="52"/>
      <c r="T2101" s="52"/>
      <c r="U2101" s="52"/>
      <c r="V2101" s="52"/>
      <c r="W2101" s="52"/>
    </row>
    <row r="2102" spans="1:23" hidden="1" x14ac:dyDescent="0.35">
      <c r="A2102" s="52" t="s">
        <v>78</v>
      </c>
      <c r="B2102" s="52" t="s">
        <v>79</v>
      </c>
      <c r="C2102" s="3">
        <v>20</v>
      </c>
      <c r="D2102" s="52" t="s">
        <v>2021</v>
      </c>
      <c r="E2102" s="52" t="s">
        <v>26</v>
      </c>
      <c r="F2102" s="52" t="s">
        <v>81</v>
      </c>
      <c r="G2102" s="52" t="s">
        <v>82</v>
      </c>
      <c r="H2102" s="4">
        <v>1</v>
      </c>
      <c r="I2102" s="2">
        <v>14.65</v>
      </c>
      <c r="J2102" s="52" t="s">
        <v>5976</v>
      </c>
      <c r="K2102" s="71" t="s">
        <v>5977</v>
      </c>
      <c r="L2102" s="52" t="s">
        <v>2063</v>
      </c>
      <c r="M2102" s="72">
        <v>5621</v>
      </c>
      <c r="N2102" s="52" t="s">
        <v>2072</v>
      </c>
      <c r="O2102" s="52" t="s">
        <v>2073</v>
      </c>
      <c r="P2102" s="52"/>
      <c r="Q2102" s="52"/>
      <c r="R2102" s="52"/>
      <c r="S2102" s="52"/>
      <c r="T2102" s="52"/>
      <c r="U2102" s="52"/>
      <c r="V2102" s="52"/>
      <c r="W2102" s="52"/>
    </row>
    <row r="2103" spans="1:23" hidden="1" x14ac:dyDescent="0.35">
      <c r="A2103" s="52" t="s">
        <v>78</v>
      </c>
      <c r="B2103" s="52" t="s">
        <v>79</v>
      </c>
      <c r="C2103" s="3">
        <v>20</v>
      </c>
      <c r="D2103" s="52" t="s">
        <v>2022</v>
      </c>
      <c r="E2103" s="52" t="s">
        <v>26</v>
      </c>
      <c r="F2103" s="52" t="s">
        <v>81</v>
      </c>
      <c r="G2103" s="52" t="s">
        <v>82</v>
      </c>
      <c r="H2103" s="4">
        <v>1</v>
      </c>
      <c r="I2103" s="2">
        <v>14.65</v>
      </c>
      <c r="J2103" s="52" t="s">
        <v>5978</v>
      </c>
      <c r="K2103" s="71" t="s">
        <v>5979</v>
      </c>
      <c r="L2103" s="52" t="s">
        <v>2063</v>
      </c>
      <c r="M2103" s="72">
        <v>1447</v>
      </c>
      <c r="N2103" s="52" t="s">
        <v>2158</v>
      </c>
      <c r="O2103" s="52" t="s">
        <v>2159</v>
      </c>
      <c r="P2103" s="52"/>
      <c r="Q2103" s="52"/>
      <c r="R2103" s="52"/>
      <c r="S2103" s="52"/>
      <c r="T2103" s="52"/>
      <c r="U2103" s="52"/>
      <c r="V2103" s="52"/>
      <c r="W2103" s="52"/>
    </row>
    <row r="2104" spans="1:23" hidden="1" x14ac:dyDescent="0.35">
      <c r="A2104" s="52" t="s">
        <v>78</v>
      </c>
      <c r="B2104" s="52" t="s">
        <v>79</v>
      </c>
      <c r="C2104" s="3">
        <v>20</v>
      </c>
      <c r="D2104" s="52" t="s">
        <v>2021</v>
      </c>
      <c r="E2104" s="52" t="s">
        <v>26</v>
      </c>
      <c r="F2104" s="52" t="s">
        <v>81</v>
      </c>
      <c r="G2104" s="52" t="s">
        <v>82</v>
      </c>
      <c r="H2104" s="4">
        <v>1</v>
      </c>
      <c r="I2104" s="2">
        <v>14.65</v>
      </c>
      <c r="J2104" s="52" t="s">
        <v>5980</v>
      </c>
      <c r="K2104" s="71" t="s">
        <v>5981</v>
      </c>
      <c r="L2104" s="52" t="s">
        <v>2063</v>
      </c>
      <c r="M2104" s="72">
        <v>1460</v>
      </c>
      <c r="N2104" s="52" t="s">
        <v>2066</v>
      </c>
      <c r="O2104" s="52" t="s">
        <v>2067</v>
      </c>
      <c r="P2104" s="52"/>
      <c r="Q2104" s="52"/>
      <c r="R2104" s="52"/>
      <c r="S2104" s="52"/>
      <c r="T2104" s="52"/>
      <c r="U2104" s="52"/>
      <c r="V2104" s="52"/>
      <c r="W2104" s="52"/>
    </row>
    <row r="2105" spans="1:23" hidden="1" x14ac:dyDescent="0.35">
      <c r="A2105" s="52" t="s">
        <v>78</v>
      </c>
      <c r="B2105" s="52" t="s">
        <v>79</v>
      </c>
      <c r="C2105" s="3">
        <v>20</v>
      </c>
      <c r="D2105" s="52" t="s">
        <v>2021</v>
      </c>
      <c r="E2105" s="52" t="s">
        <v>26</v>
      </c>
      <c r="F2105" s="52" t="s">
        <v>81</v>
      </c>
      <c r="G2105" s="52" t="s">
        <v>82</v>
      </c>
      <c r="H2105" s="4">
        <v>1</v>
      </c>
      <c r="I2105" s="2">
        <v>14.65</v>
      </c>
      <c r="J2105" s="52" t="s">
        <v>5982</v>
      </c>
      <c r="K2105" s="71" t="s">
        <v>5983</v>
      </c>
      <c r="L2105" s="52" t="s">
        <v>2063</v>
      </c>
      <c r="M2105" s="72">
        <v>8648</v>
      </c>
      <c r="N2105" s="52" t="s">
        <v>2066</v>
      </c>
      <c r="O2105" s="52" t="s">
        <v>2067</v>
      </c>
      <c r="P2105" s="52"/>
      <c r="Q2105" s="52"/>
      <c r="R2105" s="52"/>
      <c r="S2105" s="52"/>
      <c r="T2105" s="52"/>
      <c r="U2105" s="52"/>
      <c r="V2105" s="52"/>
      <c r="W2105" s="52"/>
    </row>
    <row r="2106" spans="1:23" hidden="1" x14ac:dyDescent="0.35">
      <c r="A2106" s="52" t="s">
        <v>78</v>
      </c>
      <c r="B2106" s="52" t="s">
        <v>79</v>
      </c>
      <c r="C2106" s="3">
        <v>10</v>
      </c>
      <c r="D2106" s="52" t="s">
        <v>2024</v>
      </c>
      <c r="E2106" s="52" t="s">
        <v>26</v>
      </c>
      <c r="F2106" s="52" t="s">
        <v>81</v>
      </c>
      <c r="G2106" s="52" t="s">
        <v>82</v>
      </c>
      <c r="H2106" s="4">
        <v>1</v>
      </c>
      <c r="I2106" s="2">
        <v>14.65</v>
      </c>
      <c r="J2106" s="52" t="s">
        <v>5984</v>
      </c>
      <c r="K2106" s="71" t="s">
        <v>5985</v>
      </c>
      <c r="L2106" s="52" t="s">
        <v>2063</v>
      </c>
      <c r="M2106" s="72">
        <v>7739</v>
      </c>
      <c r="N2106" s="52" t="s">
        <v>2072</v>
      </c>
      <c r="O2106" s="52" t="s">
        <v>2073</v>
      </c>
      <c r="P2106" s="52"/>
      <c r="Q2106" s="52"/>
      <c r="R2106" s="52"/>
      <c r="S2106" s="52"/>
      <c r="T2106" s="52"/>
      <c r="U2106" s="52"/>
      <c r="V2106" s="52"/>
      <c r="W2106" s="52"/>
    </row>
    <row r="2107" spans="1:23" hidden="1" x14ac:dyDescent="0.35">
      <c r="A2107" s="52" t="s">
        <v>78</v>
      </c>
      <c r="B2107" s="52" t="s">
        <v>79</v>
      </c>
      <c r="C2107" s="3">
        <v>20</v>
      </c>
      <c r="D2107" s="52" t="s">
        <v>2021</v>
      </c>
      <c r="E2107" s="52" t="s">
        <v>26</v>
      </c>
      <c r="F2107" s="52" t="s">
        <v>81</v>
      </c>
      <c r="G2107" s="52" t="s">
        <v>82</v>
      </c>
      <c r="H2107" s="4">
        <v>1</v>
      </c>
      <c r="I2107" s="2">
        <v>14.65</v>
      </c>
      <c r="J2107" s="52" t="s">
        <v>5986</v>
      </c>
      <c r="K2107" s="71" t="s">
        <v>5987</v>
      </c>
      <c r="L2107" s="52" t="s">
        <v>2063</v>
      </c>
      <c r="M2107" s="72">
        <v>2138</v>
      </c>
      <c r="N2107" s="52" t="s">
        <v>2072</v>
      </c>
      <c r="O2107" s="52" t="s">
        <v>2073</v>
      </c>
      <c r="P2107" s="52"/>
      <c r="Q2107" s="52"/>
      <c r="R2107" s="52"/>
      <c r="S2107" s="52"/>
      <c r="T2107" s="52"/>
      <c r="U2107" s="52"/>
      <c r="V2107" s="52"/>
      <c r="W2107" s="52"/>
    </row>
    <row r="2108" spans="1:23" hidden="1" x14ac:dyDescent="0.35">
      <c r="A2108" s="52" t="s">
        <v>78</v>
      </c>
      <c r="B2108" s="52" t="s">
        <v>79</v>
      </c>
      <c r="C2108" s="3">
        <v>10</v>
      </c>
      <c r="D2108" s="52" t="s">
        <v>2022</v>
      </c>
      <c r="E2108" s="52" t="s">
        <v>26</v>
      </c>
      <c r="F2108" s="52" t="s">
        <v>81</v>
      </c>
      <c r="G2108" s="52" t="s">
        <v>82</v>
      </c>
      <c r="H2108" s="4">
        <v>1</v>
      </c>
      <c r="I2108" s="2">
        <v>14.65</v>
      </c>
      <c r="J2108" s="52" t="s">
        <v>5988</v>
      </c>
      <c r="K2108" s="71" t="s">
        <v>5989</v>
      </c>
      <c r="L2108" s="52" t="s">
        <v>2063</v>
      </c>
      <c r="M2108" s="72">
        <v>9006</v>
      </c>
      <c r="N2108" s="52" t="s">
        <v>2154</v>
      </c>
      <c r="O2108" s="52" t="s">
        <v>2155</v>
      </c>
      <c r="P2108" s="52"/>
      <c r="Q2108" s="52"/>
      <c r="R2108" s="52"/>
      <c r="S2108" s="52"/>
      <c r="T2108" s="52"/>
      <c r="U2108" s="52"/>
      <c r="V2108" s="52"/>
      <c r="W2108" s="52"/>
    </row>
    <row r="2109" spans="1:23" hidden="1" x14ac:dyDescent="0.35">
      <c r="A2109" s="52" t="s">
        <v>78</v>
      </c>
      <c r="B2109" s="52" t="s">
        <v>79</v>
      </c>
      <c r="C2109" s="3">
        <v>10</v>
      </c>
      <c r="D2109" s="52" t="s">
        <v>86</v>
      </c>
      <c r="E2109" s="52" t="s">
        <v>26</v>
      </c>
      <c r="F2109" s="52" t="s">
        <v>81</v>
      </c>
      <c r="G2109" s="52" t="s">
        <v>82</v>
      </c>
      <c r="H2109" s="4">
        <v>1</v>
      </c>
      <c r="I2109" s="2">
        <v>14.65</v>
      </c>
      <c r="J2109" s="52" t="s">
        <v>5990</v>
      </c>
      <c r="K2109" s="71" t="s">
        <v>5991</v>
      </c>
      <c r="L2109" s="52" t="s">
        <v>2063</v>
      </c>
      <c r="M2109" s="72">
        <v>7418</v>
      </c>
      <c r="N2109" s="52" t="s">
        <v>2072</v>
      </c>
      <c r="O2109" s="52" t="s">
        <v>2073</v>
      </c>
      <c r="P2109" s="52"/>
      <c r="Q2109" s="52"/>
      <c r="R2109" s="52"/>
      <c r="S2109" s="52"/>
      <c r="T2109" s="52"/>
      <c r="U2109" s="52"/>
      <c r="V2109" s="52"/>
      <c r="W2109" s="52"/>
    </row>
    <row r="2110" spans="1:23" hidden="1" x14ac:dyDescent="0.35">
      <c r="A2110" s="52" t="s">
        <v>78</v>
      </c>
      <c r="B2110" s="52" t="s">
        <v>79</v>
      </c>
      <c r="C2110" s="3">
        <v>211</v>
      </c>
      <c r="D2110" s="52" t="s">
        <v>2019</v>
      </c>
      <c r="E2110" s="52" t="s">
        <v>26</v>
      </c>
      <c r="F2110" s="52" t="s">
        <v>81</v>
      </c>
      <c r="G2110" s="52" t="s">
        <v>82</v>
      </c>
      <c r="H2110" s="4">
        <v>1</v>
      </c>
      <c r="I2110" s="2">
        <v>14.65</v>
      </c>
      <c r="J2110" s="52" t="s">
        <v>5992</v>
      </c>
      <c r="K2110" s="71" t="s">
        <v>5993</v>
      </c>
      <c r="L2110" s="52" t="s">
        <v>2063</v>
      </c>
      <c r="M2110" s="72">
        <v>2230</v>
      </c>
      <c r="N2110" s="52" t="s">
        <v>2066</v>
      </c>
      <c r="O2110" s="52" t="s">
        <v>2067</v>
      </c>
      <c r="P2110" s="52"/>
      <c r="Q2110" s="52"/>
      <c r="R2110" s="52"/>
      <c r="S2110" s="52"/>
      <c r="T2110" s="52"/>
      <c r="U2110" s="52"/>
      <c r="V2110" s="52"/>
      <c r="W2110" s="52"/>
    </row>
    <row r="2111" spans="1:23" hidden="1" x14ac:dyDescent="0.35">
      <c r="A2111" s="52" t="s">
        <v>78</v>
      </c>
      <c r="B2111" s="52" t="s">
        <v>79</v>
      </c>
      <c r="C2111" s="3">
        <v>20</v>
      </c>
      <c r="D2111" s="52" t="s">
        <v>2021</v>
      </c>
      <c r="E2111" s="52" t="s">
        <v>26</v>
      </c>
      <c r="F2111" s="52" t="s">
        <v>81</v>
      </c>
      <c r="G2111" s="52" t="s">
        <v>82</v>
      </c>
      <c r="H2111" s="4">
        <v>1</v>
      </c>
      <c r="I2111" s="2">
        <v>14.65</v>
      </c>
      <c r="J2111" s="52" t="s">
        <v>5994</v>
      </c>
      <c r="K2111" s="71" t="s">
        <v>5995</v>
      </c>
      <c r="L2111" s="52" t="s">
        <v>2063</v>
      </c>
      <c r="M2111" s="72">
        <v>5750</v>
      </c>
      <c r="N2111" s="52" t="s">
        <v>2072</v>
      </c>
      <c r="O2111" s="52" t="s">
        <v>2073</v>
      </c>
      <c r="P2111" s="52"/>
      <c r="Q2111" s="52"/>
      <c r="R2111" s="52"/>
      <c r="S2111" s="52"/>
      <c r="T2111" s="52"/>
      <c r="U2111" s="52"/>
      <c r="V2111" s="52"/>
      <c r="W2111" s="52"/>
    </row>
    <row r="2112" spans="1:23" x14ac:dyDescent="0.35">
      <c r="A2112" s="52" t="s">
        <v>78</v>
      </c>
      <c r="B2112" s="52" t="s">
        <v>79</v>
      </c>
      <c r="C2112" s="3">
        <v>20</v>
      </c>
      <c r="D2112" s="52" t="s">
        <v>80</v>
      </c>
      <c r="E2112" s="52" t="s">
        <v>26</v>
      </c>
      <c r="F2112" s="52" t="s">
        <v>81</v>
      </c>
      <c r="G2112" s="52" t="s">
        <v>82</v>
      </c>
      <c r="H2112" s="4">
        <v>1</v>
      </c>
      <c r="I2112" s="2">
        <v>14.65</v>
      </c>
      <c r="J2112" s="52" t="s">
        <v>5996</v>
      </c>
      <c r="K2112" s="71" t="s">
        <v>5997</v>
      </c>
      <c r="L2112" s="52" t="s">
        <v>2063</v>
      </c>
      <c r="M2112" s="72">
        <v>6996</v>
      </c>
      <c r="N2112" s="52" t="s">
        <v>2259</v>
      </c>
      <c r="O2112" s="52" t="s">
        <v>2260</v>
      </c>
      <c r="P2112" s="52"/>
      <c r="Q2112" s="52"/>
      <c r="R2112" s="52"/>
      <c r="S2112" s="52"/>
      <c r="T2112" s="52"/>
      <c r="U2112" s="52"/>
      <c r="V2112" s="52"/>
      <c r="W2112" s="52"/>
    </row>
    <row r="2113" spans="1:23" hidden="1" x14ac:dyDescent="0.35">
      <c r="A2113" s="52" t="s">
        <v>78</v>
      </c>
      <c r="B2113" s="52" t="s">
        <v>79</v>
      </c>
      <c r="C2113" s="3">
        <v>20</v>
      </c>
      <c r="D2113" s="52" t="s">
        <v>2024</v>
      </c>
      <c r="E2113" s="52" t="s">
        <v>26</v>
      </c>
      <c r="F2113" s="52" t="s">
        <v>81</v>
      </c>
      <c r="G2113" s="52" t="s">
        <v>82</v>
      </c>
      <c r="H2113" s="4">
        <v>1</v>
      </c>
      <c r="I2113" s="2">
        <v>14.65</v>
      </c>
      <c r="J2113" s="52" t="s">
        <v>5998</v>
      </c>
      <c r="K2113" s="71" t="s">
        <v>5999</v>
      </c>
      <c r="L2113" s="52" t="s">
        <v>2063</v>
      </c>
      <c r="M2113" s="72">
        <v>3627</v>
      </c>
      <c r="N2113" s="52"/>
      <c r="O2113" s="52"/>
      <c r="P2113" s="52"/>
      <c r="Q2113" s="52"/>
      <c r="R2113" s="52"/>
      <c r="S2113" s="52"/>
      <c r="T2113" s="52"/>
      <c r="U2113" s="52"/>
      <c r="V2113" s="52"/>
      <c r="W2113" s="52"/>
    </row>
    <row r="2114" spans="1:23" hidden="1" x14ac:dyDescent="0.35">
      <c r="A2114" s="52" t="s">
        <v>78</v>
      </c>
      <c r="B2114" s="52" t="s">
        <v>79</v>
      </c>
      <c r="C2114" s="3">
        <v>10</v>
      </c>
      <c r="D2114" s="52" t="s">
        <v>2024</v>
      </c>
      <c r="E2114" s="52" t="s">
        <v>26</v>
      </c>
      <c r="F2114" s="52" t="s">
        <v>81</v>
      </c>
      <c r="G2114" s="52" t="s">
        <v>82</v>
      </c>
      <c r="H2114" s="4">
        <v>1</v>
      </c>
      <c r="I2114" s="2">
        <v>14.65</v>
      </c>
      <c r="J2114" s="52" t="s">
        <v>6000</v>
      </c>
      <c r="K2114" s="71" t="s">
        <v>6001</v>
      </c>
      <c r="L2114" s="52" t="s">
        <v>2063</v>
      </c>
      <c r="M2114" s="72">
        <v>9016</v>
      </c>
      <c r="N2114" s="52"/>
      <c r="O2114" s="52"/>
      <c r="P2114" s="52"/>
      <c r="Q2114" s="52"/>
      <c r="R2114" s="52"/>
      <c r="S2114" s="52"/>
      <c r="T2114" s="52"/>
      <c r="U2114" s="52"/>
      <c r="V2114" s="52"/>
      <c r="W2114" s="52"/>
    </row>
    <row r="2115" spans="1:23" x14ac:dyDescent="0.35">
      <c r="A2115" s="52" t="s">
        <v>78</v>
      </c>
      <c r="B2115" s="52" t="s">
        <v>79</v>
      </c>
      <c r="C2115" s="3">
        <v>20</v>
      </c>
      <c r="D2115" s="52" t="s">
        <v>85</v>
      </c>
      <c r="E2115" s="52" t="s">
        <v>26</v>
      </c>
      <c r="F2115" s="52" t="s">
        <v>81</v>
      </c>
      <c r="G2115" s="52" t="s">
        <v>82</v>
      </c>
      <c r="H2115" s="4">
        <v>1</v>
      </c>
      <c r="I2115" s="2">
        <v>14.65</v>
      </c>
      <c r="J2115" s="52" t="s">
        <v>6002</v>
      </c>
      <c r="K2115" s="71" t="s">
        <v>6003</v>
      </c>
      <c r="L2115" s="52" t="s">
        <v>2063</v>
      </c>
      <c r="M2115" s="72">
        <v>6092</v>
      </c>
      <c r="N2115" s="52" t="s">
        <v>2238</v>
      </c>
      <c r="O2115" s="52" t="s">
        <v>2239</v>
      </c>
      <c r="P2115" s="52"/>
      <c r="Q2115" s="52"/>
      <c r="R2115" s="52"/>
      <c r="S2115" s="52"/>
      <c r="T2115" s="52"/>
      <c r="U2115" s="52"/>
      <c r="V2115" s="52"/>
      <c r="W2115" s="52"/>
    </row>
    <row r="2116" spans="1:23" x14ac:dyDescent="0.35">
      <c r="A2116" s="52" t="s">
        <v>78</v>
      </c>
      <c r="B2116" s="52" t="s">
        <v>79</v>
      </c>
      <c r="C2116" s="3">
        <v>10</v>
      </c>
      <c r="D2116" s="52" t="s">
        <v>2019</v>
      </c>
      <c r="E2116" s="52" t="s">
        <v>26</v>
      </c>
      <c r="F2116" s="52" t="s">
        <v>81</v>
      </c>
      <c r="G2116" s="52" t="s">
        <v>82</v>
      </c>
      <c r="H2116" s="4">
        <v>1</v>
      </c>
      <c r="I2116" s="2">
        <v>14.65</v>
      </c>
      <c r="J2116" s="52" t="s">
        <v>6004</v>
      </c>
      <c r="K2116" s="71" t="s">
        <v>6005</v>
      </c>
      <c r="L2116" s="52" t="s">
        <v>2063</v>
      </c>
      <c r="M2116" s="72">
        <v>2065</v>
      </c>
      <c r="N2116" s="52" t="s">
        <v>2259</v>
      </c>
      <c r="O2116" s="52" t="s">
        <v>2260</v>
      </c>
      <c r="P2116" s="52"/>
      <c r="Q2116" s="52"/>
      <c r="R2116" s="52"/>
      <c r="S2116" s="52"/>
      <c r="T2116" s="52"/>
      <c r="U2116" s="52"/>
      <c r="V2116" s="52"/>
      <c r="W2116" s="52"/>
    </row>
    <row r="2117" spans="1:23" hidden="1" x14ac:dyDescent="0.35">
      <c r="A2117" s="52" t="s">
        <v>78</v>
      </c>
      <c r="B2117" s="52" t="s">
        <v>79</v>
      </c>
      <c r="C2117" s="3">
        <v>20</v>
      </c>
      <c r="D2117" s="52" t="s">
        <v>84</v>
      </c>
      <c r="E2117" s="52" t="s">
        <v>26</v>
      </c>
      <c r="F2117" s="52" t="s">
        <v>81</v>
      </c>
      <c r="G2117" s="52" t="s">
        <v>82</v>
      </c>
      <c r="H2117" s="4">
        <v>1</v>
      </c>
      <c r="I2117" s="2">
        <v>14.65</v>
      </c>
      <c r="J2117" s="52" t="s">
        <v>5555</v>
      </c>
      <c r="K2117" s="71" t="s">
        <v>6006</v>
      </c>
      <c r="L2117" s="52" t="s">
        <v>2063</v>
      </c>
      <c r="M2117" s="72">
        <v>1202</v>
      </c>
      <c r="N2117" s="52"/>
      <c r="O2117" s="52"/>
      <c r="P2117" s="52"/>
      <c r="Q2117" s="52"/>
      <c r="R2117" s="52"/>
      <c r="S2117" s="52"/>
      <c r="T2117" s="52"/>
      <c r="U2117" s="52"/>
      <c r="V2117" s="52"/>
      <c r="W2117" s="52"/>
    </row>
    <row r="2118" spans="1:23" hidden="1" x14ac:dyDescent="0.35">
      <c r="A2118" s="52" t="s">
        <v>78</v>
      </c>
      <c r="B2118" s="52" t="s">
        <v>79</v>
      </c>
      <c r="C2118" s="3">
        <v>20</v>
      </c>
      <c r="D2118" s="52" t="s">
        <v>85</v>
      </c>
      <c r="E2118" s="52" t="s">
        <v>26</v>
      </c>
      <c r="F2118" s="52" t="s">
        <v>81</v>
      </c>
      <c r="G2118" s="52" t="s">
        <v>82</v>
      </c>
      <c r="H2118" s="4">
        <v>1</v>
      </c>
      <c r="I2118" s="2">
        <v>14.65</v>
      </c>
      <c r="J2118" s="52" t="s">
        <v>6007</v>
      </c>
      <c r="K2118" s="71" t="s">
        <v>6008</v>
      </c>
      <c r="L2118" s="52" t="s">
        <v>2063</v>
      </c>
      <c r="M2118" s="72">
        <v>8266</v>
      </c>
      <c r="N2118" s="52" t="s">
        <v>2066</v>
      </c>
      <c r="O2118" s="52" t="s">
        <v>2067</v>
      </c>
      <c r="P2118" s="52"/>
      <c r="Q2118" s="52"/>
      <c r="R2118" s="52"/>
      <c r="S2118" s="52"/>
      <c r="T2118" s="52"/>
      <c r="U2118" s="52"/>
      <c r="V2118" s="52"/>
      <c r="W2118" s="52"/>
    </row>
    <row r="2119" spans="1:23" hidden="1" x14ac:dyDescent="0.35">
      <c r="A2119" s="52" t="s">
        <v>78</v>
      </c>
      <c r="B2119" s="52" t="s">
        <v>79</v>
      </c>
      <c r="C2119" s="3">
        <v>10</v>
      </c>
      <c r="D2119" s="52" t="s">
        <v>2024</v>
      </c>
      <c r="E2119" s="52" t="s">
        <v>26</v>
      </c>
      <c r="F2119" s="52" t="s">
        <v>81</v>
      </c>
      <c r="G2119" s="52" t="s">
        <v>82</v>
      </c>
      <c r="H2119" s="4">
        <v>1</v>
      </c>
      <c r="I2119" s="2">
        <v>14.65</v>
      </c>
      <c r="J2119" s="52" t="s">
        <v>6009</v>
      </c>
      <c r="K2119" s="71" t="s">
        <v>6010</v>
      </c>
      <c r="L2119" s="52" t="s">
        <v>2063</v>
      </c>
      <c r="M2119" s="72">
        <v>5809</v>
      </c>
      <c r="N2119" s="52" t="s">
        <v>2072</v>
      </c>
      <c r="O2119" s="52" t="s">
        <v>2073</v>
      </c>
      <c r="P2119" s="52"/>
      <c r="Q2119" s="52"/>
      <c r="R2119" s="52"/>
      <c r="S2119" s="52"/>
      <c r="T2119" s="52"/>
      <c r="U2119" s="52"/>
      <c r="V2119" s="52"/>
      <c r="W2119" s="52"/>
    </row>
    <row r="2120" spans="1:23" hidden="1" x14ac:dyDescent="0.35">
      <c r="A2120" s="52" t="s">
        <v>78</v>
      </c>
      <c r="B2120" s="52" t="s">
        <v>79</v>
      </c>
      <c r="C2120" s="3">
        <v>20</v>
      </c>
      <c r="D2120" s="52" t="s">
        <v>2019</v>
      </c>
      <c r="E2120" s="52" t="s">
        <v>26</v>
      </c>
      <c r="F2120" s="52" t="s">
        <v>81</v>
      </c>
      <c r="G2120" s="52" t="s">
        <v>82</v>
      </c>
      <c r="H2120" s="4">
        <v>1</v>
      </c>
      <c r="I2120" s="2">
        <v>14.65</v>
      </c>
      <c r="J2120" s="52" t="s">
        <v>6011</v>
      </c>
      <c r="K2120" s="71" t="s">
        <v>6012</v>
      </c>
      <c r="L2120" s="52" t="s">
        <v>2063</v>
      </c>
      <c r="M2120" s="72">
        <v>8940</v>
      </c>
      <c r="N2120" s="52" t="s">
        <v>2066</v>
      </c>
      <c r="O2120" s="52" t="s">
        <v>2067</v>
      </c>
      <c r="P2120" s="52"/>
      <c r="Q2120" s="52"/>
      <c r="R2120" s="52"/>
      <c r="S2120" s="52"/>
      <c r="T2120" s="52"/>
      <c r="U2120" s="52"/>
      <c r="V2120" s="52"/>
      <c r="W2120" s="52"/>
    </row>
    <row r="2121" spans="1:23" hidden="1" x14ac:dyDescent="0.35">
      <c r="A2121" s="52" t="s">
        <v>78</v>
      </c>
      <c r="B2121" s="52" t="s">
        <v>79</v>
      </c>
      <c r="C2121" s="3">
        <v>10</v>
      </c>
      <c r="D2121" s="52" t="s">
        <v>2020</v>
      </c>
      <c r="E2121" s="52" t="s">
        <v>26</v>
      </c>
      <c r="F2121" s="52" t="s">
        <v>81</v>
      </c>
      <c r="G2121" s="52" t="s">
        <v>82</v>
      </c>
      <c r="H2121" s="4">
        <v>1</v>
      </c>
      <c r="I2121" s="2">
        <v>14.65</v>
      </c>
      <c r="J2121" s="52" t="s">
        <v>6013</v>
      </c>
      <c r="K2121" s="71" t="s">
        <v>6014</v>
      </c>
      <c r="L2121" s="52" t="s">
        <v>2063</v>
      </c>
      <c r="M2121" s="72">
        <v>23</v>
      </c>
      <c r="N2121" s="52" t="s">
        <v>2072</v>
      </c>
      <c r="O2121" s="52" t="s">
        <v>2073</v>
      </c>
      <c r="P2121" s="52"/>
      <c r="Q2121" s="52"/>
      <c r="R2121" s="52"/>
      <c r="S2121" s="52"/>
      <c r="T2121" s="52"/>
      <c r="U2121" s="52"/>
      <c r="V2121" s="52"/>
      <c r="W2121" s="52"/>
    </row>
    <row r="2122" spans="1:23" hidden="1" x14ac:dyDescent="0.35">
      <c r="A2122" s="52" t="s">
        <v>78</v>
      </c>
      <c r="B2122" s="52" t="s">
        <v>79</v>
      </c>
      <c r="C2122" s="3">
        <v>211</v>
      </c>
      <c r="D2122" s="52" t="s">
        <v>87</v>
      </c>
      <c r="E2122" s="52" t="s">
        <v>26</v>
      </c>
      <c r="F2122" s="52" t="s">
        <v>81</v>
      </c>
      <c r="G2122" s="52" t="s">
        <v>82</v>
      </c>
      <c r="H2122" s="4">
        <v>1</v>
      </c>
      <c r="I2122" s="2">
        <v>14.65</v>
      </c>
      <c r="J2122" s="52" t="s">
        <v>6015</v>
      </c>
      <c r="K2122" s="71" t="s">
        <v>6016</v>
      </c>
      <c r="L2122" s="52" t="s">
        <v>2063</v>
      </c>
      <c r="M2122" s="72">
        <v>395</v>
      </c>
      <c r="N2122" s="52" t="s">
        <v>2066</v>
      </c>
      <c r="O2122" s="52" t="s">
        <v>2067</v>
      </c>
      <c r="P2122" s="52"/>
      <c r="Q2122" s="52"/>
      <c r="R2122" s="52"/>
      <c r="S2122" s="52"/>
      <c r="T2122" s="52"/>
      <c r="U2122" s="52"/>
      <c r="V2122" s="52"/>
      <c r="W2122" s="52"/>
    </row>
    <row r="2123" spans="1:23" hidden="1" x14ac:dyDescent="0.35">
      <c r="A2123" s="52" t="s">
        <v>78</v>
      </c>
      <c r="B2123" s="52" t="s">
        <v>79</v>
      </c>
      <c r="C2123" s="3">
        <v>20</v>
      </c>
      <c r="D2123" s="52" t="s">
        <v>2021</v>
      </c>
      <c r="E2123" s="52" t="s">
        <v>26</v>
      </c>
      <c r="F2123" s="52" t="s">
        <v>81</v>
      </c>
      <c r="G2123" s="52" t="s">
        <v>82</v>
      </c>
      <c r="H2123" s="4">
        <v>1</v>
      </c>
      <c r="I2123" s="2">
        <v>14.65</v>
      </c>
      <c r="J2123" s="52" t="s">
        <v>6017</v>
      </c>
      <c r="K2123" s="71" t="s">
        <v>6018</v>
      </c>
      <c r="L2123" s="52" t="s">
        <v>2063</v>
      </c>
      <c r="M2123" s="72">
        <v>674</v>
      </c>
      <c r="N2123" s="52" t="s">
        <v>2066</v>
      </c>
      <c r="O2123" s="52" t="s">
        <v>2067</v>
      </c>
      <c r="P2123" s="52"/>
      <c r="Q2123" s="52"/>
      <c r="R2123" s="52"/>
      <c r="S2123" s="52"/>
      <c r="T2123" s="52"/>
      <c r="U2123" s="52"/>
      <c r="V2123" s="52"/>
      <c r="W2123" s="52"/>
    </row>
    <row r="2124" spans="1:23" hidden="1" x14ac:dyDescent="0.35">
      <c r="A2124" s="52" t="s">
        <v>78</v>
      </c>
      <c r="B2124" s="52" t="s">
        <v>79</v>
      </c>
      <c r="C2124" s="3">
        <v>20</v>
      </c>
      <c r="D2124" s="52" t="s">
        <v>2019</v>
      </c>
      <c r="E2124" s="52" t="s">
        <v>26</v>
      </c>
      <c r="F2124" s="52" t="s">
        <v>81</v>
      </c>
      <c r="G2124" s="52" t="s">
        <v>82</v>
      </c>
      <c r="H2124" s="4">
        <v>1</v>
      </c>
      <c r="I2124" s="2">
        <v>14.65</v>
      </c>
      <c r="J2124" s="52" t="s">
        <v>6019</v>
      </c>
      <c r="K2124" s="71" t="s">
        <v>6020</v>
      </c>
      <c r="L2124" s="52" t="s">
        <v>2063</v>
      </c>
      <c r="M2124" s="72">
        <v>4640</v>
      </c>
      <c r="N2124" s="52"/>
      <c r="O2124" s="52"/>
      <c r="P2124" s="52"/>
      <c r="Q2124" s="52"/>
      <c r="R2124" s="52"/>
      <c r="S2124" s="52"/>
      <c r="T2124" s="52"/>
      <c r="U2124" s="52"/>
      <c r="V2124" s="52"/>
      <c r="W2124" s="52"/>
    </row>
    <row r="2125" spans="1:23" hidden="1" x14ac:dyDescent="0.35">
      <c r="A2125" s="52" t="s">
        <v>78</v>
      </c>
      <c r="B2125" s="52" t="s">
        <v>79</v>
      </c>
      <c r="C2125" s="3">
        <v>20</v>
      </c>
      <c r="D2125" s="52" t="s">
        <v>2023</v>
      </c>
      <c r="E2125" s="52" t="s">
        <v>26</v>
      </c>
      <c r="F2125" s="52" t="s">
        <v>81</v>
      </c>
      <c r="G2125" s="52" t="s">
        <v>82</v>
      </c>
      <c r="H2125" s="4">
        <v>1</v>
      </c>
      <c r="I2125" s="2">
        <v>14.65</v>
      </c>
      <c r="J2125" s="52" t="s">
        <v>6021</v>
      </c>
      <c r="K2125" s="71" t="s">
        <v>6022</v>
      </c>
      <c r="L2125" s="52" t="s">
        <v>2063</v>
      </c>
      <c r="M2125" s="72">
        <v>7344</v>
      </c>
      <c r="N2125" s="52" t="s">
        <v>2072</v>
      </c>
      <c r="O2125" s="52" t="s">
        <v>2073</v>
      </c>
      <c r="P2125" s="52"/>
      <c r="Q2125" s="52"/>
      <c r="R2125" s="52"/>
      <c r="S2125" s="52"/>
      <c r="T2125" s="52"/>
      <c r="U2125" s="52"/>
      <c r="V2125" s="52"/>
      <c r="W2125" s="52"/>
    </row>
    <row r="2126" spans="1:23" hidden="1" x14ac:dyDescent="0.35">
      <c r="A2126" s="52" t="s">
        <v>78</v>
      </c>
      <c r="B2126" s="52" t="s">
        <v>79</v>
      </c>
      <c r="C2126" s="3">
        <v>20</v>
      </c>
      <c r="D2126" s="52" t="s">
        <v>2019</v>
      </c>
      <c r="E2126" s="52" t="s">
        <v>26</v>
      </c>
      <c r="F2126" s="52" t="s">
        <v>81</v>
      </c>
      <c r="G2126" s="52" t="s">
        <v>82</v>
      </c>
      <c r="H2126" s="4">
        <v>1</v>
      </c>
      <c r="I2126" s="2">
        <v>14.65</v>
      </c>
      <c r="J2126" s="52" t="s">
        <v>6023</v>
      </c>
      <c r="K2126" s="71" t="s">
        <v>6024</v>
      </c>
      <c r="L2126" s="52" t="s">
        <v>2095</v>
      </c>
      <c r="M2126" s="72">
        <v>8277</v>
      </c>
      <c r="N2126" s="52"/>
      <c r="O2126" s="52"/>
      <c r="P2126" s="52"/>
      <c r="Q2126" s="52"/>
      <c r="R2126" s="52"/>
      <c r="S2126" s="52"/>
      <c r="T2126" s="52"/>
      <c r="U2126" s="52"/>
      <c r="V2126" s="52"/>
      <c r="W2126" s="52"/>
    </row>
    <row r="2127" spans="1:23" hidden="1" x14ac:dyDescent="0.35">
      <c r="A2127" s="52" t="s">
        <v>78</v>
      </c>
      <c r="B2127" s="52" t="s">
        <v>79</v>
      </c>
      <c r="C2127" s="3">
        <v>20</v>
      </c>
      <c r="D2127" s="52" t="s">
        <v>83</v>
      </c>
      <c r="E2127" s="52" t="s">
        <v>26</v>
      </c>
      <c r="F2127" s="52" t="s">
        <v>81</v>
      </c>
      <c r="G2127" s="52" t="s">
        <v>82</v>
      </c>
      <c r="H2127" s="4">
        <v>1</v>
      </c>
      <c r="I2127" s="2">
        <v>14.65</v>
      </c>
      <c r="J2127" s="52" t="s">
        <v>6025</v>
      </c>
      <c r="K2127" s="71" t="s">
        <v>6026</v>
      </c>
      <c r="L2127" s="52" t="s">
        <v>2063</v>
      </c>
      <c r="M2127" s="72">
        <v>1741</v>
      </c>
      <c r="N2127" s="52" t="s">
        <v>2072</v>
      </c>
      <c r="O2127" s="52" t="s">
        <v>2073</v>
      </c>
      <c r="P2127" s="52"/>
      <c r="Q2127" s="52"/>
      <c r="R2127" s="52"/>
      <c r="S2127" s="52"/>
      <c r="T2127" s="52"/>
      <c r="U2127" s="52"/>
      <c r="V2127" s="52"/>
      <c r="W2127" s="52"/>
    </row>
    <row r="2128" spans="1:23" hidden="1" x14ac:dyDescent="0.35">
      <c r="A2128" s="52" t="s">
        <v>78</v>
      </c>
      <c r="B2128" s="52" t="s">
        <v>79</v>
      </c>
      <c r="C2128" s="3">
        <v>20</v>
      </c>
      <c r="D2128" s="52" t="s">
        <v>2023</v>
      </c>
      <c r="E2128" s="52" t="s">
        <v>26</v>
      </c>
      <c r="F2128" s="52" t="s">
        <v>81</v>
      </c>
      <c r="G2128" s="52" t="s">
        <v>82</v>
      </c>
      <c r="H2128" s="4">
        <v>1</v>
      </c>
      <c r="I2128" s="2">
        <v>14.65</v>
      </c>
      <c r="J2128" s="52" t="s">
        <v>6027</v>
      </c>
      <c r="K2128" s="71" t="s">
        <v>6028</v>
      </c>
      <c r="L2128" s="52" t="s">
        <v>2063</v>
      </c>
      <c r="M2128" s="72">
        <v>9381</v>
      </c>
      <c r="N2128" s="52"/>
      <c r="O2128" s="52"/>
      <c r="P2128" s="52"/>
      <c r="Q2128" s="52"/>
      <c r="R2128" s="52"/>
      <c r="S2128" s="52"/>
      <c r="T2128" s="52"/>
      <c r="U2128" s="52"/>
      <c r="V2128" s="52"/>
      <c r="W2128" s="52"/>
    </row>
    <row r="2129" spans="1:23" hidden="1" x14ac:dyDescent="0.35">
      <c r="A2129" s="52" t="s">
        <v>78</v>
      </c>
      <c r="B2129" s="52" t="s">
        <v>79</v>
      </c>
      <c r="C2129" s="3">
        <v>212</v>
      </c>
      <c r="D2129" s="52" t="s">
        <v>85</v>
      </c>
      <c r="E2129" s="52" t="s">
        <v>26</v>
      </c>
      <c r="F2129" s="52" t="s">
        <v>81</v>
      </c>
      <c r="G2129" s="52" t="s">
        <v>82</v>
      </c>
      <c r="H2129" s="4">
        <v>1</v>
      </c>
      <c r="I2129" s="2">
        <v>14.65</v>
      </c>
      <c r="J2129" s="52" t="s">
        <v>6029</v>
      </c>
      <c r="K2129" s="71" t="s">
        <v>6030</v>
      </c>
      <c r="L2129" s="52" t="s">
        <v>2063</v>
      </c>
      <c r="M2129" s="72">
        <v>4589</v>
      </c>
      <c r="N2129" s="52" t="s">
        <v>2066</v>
      </c>
      <c r="O2129" s="52" t="s">
        <v>2067</v>
      </c>
      <c r="P2129" s="52"/>
      <c r="Q2129" s="52"/>
      <c r="R2129" s="52"/>
      <c r="S2129" s="52"/>
      <c r="T2129" s="52"/>
      <c r="U2129" s="52"/>
      <c r="V2129" s="52"/>
      <c r="W2129" s="52"/>
    </row>
    <row r="2130" spans="1:23" hidden="1" x14ac:dyDescent="0.35">
      <c r="A2130" s="52" t="s">
        <v>78</v>
      </c>
      <c r="B2130" s="52" t="s">
        <v>79</v>
      </c>
      <c r="C2130" s="3">
        <v>20</v>
      </c>
      <c r="D2130" s="52" t="s">
        <v>2021</v>
      </c>
      <c r="E2130" s="52" t="s">
        <v>26</v>
      </c>
      <c r="F2130" s="52" t="s">
        <v>81</v>
      </c>
      <c r="G2130" s="52" t="s">
        <v>82</v>
      </c>
      <c r="H2130" s="4">
        <v>1</v>
      </c>
      <c r="I2130" s="2">
        <v>14.65</v>
      </c>
      <c r="J2130" s="52" t="s">
        <v>6031</v>
      </c>
      <c r="K2130" s="71" t="s">
        <v>6032</v>
      </c>
      <c r="L2130" s="52" t="s">
        <v>2063</v>
      </c>
      <c r="M2130" s="72">
        <v>7742</v>
      </c>
      <c r="N2130" s="52"/>
      <c r="O2130" s="52"/>
      <c r="P2130" s="52"/>
      <c r="Q2130" s="52"/>
      <c r="R2130" s="52"/>
      <c r="S2130" s="52"/>
      <c r="T2130" s="52"/>
      <c r="U2130" s="52"/>
      <c r="V2130" s="52"/>
      <c r="W2130" s="52"/>
    </row>
    <row r="2131" spans="1:23" hidden="1" x14ac:dyDescent="0.35">
      <c r="A2131" s="52" t="s">
        <v>78</v>
      </c>
      <c r="B2131" s="52" t="s">
        <v>79</v>
      </c>
      <c r="C2131" s="3">
        <v>20</v>
      </c>
      <c r="D2131" s="52" t="s">
        <v>2019</v>
      </c>
      <c r="E2131" s="52" t="s">
        <v>26</v>
      </c>
      <c r="F2131" s="52" t="s">
        <v>81</v>
      </c>
      <c r="G2131" s="52" t="s">
        <v>82</v>
      </c>
      <c r="H2131" s="4">
        <v>1</v>
      </c>
      <c r="I2131" s="2">
        <v>14.65</v>
      </c>
      <c r="J2131" s="52" t="s">
        <v>6033</v>
      </c>
      <c r="K2131" s="71" t="s">
        <v>6034</v>
      </c>
      <c r="L2131" s="52" t="s">
        <v>2063</v>
      </c>
      <c r="M2131" s="72">
        <v>408</v>
      </c>
      <c r="N2131" s="52" t="s">
        <v>2072</v>
      </c>
      <c r="O2131" s="52" t="s">
        <v>2073</v>
      </c>
      <c r="P2131" s="52"/>
      <c r="Q2131" s="52"/>
      <c r="R2131" s="52"/>
      <c r="S2131" s="52"/>
      <c r="T2131" s="52"/>
      <c r="U2131" s="52"/>
      <c r="V2131" s="52"/>
      <c r="W2131" s="52"/>
    </row>
    <row r="2132" spans="1:23" hidden="1" x14ac:dyDescent="0.35">
      <c r="A2132" s="52" t="s">
        <v>78</v>
      </c>
      <c r="B2132" s="52" t="s">
        <v>79</v>
      </c>
      <c r="C2132" s="3">
        <v>10</v>
      </c>
      <c r="D2132" s="52" t="s">
        <v>83</v>
      </c>
      <c r="E2132" s="52" t="s">
        <v>26</v>
      </c>
      <c r="F2132" s="52" t="s">
        <v>81</v>
      </c>
      <c r="G2132" s="52" t="s">
        <v>82</v>
      </c>
      <c r="H2132" s="4">
        <v>1</v>
      </c>
      <c r="I2132" s="2">
        <v>14.65</v>
      </c>
      <c r="J2132" s="52" t="s">
        <v>6035</v>
      </c>
      <c r="K2132" s="71" t="s">
        <v>6036</v>
      </c>
      <c r="L2132" s="52" t="s">
        <v>2063</v>
      </c>
      <c r="M2132" s="72">
        <v>3691</v>
      </c>
      <c r="N2132" s="52" t="s">
        <v>2072</v>
      </c>
      <c r="O2132" s="52" t="s">
        <v>2073</v>
      </c>
      <c r="P2132" s="52"/>
      <c r="Q2132" s="52"/>
      <c r="R2132" s="52"/>
      <c r="S2132" s="52"/>
      <c r="T2132" s="52"/>
      <c r="U2132" s="52"/>
      <c r="V2132" s="52"/>
      <c r="W2132" s="52"/>
    </row>
    <row r="2133" spans="1:23" hidden="1" x14ac:dyDescent="0.35">
      <c r="A2133" s="52" t="s">
        <v>78</v>
      </c>
      <c r="B2133" s="52" t="s">
        <v>79</v>
      </c>
      <c r="C2133" s="3">
        <v>10</v>
      </c>
      <c r="D2133" s="52" t="s">
        <v>2020</v>
      </c>
      <c r="E2133" s="52" t="s">
        <v>26</v>
      </c>
      <c r="F2133" s="52" t="s">
        <v>81</v>
      </c>
      <c r="G2133" s="52" t="s">
        <v>82</v>
      </c>
      <c r="H2133" s="4">
        <v>1</v>
      </c>
      <c r="I2133" s="2">
        <v>14.65</v>
      </c>
      <c r="J2133" s="52" t="s">
        <v>6037</v>
      </c>
      <c r="K2133" s="71" t="s">
        <v>6038</v>
      </c>
      <c r="L2133" s="52" t="s">
        <v>2063</v>
      </c>
      <c r="M2133" s="72">
        <v>5195</v>
      </c>
      <c r="N2133" s="52" t="s">
        <v>2304</v>
      </c>
      <c r="O2133" s="52" t="s">
        <v>2305</v>
      </c>
      <c r="P2133" s="52"/>
      <c r="Q2133" s="52"/>
      <c r="R2133" s="52"/>
      <c r="S2133" s="52"/>
      <c r="T2133" s="52"/>
      <c r="U2133" s="52"/>
      <c r="V2133" s="52"/>
      <c r="W2133" s="52"/>
    </row>
    <row r="2134" spans="1:23" hidden="1" x14ac:dyDescent="0.35">
      <c r="A2134" s="52" t="s">
        <v>78</v>
      </c>
      <c r="B2134" s="52" t="s">
        <v>79</v>
      </c>
      <c r="C2134" s="3">
        <v>20</v>
      </c>
      <c r="D2134" s="52" t="s">
        <v>2021</v>
      </c>
      <c r="E2134" s="52" t="s">
        <v>26</v>
      </c>
      <c r="F2134" s="52" t="s">
        <v>81</v>
      </c>
      <c r="G2134" s="52" t="s">
        <v>82</v>
      </c>
      <c r="H2134" s="4">
        <v>1</v>
      </c>
      <c r="I2134" s="2">
        <v>14.65</v>
      </c>
      <c r="J2134" s="52" t="s">
        <v>6039</v>
      </c>
      <c r="K2134" s="71" t="s">
        <v>6040</v>
      </c>
      <c r="L2134" s="52" t="s">
        <v>2063</v>
      </c>
      <c r="M2134" s="72">
        <v>2477</v>
      </c>
      <c r="N2134" s="52" t="s">
        <v>2072</v>
      </c>
      <c r="O2134" s="52" t="s">
        <v>2073</v>
      </c>
      <c r="P2134" s="52"/>
      <c r="Q2134" s="52"/>
      <c r="R2134" s="52"/>
      <c r="S2134" s="52"/>
      <c r="T2134" s="52"/>
      <c r="U2134" s="52"/>
      <c r="V2134" s="52"/>
      <c r="W2134" s="52"/>
    </row>
    <row r="2135" spans="1:23" x14ac:dyDescent="0.35">
      <c r="A2135" s="52" t="s">
        <v>78</v>
      </c>
      <c r="B2135" s="52" t="s">
        <v>79</v>
      </c>
      <c r="C2135" s="3">
        <v>10</v>
      </c>
      <c r="D2135" s="52" t="s">
        <v>2022</v>
      </c>
      <c r="E2135" s="52" t="s">
        <v>26</v>
      </c>
      <c r="F2135" s="52" t="s">
        <v>81</v>
      </c>
      <c r="G2135" s="52" t="s">
        <v>82</v>
      </c>
      <c r="H2135" s="4">
        <v>1</v>
      </c>
      <c r="I2135" s="2">
        <v>14.65</v>
      </c>
      <c r="J2135" s="52" t="s">
        <v>6041</v>
      </c>
      <c r="K2135" s="71" t="s">
        <v>6042</v>
      </c>
      <c r="L2135" s="52" t="s">
        <v>2063</v>
      </c>
      <c r="M2135" s="72">
        <v>2612</v>
      </c>
      <c r="N2135" s="52" t="s">
        <v>2076</v>
      </c>
      <c r="O2135" s="52" t="s">
        <v>2077</v>
      </c>
      <c r="P2135" s="52"/>
      <c r="Q2135" s="52"/>
      <c r="R2135" s="52"/>
      <c r="S2135" s="52"/>
      <c r="T2135" s="52"/>
      <c r="U2135" s="52"/>
      <c r="V2135" s="52"/>
      <c r="W2135" s="52"/>
    </row>
    <row r="2136" spans="1:23" hidden="1" x14ac:dyDescent="0.35">
      <c r="A2136" s="52" t="s">
        <v>78</v>
      </c>
      <c r="B2136" s="52" t="s">
        <v>79</v>
      </c>
      <c r="C2136" s="3">
        <v>20</v>
      </c>
      <c r="D2136" s="52" t="s">
        <v>80</v>
      </c>
      <c r="E2136" s="52" t="s">
        <v>26</v>
      </c>
      <c r="F2136" s="52" t="s">
        <v>81</v>
      </c>
      <c r="G2136" s="52" t="s">
        <v>82</v>
      </c>
      <c r="H2136" s="4">
        <v>1</v>
      </c>
      <c r="I2136" s="2">
        <v>14.65</v>
      </c>
      <c r="J2136" s="52" t="s">
        <v>6043</v>
      </c>
      <c r="K2136" s="71" t="s">
        <v>6044</v>
      </c>
      <c r="L2136" s="52" t="s">
        <v>2063</v>
      </c>
      <c r="M2136" s="72">
        <v>9437</v>
      </c>
      <c r="N2136" s="52" t="s">
        <v>2158</v>
      </c>
      <c r="O2136" s="52" t="s">
        <v>2159</v>
      </c>
      <c r="P2136" s="52"/>
      <c r="Q2136" s="52"/>
      <c r="R2136" s="52"/>
      <c r="S2136" s="52"/>
      <c r="T2136" s="52"/>
      <c r="U2136" s="52"/>
      <c r="V2136" s="52"/>
      <c r="W2136" s="52"/>
    </row>
    <row r="2137" spans="1:23" hidden="1" x14ac:dyDescent="0.35">
      <c r="A2137" s="52" t="s">
        <v>78</v>
      </c>
      <c r="B2137" s="52" t="s">
        <v>79</v>
      </c>
      <c r="C2137" s="3">
        <v>20</v>
      </c>
      <c r="D2137" s="52" t="s">
        <v>2021</v>
      </c>
      <c r="E2137" s="52" t="s">
        <v>26</v>
      </c>
      <c r="F2137" s="52" t="s">
        <v>81</v>
      </c>
      <c r="G2137" s="52" t="s">
        <v>82</v>
      </c>
      <c r="H2137" s="4">
        <v>1</v>
      </c>
      <c r="I2137" s="2">
        <v>14.65</v>
      </c>
      <c r="J2137" s="52" t="s">
        <v>6045</v>
      </c>
      <c r="K2137" s="71" t="s">
        <v>6046</v>
      </c>
      <c r="L2137" s="52" t="s">
        <v>2063</v>
      </c>
      <c r="M2137" s="72">
        <v>2450</v>
      </c>
      <c r="N2137" s="52" t="s">
        <v>2072</v>
      </c>
      <c r="O2137" s="52" t="s">
        <v>2073</v>
      </c>
      <c r="P2137" s="52"/>
      <c r="Q2137" s="52"/>
      <c r="R2137" s="52"/>
      <c r="S2137" s="52"/>
      <c r="T2137" s="52"/>
      <c r="U2137" s="52"/>
      <c r="V2137" s="52"/>
      <c r="W2137" s="52"/>
    </row>
    <row r="2138" spans="1:23" hidden="1" x14ac:dyDescent="0.35">
      <c r="A2138" s="52" t="s">
        <v>78</v>
      </c>
      <c r="B2138" s="52" t="s">
        <v>79</v>
      </c>
      <c r="C2138" s="3">
        <v>20</v>
      </c>
      <c r="D2138" s="52" t="s">
        <v>86</v>
      </c>
      <c r="E2138" s="52" t="s">
        <v>26</v>
      </c>
      <c r="F2138" s="52" t="s">
        <v>81</v>
      </c>
      <c r="G2138" s="52" t="s">
        <v>82</v>
      </c>
      <c r="H2138" s="4">
        <v>1</v>
      </c>
      <c r="I2138" s="2">
        <v>14.65</v>
      </c>
      <c r="J2138" s="52" t="s">
        <v>6047</v>
      </c>
      <c r="K2138" s="71" t="s">
        <v>6048</v>
      </c>
      <c r="L2138" s="52" t="s">
        <v>2063</v>
      </c>
      <c r="M2138" s="72">
        <v>5103</v>
      </c>
      <c r="N2138" s="52" t="s">
        <v>2072</v>
      </c>
      <c r="O2138" s="52" t="s">
        <v>2073</v>
      </c>
      <c r="P2138" s="52"/>
      <c r="Q2138" s="52"/>
      <c r="R2138" s="52"/>
      <c r="S2138" s="52"/>
      <c r="T2138" s="52"/>
      <c r="U2138" s="52"/>
      <c r="V2138" s="52"/>
      <c r="W2138" s="52"/>
    </row>
    <row r="2139" spans="1:23" hidden="1" x14ac:dyDescent="0.35">
      <c r="A2139" s="52" t="s">
        <v>78</v>
      </c>
      <c r="B2139" s="52" t="s">
        <v>79</v>
      </c>
      <c r="C2139" s="3">
        <v>10</v>
      </c>
      <c r="D2139" s="52" t="s">
        <v>2024</v>
      </c>
      <c r="E2139" s="52" t="s">
        <v>26</v>
      </c>
      <c r="F2139" s="52" t="s">
        <v>81</v>
      </c>
      <c r="G2139" s="52" t="s">
        <v>82</v>
      </c>
      <c r="H2139" s="4">
        <v>1</v>
      </c>
      <c r="I2139" s="2">
        <v>14.65</v>
      </c>
      <c r="J2139" s="52" t="s">
        <v>6049</v>
      </c>
      <c r="K2139" s="71" t="s">
        <v>6050</v>
      </c>
      <c r="L2139" s="52" t="s">
        <v>2063</v>
      </c>
      <c r="M2139" s="72">
        <v>6461</v>
      </c>
      <c r="N2139" s="52" t="s">
        <v>2072</v>
      </c>
      <c r="O2139" s="52" t="s">
        <v>2073</v>
      </c>
      <c r="P2139" s="52"/>
      <c r="Q2139" s="52"/>
      <c r="R2139" s="52"/>
      <c r="S2139" s="52"/>
      <c r="T2139" s="52"/>
      <c r="U2139" s="52"/>
      <c r="V2139" s="52"/>
      <c r="W2139" s="52"/>
    </row>
    <row r="2140" spans="1:23" hidden="1" x14ac:dyDescent="0.35">
      <c r="A2140" s="52" t="s">
        <v>78</v>
      </c>
      <c r="B2140" s="52" t="s">
        <v>79</v>
      </c>
      <c r="C2140" s="3">
        <v>10</v>
      </c>
      <c r="D2140" s="52" t="s">
        <v>2024</v>
      </c>
      <c r="E2140" s="52" t="s">
        <v>26</v>
      </c>
      <c r="F2140" s="52" t="s">
        <v>81</v>
      </c>
      <c r="G2140" s="52" t="s">
        <v>82</v>
      </c>
      <c r="H2140" s="4">
        <v>1</v>
      </c>
      <c r="I2140" s="2">
        <v>14.65</v>
      </c>
      <c r="J2140" s="52" t="s">
        <v>6051</v>
      </c>
      <c r="K2140" s="71" t="s">
        <v>6052</v>
      </c>
      <c r="L2140" s="52" t="s">
        <v>2063</v>
      </c>
      <c r="M2140" s="72">
        <v>8328</v>
      </c>
      <c r="N2140" s="52" t="s">
        <v>2072</v>
      </c>
      <c r="O2140" s="52" t="s">
        <v>2073</v>
      </c>
      <c r="P2140" s="52"/>
      <c r="Q2140" s="52"/>
      <c r="R2140" s="52"/>
      <c r="S2140" s="52"/>
      <c r="T2140" s="52"/>
      <c r="U2140" s="52"/>
      <c r="V2140" s="52"/>
      <c r="W2140" s="52"/>
    </row>
    <row r="2141" spans="1:23" hidden="1" x14ac:dyDescent="0.35">
      <c r="A2141" s="52" t="s">
        <v>78</v>
      </c>
      <c r="B2141" s="52" t="s">
        <v>79</v>
      </c>
      <c r="C2141" s="3">
        <v>20</v>
      </c>
      <c r="D2141" s="52" t="s">
        <v>2022</v>
      </c>
      <c r="E2141" s="52" t="s">
        <v>26</v>
      </c>
      <c r="F2141" s="52" t="s">
        <v>81</v>
      </c>
      <c r="G2141" s="52" t="s">
        <v>82</v>
      </c>
      <c r="H2141" s="4">
        <v>1</v>
      </c>
      <c r="I2141" s="2">
        <v>14.65</v>
      </c>
      <c r="J2141" s="52" t="s">
        <v>6053</v>
      </c>
      <c r="K2141" s="71" t="s">
        <v>6054</v>
      </c>
      <c r="L2141" s="52" t="s">
        <v>2063</v>
      </c>
      <c r="M2141" s="72">
        <v>3663</v>
      </c>
      <c r="N2141" s="52" t="s">
        <v>2072</v>
      </c>
      <c r="O2141" s="52" t="s">
        <v>2073</v>
      </c>
      <c r="P2141" s="52"/>
      <c r="Q2141" s="52"/>
      <c r="R2141" s="52"/>
      <c r="S2141" s="52"/>
      <c r="T2141" s="52"/>
      <c r="U2141" s="52"/>
      <c r="V2141" s="52"/>
      <c r="W2141" s="52"/>
    </row>
    <row r="2142" spans="1:23" hidden="1" x14ac:dyDescent="0.35">
      <c r="A2142" s="52" t="s">
        <v>78</v>
      </c>
      <c r="B2142" s="52" t="s">
        <v>79</v>
      </c>
      <c r="C2142" s="3">
        <v>10</v>
      </c>
      <c r="D2142" s="52" t="s">
        <v>85</v>
      </c>
      <c r="E2142" s="52" t="s">
        <v>26</v>
      </c>
      <c r="F2142" s="52" t="s">
        <v>81</v>
      </c>
      <c r="G2142" s="52" t="s">
        <v>82</v>
      </c>
      <c r="H2142" s="4">
        <v>1</v>
      </c>
      <c r="I2142" s="2">
        <v>14.65</v>
      </c>
      <c r="J2142" s="52" t="s">
        <v>6055</v>
      </c>
      <c r="K2142" s="71" t="s">
        <v>6056</v>
      </c>
      <c r="L2142" s="52" t="s">
        <v>2063</v>
      </c>
      <c r="M2142" s="72">
        <v>6289</v>
      </c>
      <c r="N2142" s="52" t="s">
        <v>2072</v>
      </c>
      <c r="O2142" s="52" t="s">
        <v>2073</v>
      </c>
      <c r="P2142" s="52"/>
      <c r="Q2142" s="52"/>
      <c r="R2142" s="52"/>
      <c r="S2142" s="52"/>
      <c r="T2142" s="52"/>
      <c r="U2142" s="52"/>
      <c r="V2142" s="52"/>
      <c r="W2142" s="52"/>
    </row>
    <row r="2143" spans="1:23" hidden="1" x14ac:dyDescent="0.35">
      <c r="A2143" s="52" t="s">
        <v>78</v>
      </c>
      <c r="B2143" s="52" t="s">
        <v>79</v>
      </c>
      <c r="C2143" s="3">
        <v>20</v>
      </c>
      <c r="D2143" s="52" t="s">
        <v>84</v>
      </c>
      <c r="E2143" s="52" t="s">
        <v>26</v>
      </c>
      <c r="F2143" s="52" t="s">
        <v>81</v>
      </c>
      <c r="G2143" s="52" t="s">
        <v>82</v>
      </c>
      <c r="H2143" s="4">
        <v>1</v>
      </c>
      <c r="I2143" s="2">
        <v>14.65</v>
      </c>
      <c r="J2143" s="52" t="s">
        <v>6057</v>
      </c>
      <c r="K2143" s="71" t="s">
        <v>6058</v>
      </c>
      <c r="L2143" s="52" t="s">
        <v>2063</v>
      </c>
      <c r="M2143" s="72">
        <v>3097</v>
      </c>
      <c r="N2143" s="52" t="s">
        <v>2072</v>
      </c>
      <c r="O2143" s="52" t="s">
        <v>2073</v>
      </c>
      <c r="P2143" s="52"/>
      <c r="Q2143" s="52"/>
      <c r="R2143" s="52"/>
      <c r="S2143" s="52"/>
      <c r="T2143" s="52"/>
      <c r="U2143" s="52"/>
      <c r="V2143" s="52"/>
      <c r="W2143" s="52"/>
    </row>
    <row r="2144" spans="1:23" hidden="1" x14ac:dyDescent="0.35">
      <c r="A2144" s="52" t="s">
        <v>78</v>
      </c>
      <c r="B2144" s="52" t="s">
        <v>79</v>
      </c>
      <c r="C2144" s="3">
        <v>20</v>
      </c>
      <c r="D2144" s="52" t="s">
        <v>2019</v>
      </c>
      <c r="E2144" s="52" t="s">
        <v>26</v>
      </c>
      <c r="F2144" s="52" t="s">
        <v>81</v>
      </c>
      <c r="G2144" s="52" t="s">
        <v>82</v>
      </c>
      <c r="H2144" s="4">
        <v>1</v>
      </c>
      <c r="I2144" s="2">
        <v>14.65</v>
      </c>
      <c r="J2144" s="52" t="s">
        <v>6059</v>
      </c>
      <c r="K2144" s="71" t="s">
        <v>6060</v>
      </c>
      <c r="L2144" s="52" t="s">
        <v>2063</v>
      </c>
      <c r="M2144" s="72">
        <v>2143</v>
      </c>
      <c r="N2144" s="52" t="s">
        <v>2072</v>
      </c>
      <c r="O2144" s="52" t="s">
        <v>2073</v>
      </c>
      <c r="P2144" s="52"/>
      <c r="Q2144" s="52"/>
      <c r="R2144" s="52"/>
      <c r="S2144" s="52"/>
      <c r="T2144" s="52"/>
      <c r="U2144" s="52"/>
      <c r="V2144" s="52"/>
      <c r="W2144" s="52"/>
    </row>
    <row r="2145" spans="1:23" hidden="1" x14ac:dyDescent="0.35">
      <c r="A2145" s="52" t="s">
        <v>78</v>
      </c>
      <c r="B2145" s="52" t="s">
        <v>79</v>
      </c>
      <c r="C2145" s="3">
        <v>10</v>
      </c>
      <c r="D2145" s="52" t="s">
        <v>83</v>
      </c>
      <c r="E2145" s="52" t="s">
        <v>26</v>
      </c>
      <c r="F2145" s="52" t="s">
        <v>81</v>
      </c>
      <c r="G2145" s="52" t="s">
        <v>82</v>
      </c>
      <c r="H2145" s="4">
        <v>1</v>
      </c>
      <c r="I2145" s="2">
        <v>14.65</v>
      </c>
      <c r="J2145" s="52" t="s">
        <v>6061</v>
      </c>
      <c r="K2145" s="71" t="s">
        <v>6062</v>
      </c>
      <c r="L2145" s="52" t="s">
        <v>2063</v>
      </c>
      <c r="M2145" s="72">
        <v>9964</v>
      </c>
      <c r="N2145" s="52" t="s">
        <v>2072</v>
      </c>
      <c r="O2145" s="52" t="s">
        <v>2073</v>
      </c>
      <c r="P2145" s="52"/>
      <c r="Q2145" s="52"/>
      <c r="R2145" s="52"/>
      <c r="S2145" s="52"/>
      <c r="T2145" s="52"/>
      <c r="U2145" s="52"/>
      <c r="V2145" s="52"/>
      <c r="W2145" s="52"/>
    </row>
    <row r="2146" spans="1:23" hidden="1" x14ac:dyDescent="0.35">
      <c r="A2146" s="52" t="s">
        <v>78</v>
      </c>
      <c r="B2146" s="52" t="s">
        <v>79</v>
      </c>
      <c r="C2146" s="3">
        <v>20</v>
      </c>
      <c r="D2146" s="52" t="s">
        <v>86</v>
      </c>
      <c r="E2146" s="52" t="s">
        <v>26</v>
      </c>
      <c r="F2146" s="52" t="s">
        <v>81</v>
      </c>
      <c r="G2146" s="52" t="s">
        <v>82</v>
      </c>
      <c r="H2146" s="4">
        <v>1</v>
      </c>
      <c r="I2146" s="2">
        <v>14.65</v>
      </c>
      <c r="J2146" s="52" t="s">
        <v>6063</v>
      </c>
      <c r="K2146" s="71" t="s">
        <v>6064</v>
      </c>
      <c r="L2146" s="52" t="s">
        <v>2095</v>
      </c>
      <c r="M2146" s="72">
        <v>9241</v>
      </c>
      <c r="N2146" s="52" t="s">
        <v>2066</v>
      </c>
      <c r="O2146" s="52" t="s">
        <v>2067</v>
      </c>
      <c r="P2146" s="52"/>
      <c r="Q2146" s="52"/>
      <c r="R2146" s="52"/>
      <c r="S2146" s="52"/>
      <c r="T2146" s="52"/>
      <c r="U2146" s="52"/>
      <c r="V2146" s="52"/>
      <c r="W2146" s="52"/>
    </row>
    <row r="2147" spans="1:23" hidden="1" x14ac:dyDescent="0.35">
      <c r="A2147" s="52" t="s">
        <v>78</v>
      </c>
      <c r="B2147" s="52" t="s">
        <v>79</v>
      </c>
      <c r="C2147" s="3">
        <v>20</v>
      </c>
      <c r="D2147" s="52" t="s">
        <v>2020</v>
      </c>
      <c r="E2147" s="52" t="s">
        <v>26</v>
      </c>
      <c r="F2147" s="52" t="s">
        <v>81</v>
      </c>
      <c r="G2147" s="52" t="s">
        <v>82</v>
      </c>
      <c r="H2147" s="4">
        <v>1</v>
      </c>
      <c r="I2147" s="2">
        <v>14.65</v>
      </c>
      <c r="J2147" s="52" t="s">
        <v>6065</v>
      </c>
      <c r="K2147" s="71" t="s">
        <v>6066</v>
      </c>
      <c r="L2147" s="52" t="s">
        <v>2063</v>
      </c>
      <c r="M2147" s="72">
        <v>2864</v>
      </c>
      <c r="N2147" s="52" t="s">
        <v>2072</v>
      </c>
      <c r="O2147" s="52" t="s">
        <v>2073</v>
      </c>
      <c r="P2147" s="52"/>
      <c r="Q2147" s="52"/>
      <c r="R2147" s="52"/>
      <c r="S2147" s="52"/>
      <c r="T2147" s="52"/>
      <c r="U2147" s="52"/>
      <c r="V2147" s="52"/>
      <c r="W2147" s="52"/>
    </row>
    <row r="2148" spans="1:23" hidden="1" x14ac:dyDescent="0.35">
      <c r="A2148" s="52" t="s">
        <v>78</v>
      </c>
      <c r="B2148" s="52" t="s">
        <v>79</v>
      </c>
      <c r="C2148" s="3">
        <v>20</v>
      </c>
      <c r="D2148" s="52" t="s">
        <v>2019</v>
      </c>
      <c r="E2148" s="52" t="s">
        <v>26</v>
      </c>
      <c r="F2148" s="52" t="s">
        <v>81</v>
      </c>
      <c r="G2148" s="52" t="s">
        <v>82</v>
      </c>
      <c r="H2148" s="4">
        <v>1</v>
      </c>
      <c r="I2148" s="2">
        <v>14.65</v>
      </c>
      <c r="J2148" s="52" t="s">
        <v>6067</v>
      </c>
      <c r="K2148" s="71" t="s">
        <v>6068</v>
      </c>
      <c r="L2148" s="52" t="s">
        <v>2063</v>
      </c>
      <c r="M2148" s="72">
        <v>5440</v>
      </c>
      <c r="N2148" s="52" t="s">
        <v>2072</v>
      </c>
      <c r="O2148" s="52" t="s">
        <v>2073</v>
      </c>
      <c r="P2148" s="52"/>
      <c r="Q2148" s="52"/>
      <c r="R2148" s="52"/>
      <c r="S2148" s="52"/>
      <c r="T2148" s="52"/>
      <c r="U2148" s="52"/>
      <c r="V2148" s="52"/>
      <c r="W2148" s="52"/>
    </row>
    <row r="2149" spans="1:23" hidden="1" x14ac:dyDescent="0.35">
      <c r="A2149" s="52" t="s">
        <v>78</v>
      </c>
      <c r="B2149" s="52" t="s">
        <v>79</v>
      </c>
      <c r="C2149" s="3">
        <v>20</v>
      </c>
      <c r="D2149" s="52" t="s">
        <v>2021</v>
      </c>
      <c r="E2149" s="52" t="s">
        <v>26</v>
      </c>
      <c r="F2149" s="52" t="s">
        <v>81</v>
      </c>
      <c r="G2149" s="52" t="s">
        <v>82</v>
      </c>
      <c r="H2149" s="4">
        <v>1</v>
      </c>
      <c r="I2149" s="2">
        <v>14.65</v>
      </c>
      <c r="J2149" s="52" t="s">
        <v>6069</v>
      </c>
      <c r="K2149" s="71" t="s">
        <v>6070</v>
      </c>
      <c r="L2149" s="52" t="s">
        <v>2063</v>
      </c>
      <c r="M2149" s="72">
        <v>6342</v>
      </c>
      <c r="N2149" s="52" t="s">
        <v>2158</v>
      </c>
      <c r="O2149" s="52" t="s">
        <v>2159</v>
      </c>
      <c r="P2149" s="52"/>
      <c r="Q2149" s="52"/>
      <c r="R2149" s="52"/>
      <c r="S2149" s="52"/>
      <c r="T2149" s="52"/>
      <c r="U2149" s="52"/>
      <c r="V2149" s="52"/>
      <c r="W2149" s="52"/>
    </row>
    <row r="2150" spans="1:23" x14ac:dyDescent="0.35">
      <c r="A2150" s="52" t="s">
        <v>78</v>
      </c>
      <c r="B2150" s="52" t="s">
        <v>79</v>
      </c>
      <c r="C2150" s="3">
        <v>10</v>
      </c>
      <c r="D2150" s="52" t="s">
        <v>2022</v>
      </c>
      <c r="E2150" s="52" t="s">
        <v>26</v>
      </c>
      <c r="F2150" s="52" t="s">
        <v>81</v>
      </c>
      <c r="G2150" s="52" t="s">
        <v>82</v>
      </c>
      <c r="H2150" s="4">
        <v>1</v>
      </c>
      <c r="I2150" s="2">
        <v>14.65</v>
      </c>
      <c r="J2150" s="52" t="s">
        <v>6071</v>
      </c>
      <c r="K2150" s="71" t="s">
        <v>6072</v>
      </c>
      <c r="L2150" s="52" t="s">
        <v>2063</v>
      </c>
      <c r="M2150" s="72">
        <v>9189</v>
      </c>
      <c r="N2150" s="52" t="s">
        <v>2076</v>
      </c>
      <c r="O2150" s="52" t="s">
        <v>2077</v>
      </c>
      <c r="P2150" s="52"/>
      <c r="Q2150" s="52"/>
      <c r="R2150" s="52"/>
      <c r="S2150" s="52"/>
      <c r="T2150" s="52"/>
      <c r="U2150" s="52"/>
      <c r="V2150" s="52"/>
      <c r="W2150" s="52"/>
    </row>
    <row r="2151" spans="1:23" x14ac:dyDescent="0.35">
      <c r="A2151" s="52" t="s">
        <v>78</v>
      </c>
      <c r="B2151" s="52" t="s">
        <v>79</v>
      </c>
      <c r="C2151" s="3">
        <v>20</v>
      </c>
      <c r="D2151" s="52" t="s">
        <v>2020</v>
      </c>
      <c r="E2151" s="52" t="s">
        <v>26</v>
      </c>
      <c r="F2151" s="52" t="s">
        <v>81</v>
      </c>
      <c r="G2151" s="52" t="s">
        <v>82</v>
      </c>
      <c r="H2151" s="4">
        <v>1</v>
      </c>
      <c r="I2151" s="2">
        <v>14.65</v>
      </c>
      <c r="J2151" s="52" t="s">
        <v>6073</v>
      </c>
      <c r="K2151" s="71" t="s">
        <v>6074</v>
      </c>
      <c r="L2151" s="52" t="s">
        <v>2063</v>
      </c>
      <c r="M2151" s="72">
        <v>939</v>
      </c>
      <c r="N2151" s="52" t="s">
        <v>2259</v>
      </c>
      <c r="O2151" s="52" t="s">
        <v>2260</v>
      </c>
      <c r="P2151" s="52"/>
      <c r="Q2151" s="52"/>
      <c r="R2151" s="52"/>
      <c r="S2151" s="52"/>
      <c r="T2151" s="52"/>
      <c r="U2151" s="52"/>
      <c r="V2151" s="52"/>
      <c r="W2151" s="52"/>
    </row>
    <row r="2152" spans="1:23" hidden="1" x14ac:dyDescent="0.35">
      <c r="A2152" s="52" t="s">
        <v>78</v>
      </c>
      <c r="B2152" s="52" t="s">
        <v>79</v>
      </c>
      <c r="C2152" s="3">
        <v>20</v>
      </c>
      <c r="D2152" s="52" t="s">
        <v>86</v>
      </c>
      <c r="E2152" s="52" t="s">
        <v>26</v>
      </c>
      <c r="F2152" s="52" t="s">
        <v>81</v>
      </c>
      <c r="G2152" s="52" t="s">
        <v>82</v>
      </c>
      <c r="H2152" s="4">
        <v>1</v>
      </c>
      <c r="I2152" s="2">
        <v>14.65</v>
      </c>
      <c r="J2152" s="52" t="s">
        <v>6075</v>
      </c>
      <c r="K2152" s="71" t="s">
        <v>6076</v>
      </c>
      <c r="L2152" s="52" t="s">
        <v>2063</v>
      </c>
      <c r="M2152" s="72">
        <v>4220</v>
      </c>
      <c r="N2152" s="52" t="s">
        <v>2072</v>
      </c>
      <c r="O2152" s="52" t="s">
        <v>2073</v>
      </c>
      <c r="P2152" s="52"/>
      <c r="Q2152" s="52"/>
      <c r="R2152" s="52"/>
      <c r="S2152" s="52"/>
      <c r="T2152" s="52"/>
      <c r="U2152" s="52"/>
      <c r="V2152" s="52"/>
      <c r="W2152" s="52"/>
    </row>
    <row r="2153" spans="1:23" hidden="1" x14ac:dyDescent="0.35">
      <c r="A2153" s="52" t="s">
        <v>78</v>
      </c>
      <c r="B2153" s="52" t="s">
        <v>79</v>
      </c>
      <c r="C2153" s="3">
        <v>20</v>
      </c>
      <c r="D2153" s="52" t="s">
        <v>2019</v>
      </c>
      <c r="E2153" s="52" t="s">
        <v>26</v>
      </c>
      <c r="F2153" s="52" t="s">
        <v>81</v>
      </c>
      <c r="G2153" s="52" t="s">
        <v>82</v>
      </c>
      <c r="H2153" s="4">
        <v>1</v>
      </c>
      <c r="I2153" s="2">
        <v>14.65</v>
      </c>
      <c r="J2153" s="52" t="s">
        <v>6077</v>
      </c>
      <c r="K2153" s="71" t="s">
        <v>6078</v>
      </c>
      <c r="L2153" s="52" t="s">
        <v>2063</v>
      </c>
      <c r="M2153" s="72">
        <v>1189</v>
      </c>
      <c r="N2153" s="52" t="s">
        <v>2072</v>
      </c>
      <c r="O2153" s="52" t="s">
        <v>2073</v>
      </c>
      <c r="P2153" s="52"/>
      <c r="Q2153" s="52"/>
      <c r="R2153" s="52"/>
      <c r="S2153" s="52"/>
      <c r="T2153" s="52"/>
      <c r="U2153" s="52"/>
      <c r="V2153" s="52"/>
      <c r="W2153" s="52"/>
    </row>
    <row r="2154" spans="1:23" hidden="1" x14ac:dyDescent="0.35">
      <c r="A2154" s="52" t="s">
        <v>78</v>
      </c>
      <c r="B2154" s="52" t="s">
        <v>79</v>
      </c>
      <c r="C2154" s="3">
        <v>10</v>
      </c>
      <c r="D2154" s="52" t="s">
        <v>84</v>
      </c>
      <c r="E2154" s="52" t="s">
        <v>26</v>
      </c>
      <c r="F2154" s="52" t="s">
        <v>81</v>
      </c>
      <c r="G2154" s="52" t="s">
        <v>82</v>
      </c>
      <c r="H2154" s="4">
        <v>1</v>
      </c>
      <c r="I2154" s="2">
        <v>14.65</v>
      </c>
      <c r="J2154" s="52" t="s">
        <v>6079</v>
      </c>
      <c r="K2154" s="71" t="s">
        <v>6080</v>
      </c>
      <c r="L2154" s="52" t="s">
        <v>2063</v>
      </c>
      <c r="M2154" s="72">
        <v>1419</v>
      </c>
      <c r="N2154" s="52" t="s">
        <v>2072</v>
      </c>
      <c r="O2154" s="52" t="s">
        <v>2073</v>
      </c>
      <c r="P2154" s="52"/>
      <c r="Q2154" s="52"/>
      <c r="R2154" s="52"/>
      <c r="S2154" s="52"/>
      <c r="T2154" s="52"/>
      <c r="U2154" s="52"/>
      <c r="V2154" s="52"/>
      <c r="W2154" s="52"/>
    </row>
    <row r="2155" spans="1:23" hidden="1" x14ac:dyDescent="0.35">
      <c r="A2155" s="52" t="s">
        <v>78</v>
      </c>
      <c r="B2155" s="52" t="s">
        <v>79</v>
      </c>
      <c r="C2155" s="3">
        <v>20</v>
      </c>
      <c r="D2155" s="52" t="s">
        <v>2020</v>
      </c>
      <c r="E2155" s="52" t="s">
        <v>26</v>
      </c>
      <c r="F2155" s="52" t="s">
        <v>81</v>
      </c>
      <c r="G2155" s="52" t="s">
        <v>82</v>
      </c>
      <c r="H2155" s="4">
        <v>1</v>
      </c>
      <c r="I2155" s="2">
        <v>14.65</v>
      </c>
      <c r="J2155" s="52" t="s">
        <v>6081</v>
      </c>
      <c r="K2155" s="71" t="s">
        <v>6082</v>
      </c>
      <c r="L2155" s="52" t="s">
        <v>2063</v>
      </c>
      <c r="M2155" s="72">
        <v>2950</v>
      </c>
      <c r="N2155" s="52" t="s">
        <v>2158</v>
      </c>
      <c r="O2155" s="52" t="s">
        <v>2159</v>
      </c>
      <c r="P2155" s="52"/>
      <c r="Q2155" s="52"/>
      <c r="R2155" s="52"/>
      <c r="S2155" s="52"/>
      <c r="T2155" s="52"/>
      <c r="U2155" s="52"/>
      <c r="V2155" s="52"/>
      <c r="W2155" s="52"/>
    </row>
    <row r="2156" spans="1:23" hidden="1" x14ac:dyDescent="0.35">
      <c r="A2156" s="52" t="s">
        <v>78</v>
      </c>
      <c r="B2156" s="52" t="s">
        <v>79</v>
      </c>
      <c r="C2156" s="3">
        <v>10</v>
      </c>
      <c r="D2156" s="52" t="s">
        <v>84</v>
      </c>
      <c r="E2156" s="52" t="s">
        <v>26</v>
      </c>
      <c r="F2156" s="52" t="s">
        <v>81</v>
      </c>
      <c r="G2156" s="52" t="s">
        <v>82</v>
      </c>
      <c r="H2156" s="4">
        <v>1</v>
      </c>
      <c r="I2156" s="2">
        <v>14.65</v>
      </c>
      <c r="J2156" s="52" t="s">
        <v>6083</v>
      </c>
      <c r="K2156" s="71" t="s">
        <v>6084</v>
      </c>
      <c r="L2156" s="52" t="s">
        <v>2063</v>
      </c>
      <c r="M2156" s="72">
        <v>9617</v>
      </c>
      <c r="N2156" s="52" t="s">
        <v>2072</v>
      </c>
      <c r="O2156" s="52" t="s">
        <v>2073</v>
      </c>
      <c r="P2156" s="52"/>
      <c r="Q2156" s="52"/>
      <c r="R2156" s="52"/>
      <c r="S2156" s="52"/>
      <c r="T2156" s="52"/>
      <c r="U2156" s="52"/>
      <c r="V2156" s="52"/>
      <c r="W2156" s="52"/>
    </row>
    <row r="2157" spans="1:23" hidden="1" x14ac:dyDescent="0.35">
      <c r="A2157" s="52" t="s">
        <v>78</v>
      </c>
      <c r="B2157" s="52" t="s">
        <v>79</v>
      </c>
      <c r="C2157" s="3">
        <v>20</v>
      </c>
      <c r="D2157" s="52" t="s">
        <v>86</v>
      </c>
      <c r="E2157" s="52" t="s">
        <v>26</v>
      </c>
      <c r="F2157" s="52" t="s">
        <v>81</v>
      </c>
      <c r="G2157" s="52" t="s">
        <v>82</v>
      </c>
      <c r="H2157" s="4">
        <v>1</v>
      </c>
      <c r="I2157" s="2">
        <v>14.65</v>
      </c>
      <c r="J2157" s="52" t="s">
        <v>5588</v>
      </c>
      <c r="K2157" s="71" t="s">
        <v>6085</v>
      </c>
      <c r="L2157" s="52" t="s">
        <v>2063</v>
      </c>
      <c r="M2157" s="72">
        <v>8146</v>
      </c>
      <c r="N2157" s="52" t="s">
        <v>2072</v>
      </c>
      <c r="O2157" s="52" t="s">
        <v>2073</v>
      </c>
      <c r="P2157" s="52"/>
      <c r="Q2157" s="52"/>
      <c r="R2157" s="52"/>
      <c r="S2157" s="52"/>
      <c r="T2157" s="52"/>
      <c r="U2157" s="52"/>
      <c r="V2157" s="52"/>
      <c r="W2157" s="52"/>
    </row>
    <row r="2158" spans="1:23" x14ac:dyDescent="0.35">
      <c r="A2158" s="52" t="s">
        <v>78</v>
      </c>
      <c r="B2158" s="52" t="s">
        <v>79</v>
      </c>
      <c r="C2158" s="3">
        <v>20</v>
      </c>
      <c r="D2158" s="52" t="s">
        <v>2021</v>
      </c>
      <c r="E2158" s="52" t="s">
        <v>26</v>
      </c>
      <c r="F2158" s="52" t="s">
        <v>81</v>
      </c>
      <c r="G2158" s="52" t="s">
        <v>82</v>
      </c>
      <c r="H2158" s="4">
        <v>1</v>
      </c>
      <c r="I2158" s="2">
        <v>14.65</v>
      </c>
      <c r="J2158" s="52" t="s">
        <v>5907</v>
      </c>
      <c r="K2158" s="71" t="s">
        <v>6086</v>
      </c>
      <c r="L2158" s="52" t="s">
        <v>2063</v>
      </c>
      <c r="M2158" s="72">
        <v>687</v>
      </c>
      <c r="N2158" s="52" t="s">
        <v>2076</v>
      </c>
      <c r="O2158" s="52" t="s">
        <v>2077</v>
      </c>
      <c r="P2158" s="52"/>
      <c r="Q2158" s="52"/>
      <c r="R2158" s="52"/>
      <c r="S2158" s="52"/>
      <c r="T2158" s="52"/>
      <c r="U2158" s="52"/>
      <c r="V2158" s="52"/>
      <c r="W2158" s="52"/>
    </row>
    <row r="2159" spans="1:23" hidden="1" x14ac:dyDescent="0.35">
      <c r="A2159" s="52" t="s">
        <v>78</v>
      </c>
      <c r="B2159" s="52" t="s">
        <v>79</v>
      </c>
      <c r="C2159" s="3">
        <v>20</v>
      </c>
      <c r="D2159" s="52" t="s">
        <v>2020</v>
      </c>
      <c r="E2159" s="52" t="s">
        <v>26</v>
      </c>
      <c r="F2159" s="52" t="s">
        <v>81</v>
      </c>
      <c r="G2159" s="52" t="s">
        <v>82</v>
      </c>
      <c r="H2159" s="4">
        <v>1</v>
      </c>
      <c r="I2159" s="2">
        <v>14.65</v>
      </c>
      <c r="J2159" s="52" t="s">
        <v>6087</v>
      </c>
      <c r="K2159" s="71" t="s">
        <v>6088</v>
      </c>
      <c r="L2159" s="52" t="s">
        <v>2063</v>
      </c>
      <c r="M2159" s="72">
        <v>7804</v>
      </c>
      <c r="N2159" s="52" t="s">
        <v>2072</v>
      </c>
      <c r="O2159" s="52" t="s">
        <v>2073</v>
      </c>
      <c r="P2159" s="52"/>
      <c r="Q2159" s="52"/>
      <c r="R2159" s="52"/>
      <c r="S2159" s="52"/>
      <c r="T2159" s="52"/>
      <c r="U2159" s="52"/>
      <c r="V2159" s="52"/>
      <c r="W2159" s="52"/>
    </row>
    <row r="2160" spans="1:23" hidden="1" x14ac:dyDescent="0.35">
      <c r="A2160" s="52" t="s">
        <v>78</v>
      </c>
      <c r="B2160" s="52" t="s">
        <v>79</v>
      </c>
      <c r="C2160" s="3">
        <v>20</v>
      </c>
      <c r="D2160" s="52" t="s">
        <v>2023</v>
      </c>
      <c r="E2160" s="52" t="s">
        <v>26</v>
      </c>
      <c r="F2160" s="52" t="s">
        <v>81</v>
      </c>
      <c r="G2160" s="52" t="s">
        <v>82</v>
      </c>
      <c r="H2160" s="4">
        <v>1</v>
      </c>
      <c r="I2160" s="2">
        <v>14.65</v>
      </c>
      <c r="J2160" s="52" t="s">
        <v>6089</v>
      </c>
      <c r="K2160" s="71" t="s">
        <v>6090</v>
      </c>
      <c r="L2160" s="52" t="s">
        <v>2063</v>
      </c>
      <c r="M2160" s="72">
        <v>5798</v>
      </c>
      <c r="N2160" s="52"/>
      <c r="O2160" s="52"/>
      <c r="P2160" s="52"/>
      <c r="Q2160" s="52"/>
      <c r="R2160" s="52"/>
      <c r="S2160" s="52"/>
      <c r="T2160" s="52"/>
      <c r="U2160" s="52"/>
      <c r="V2160" s="52"/>
      <c r="W2160" s="52"/>
    </row>
    <row r="2161" spans="1:23" hidden="1" x14ac:dyDescent="0.35">
      <c r="A2161" s="52" t="s">
        <v>78</v>
      </c>
      <c r="B2161" s="52" t="s">
        <v>79</v>
      </c>
      <c r="C2161" s="3">
        <v>211</v>
      </c>
      <c r="D2161" s="52" t="s">
        <v>85</v>
      </c>
      <c r="E2161" s="52" t="s">
        <v>26</v>
      </c>
      <c r="F2161" s="52" t="s">
        <v>81</v>
      </c>
      <c r="G2161" s="52" t="s">
        <v>82</v>
      </c>
      <c r="H2161" s="4">
        <v>1</v>
      </c>
      <c r="I2161" s="2">
        <v>14.65</v>
      </c>
      <c r="J2161" s="52" t="s">
        <v>6091</v>
      </c>
      <c r="K2161" s="71" t="s">
        <v>6092</v>
      </c>
      <c r="L2161" s="52" t="s">
        <v>2063</v>
      </c>
      <c r="M2161" s="72">
        <v>8730</v>
      </c>
      <c r="N2161" s="52" t="s">
        <v>2066</v>
      </c>
      <c r="O2161" s="52" t="s">
        <v>2067</v>
      </c>
      <c r="P2161" s="52"/>
      <c r="Q2161" s="52"/>
      <c r="R2161" s="52"/>
      <c r="S2161" s="52"/>
      <c r="T2161" s="52"/>
      <c r="U2161" s="52"/>
      <c r="V2161" s="52"/>
      <c r="W2161" s="52"/>
    </row>
    <row r="2162" spans="1:23" hidden="1" x14ac:dyDescent="0.35">
      <c r="A2162" s="52" t="s">
        <v>78</v>
      </c>
      <c r="B2162" s="52" t="s">
        <v>79</v>
      </c>
      <c r="C2162" s="3">
        <v>20</v>
      </c>
      <c r="D2162" s="52" t="s">
        <v>2019</v>
      </c>
      <c r="E2162" s="52" t="s">
        <v>26</v>
      </c>
      <c r="F2162" s="52" t="s">
        <v>81</v>
      </c>
      <c r="G2162" s="52" t="s">
        <v>82</v>
      </c>
      <c r="H2162" s="4">
        <v>1</v>
      </c>
      <c r="I2162" s="2">
        <v>14.65</v>
      </c>
      <c r="J2162" s="52" t="s">
        <v>6093</v>
      </c>
      <c r="K2162" s="71" t="s">
        <v>6094</v>
      </c>
      <c r="L2162" s="52" t="s">
        <v>2063</v>
      </c>
      <c r="M2162" s="72">
        <v>890</v>
      </c>
      <c r="N2162" s="52" t="s">
        <v>2066</v>
      </c>
      <c r="O2162" s="52" t="s">
        <v>2067</v>
      </c>
      <c r="P2162" s="52"/>
      <c r="Q2162" s="52"/>
      <c r="R2162" s="52"/>
      <c r="S2162" s="52"/>
      <c r="T2162" s="52"/>
      <c r="U2162" s="52"/>
      <c r="V2162" s="52"/>
      <c r="W2162" s="52"/>
    </row>
    <row r="2163" spans="1:23" hidden="1" x14ac:dyDescent="0.35">
      <c r="A2163" s="52" t="s">
        <v>78</v>
      </c>
      <c r="B2163" s="52" t="s">
        <v>79</v>
      </c>
      <c r="C2163" s="3">
        <v>10</v>
      </c>
      <c r="D2163" s="52" t="s">
        <v>2021</v>
      </c>
      <c r="E2163" s="52" t="s">
        <v>26</v>
      </c>
      <c r="F2163" s="52" t="s">
        <v>81</v>
      </c>
      <c r="G2163" s="52" t="s">
        <v>82</v>
      </c>
      <c r="H2163" s="4">
        <v>1</v>
      </c>
      <c r="I2163" s="2">
        <v>14.65</v>
      </c>
      <c r="J2163" s="52" t="s">
        <v>6095</v>
      </c>
      <c r="K2163" s="71" t="s">
        <v>6096</v>
      </c>
      <c r="L2163" s="52" t="s">
        <v>2063</v>
      </c>
      <c r="M2163" s="72">
        <v>9021</v>
      </c>
      <c r="N2163" s="52"/>
      <c r="O2163" s="52"/>
      <c r="P2163" s="52"/>
      <c r="Q2163" s="52"/>
      <c r="R2163" s="52"/>
      <c r="S2163" s="52"/>
      <c r="T2163" s="52"/>
      <c r="U2163" s="52"/>
      <c r="V2163" s="52"/>
      <c r="W2163" s="52"/>
    </row>
    <row r="2164" spans="1:23" hidden="1" x14ac:dyDescent="0.35">
      <c r="A2164" s="52" t="s">
        <v>78</v>
      </c>
      <c r="B2164" s="52" t="s">
        <v>79</v>
      </c>
      <c r="C2164" s="3">
        <v>10</v>
      </c>
      <c r="D2164" s="52" t="s">
        <v>2020</v>
      </c>
      <c r="E2164" s="52" t="s">
        <v>26</v>
      </c>
      <c r="F2164" s="52" t="s">
        <v>81</v>
      </c>
      <c r="G2164" s="52" t="s">
        <v>82</v>
      </c>
      <c r="H2164" s="4">
        <v>1</v>
      </c>
      <c r="I2164" s="2">
        <v>14.65</v>
      </c>
      <c r="J2164" s="52" t="s">
        <v>5625</v>
      </c>
      <c r="K2164" s="71" t="s">
        <v>6097</v>
      </c>
      <c r="L2164" s="52" t="s">
        <v>2063</v>
      </c>
      <c r="M2164" s="72">
        <v>3234</v>
      </c>
      <c r="N2164" s="52" t="s">
        <v>2072</v>
      </c>
      <c r="O2164" s="52" t="s">
        <v>2073</v>
      </c>
      <c r="P2164" s="52"/>
      <c r="Q2164" s="52"/>
      <c r="R2164" s="52"/>
      <c r="S2164" s="52"/>
      <c r="T2164" s="52"/>
      <c r="U2164" s="52"/>
      <c r="V2164" s="52"/>
      <c r="W2164" s="52"/>
    </row>
    <row r="2165" spans="1:23" hidden="1" x14ac:dyDescent="0.35">
      <c r="A2165" s="52" t="s">
        <v>78</v>
      </c>
      <c r="B2165" s="52" t="s">
        <v>79</v>
      </c>
      <c r="C2165" s="3">
        <v>20</v>
      </c>
      <c r="D2165" s="52" t="s">
        <v>2019</v>
      </c>
      <c r="E2165" s="52" t="s">
        <v>26</v>
      </c>
      <c r="F2165" s="52" t="s">
        <v>81</v>
      </c>
      <c r="G2165" s="52" t="s">
        <v>82</v>
      </c>
      <c r="H2165" s="4">
        <v>1</v>
      </c>
      <c r="I2165" s="2">
        <v>14.65</v>
      </c>
      <c r="J2165" s="52" t="s">
        <v>5901</v>
      </c>
      <c r="K2165" s="71" t="s">
        <v>6098</v>
      </c>
      <c r="L2165" s="52" t="s">
        <v>2063</v>
      </c>
      <c r="M2165" s="72">
        <v>2358</v>
      </c>
      <c r="N2165" s="52"/>
      <c r="O2165" s="52"/>
      <c r="P2165" s="52"/>
      <c r="Q2165" s="52"/>
      <c r="R2165" s="52"/>
      <c r="S2165" s="52"/>
      <c r="T2165" s="52"/>
      <c r="U2165" s="52"/>
      <c r="V2165" s="52"/>
      <c r="W2165" s="52"/>
    </row>
    <row r="2166" spans="1:23" hidden="1" x14ac:dyDescent="0.35">
      <c r="A2166" s="52" t="s">
        <v>78</v>
      </c>
      <c r="B2166" s="52" t="s">
        <v>79</v>
      </c>
      <c r="C2166" s="3">
        <v>20</v>
      </c>
      <c r="D2166" s="52" t="s">
        <v>83</v>
      </c>
      <c r="E2166" s="52" t="s">
        <v>26</v>
      </c>
      <c r="F2166" s="52" t="s">
        <v>81</v>
      </c>
      <c r="G2166" s="52" t="s">
        <v>82</v>
      </c>
      <c r="H2166" s="4">
        <v>1</v>
      </c>
      <c r="I2166" s="2">
        <v>14.65</v>
      </c>
      <c r="J2166" s="52" t="s">
        <v>5036</v>
      </c>
      <c r="K2166" s="71" t="s">
        <v>6099</v>
      </c>
      <c r="L2166" s="52" t="s">
        <v>2063</v>
      </c>
      <c r="M2166" s="72">
        <v>205</v>
      </c>
      <c r="N2166" s="52"/>
      <c r="O2166" s="52"/>
      <c r="P2166" s="52"/>
      <c r="Q2166" s="52"/>
      <c r="R2166" s="52"/>
      <c r="S2166" s="52"/>
      <c r="T2166" s="52"/>
      <c r="U2166" s="52"/>
      <c r="V2166" s="52"/>
      <c r="W2166" s="52"/>
    </row>
    <row r="2167" spans="1:23" hidden="1" x14ac:dyDescent="0.35">
      <c r="A2167" s="52" t="s">
        <v>78</v>
      </c>
      <c r="B2167" s="52" t="s">
        <v>79</v>
      </c>
      <c r="C2167" s="3">
        <v>20</v>
      </c>
      <c r="D2167" s="52" t="s">
        <v>80</v>
      </c>
      <c r="E2167" s="52" t="s">
        <v>26</v>
      </c>
      <c r="F2167" s="52" t="s">
        <v>81</v>
      </c>
      <c r="G2167" s="52" t="s">
        <v>82</v>
      </c>
      <c r="H2167" s="4">
        <v>1</v>
      </c>
      <c r="I2167" s="2">
        <v>14.65</v>
      </c>
      <c r="J2167" s="52" t="s">
        <v>6100</v>
      </c>
      <c r="K2167" s="71" t="s">
        <v>6101</v>
      </c>
      <c r="L2167" s="52" t="s">
        <v>2063</v>
      </c>
      <c r="M2167" s="72">
        <v>957</v>
      </c>
      <c r="N2167" s="52" t="s">
        <v>2066</v>
      </c>
      <c r="O2167" s="52" t="s">
        <v>2067</v>
      </c>
      <c r="P2167" s="52"/>
      <c r="Q2167" s="52"/>
      <c r="R2167" s="52"/>
      <c r="S2167" s="52"/>
      <c r="T2167" s="52"/>
      <c r="U2167" s="52"/>
      <c r="V2167" s="52"/>
      <c r="W2167" s="52"/>
    </row>
    <row r="2168" spans="1:23" hidden="1" x14ac:dyDescent="0.35">
      <c r="A2168" s="52" t="s">
        <v>78</v>
      </c>
      <c r="B2168" s="52" t="s">
        <v>79</v>
      </c>
      <c r="C2168" s="3">
        <v>20</v>
      </c>
      <c r="D2168" s="52" t="s">
        <v>87</v>
      </c>
      <c r="E2168" s="52" t="s">
        <v>26</v>
      </c>
      <c r="F2168" s="52" t="s">
        <v>81</v>
      </c>
      <c r="G2168" s="52" t="s">
        <v>82</v>
      </c>
      <c r="H2168" s="4">
        <v>1</v>
      </c>
      <c r="I2168" s="2">
        <v>14.65</v>
      </c>
      <c r="J2168" s="52" t="s">
        <v>6102</v>
      </c>
      <c r="K2168" s="71" t="s">
        <v>6103</v>
      </c>
      <c r="L2168" s="52" t="s">
        <v>2063</v>
      </c>
      <c r="M2168" s="72">
        <v>4638</v>
      </c>
      <c r="N2168" s="52" t="s">
        <v>2072</v>
      </c>
      <c r="O2168" s="52" t="s">
        <v>2073</v>
      </c>
      <c r="P2168" s="52"/>
      <c r="Q2168" s="52"/>
      <c r="R2168" s="52"/>
      <c r="S2168" s="52"/>
      <c r="T2168" s="52"/>
      <c r="U2168" s="52"/>
      <c r="V2168" s="52"/>
      <c r="W2168" s="52"/>
    </row>
    <row r="2169" spans="1:23" hidden="1" x14ac:dyDescent="0.35">
      <c r="A2169" s="52" t="s">
        <v>78</v>
      </c>
      <c r="B2169" s="52" t="s">
        <v>79</v>
      </c>
      <c r="C2169" s="3">
        <v>20</v>
      </c>
      <c r="D2169" s="52" t="s">
        <v>2023</v>
      </c>
      <c r="E2169" s="52" t="s">
        <v>26</v>
      </c>
      <c r="F2169" s="52" t="s">
        <v>81</v>
      </c>
      <c r="G2169" s="52" t="s">
        <v>82</v>
      </c>
      <c r="H2169" s="4">
        <v>1</v>
      </c>
      <c r="I2169" s="2">
        <v>14.65</v>
      </c>
      <c r="J2169" s="52" t="s">
        <v>6104</v>
      </c>
      <c r="K2169" s="71" t="s">
        <v>6105</v>
      </c>
      <c r="L2169" s="52" t="s">
        <v>2063</v>
      </c>
      <c r="M2169" s="72">
        <v>5652</v>
      </c>
      <c r="N2169" s="52"/>
      <c r="O2169" s="52"/>
      <c r="P2169" s="52"/>
      <c r="Q2169" s="52"/>
      <c r="R2169" s="52"/>
      <c r="S2169" s="52"/>
      <c r="T2169" s="52"/>
      <c r="U2169" s="52"/>
      <c r="V2169" s="52"/>
      <c r="W2169" s="52"/>
    </row>
    <row r="2170" spans="1:23" hidden="1" x14ac:dyDescent="0.35">
      <c r="A2170" s="52" t="s">
        <v>78</v>
      </c>
      <c r="B2170" s="52" t="s">
        <v>79</v>
      </c>
      <c r="C2170" s="3">
        <v>10</v>
      </c>
      <c r="D2170" s="52" t="s">
        <v>84</v>
      </c>
      <c r="E2170" s="52" t="s">
        <v>26</v>
      </c>
      <c r="F2170" s="52" t="s">
        <v>81</v>
      </c>
      <c r="G2170" s="52" t="s">
        <v>82</v>
      </c>
      <c r="H2170" s="4">
        <v>1</v>
      </c>
      <c r="I2170" s="2">
        <v>14.65</v>
      </c>
      <c r="J2170" s="52" t="s">
        <v>6106</v>
      </c>
      <c r="K2170" s="71" t="s">
        <v>6107</v>
      </c>
      <c r="L2170" s="52" t="s">
        <v>2063</v>
      </c>
      <c r="M2170" s="72">
        <v>7068</v>
      </c>
      <c r="N2170" s="52"/>
      <c r="O2170" s="52"/>
      <c r="P2170" s="52"/>
      <c r="Q2170" s="52"/>
      <c r="R2170" s="52"/>
      <c r="S2170" s="52"/>
      <c r="T2170" s="52"/>
      <c r="U2170" s="52"/>
      <c r="V2170" s="52"/>
      <c r="W2170" s="52"/>
    </row>
    <row r="2171" spans="1:23" hidden="1" x14ac:dyDescent="0.35">
      <c r="A2171" s="52" t="s">
        <v>78</v>
      </c>
      <c r="B2171" s="52" t="s">
        <v>79</v>
      </c>
      <c r="C2171" s="3">
        <v>20</v>
      </c>
      <c r="D2171" s="52" t="s">
        <v>83</v>
      </c>
      <c r="E2171" s="52" t="s">
        <v>26</v>
      </c>
      <c r="F2171" s="52" t="s">
        <v>81</v>
      </c>
      <c r="G2171" s="52" t="s">
        <v>82</v>
      </c>
      <c r="H2171" s="4">
        <v>1</v>
      </c>
      <c r="I2171" s="2">
        <v>14.65</v>
      </c>
      <c r="J2171" s="52" t="s">
        <v>6108</v>
      </c>
      <c r="K2171" s="71" t="s">
        <v>6109</v>
      </c>
      <c r="L2171" s="52" t="s">
        <v>2063</v>
      </c>
      <c r="M2171" s="72">
        <v>4682</v>
      </c>
      <c r="N2171" s="52" t="s">
        <v>2072</v>
      </c>
      <c r="O2171" s="52" t="s">
        <v>2073</v>
      </c>
      <c r="P2171" s="52"/>
      <c r="Q2171" s="52"/>
      <c r="R2171" s="52"/>
      <c r="S2171" s="52"/>
      <c r="T2171" s="52"/>
      <c r="U2171" s="52"/>
      <c r="V2171" s="52"/>
      <c r="W2171" s="52"/>
    </row>
    <row r="2172" spans="1:23" hidden="1" x14ac:dyDescent="0.35">
      <c r="A2172" s="52" t="s">
        <v>78</v>
      </c>
      <c r="B2172" s="52" t="s">
        <v>79</v>
      </c>
      <c r="C2172" s="3">
        <v>10</v>
      </c>
      <c r="D2172" s="52" t="s">
        <v>80</v>
      </c>
      <c r="E2172" s="52" t="s">
        <v>26</v>
      </c>
      <c r="F2172" s="52" t="s">
        <v>81</v>
      </c>
      <c r="G2172" s="52" t="s">
        <v>82</v>
      </c>
      <c r="H2172" s="4">
        <v>1</v>
      </c>
      <c r="I2172" s="2">
        <v>14.65</v>
      </c>
      <c r="J2172" s="52" t="s">
        <v>6083</v>
      </c>
      <c r="K2172" s="71" t="s">
        <v>6110</v>
      </c>
      <c r="L2172" s="52" t="s">
        <v>2063</v>
      </c>
      <c r="M2172" s="72">
        <v>1514</v>
      </c>
      <c r="N2172" s="52" t="s">
        <v>2072</v>
      </c>
      <c r="O2172" s="52" t="s">
        <v>2073</v>
      </c>
      <c r="P2172" s="52"/>
      <c r="Q2172" s="52"/>
      <c r="R2172" s="52"/>
      <c r="S2172" s="52"/>
      <c r="T2172" s="52"/>
      <c r="U2172" s="52"/>
      <c r="V2172" s="52"/>
      <c r="W2172" s="52"/>
    </row>
    <row r="2173" spans="1:23" hidden="1" x14ac:dyDescent="0.35">
      <c r="A2173" s="52" t="s">
        <v>78</v>
      </c>
      <c r="B2173" s="52" t="s">
        <v>79</v>
      </c>
      <c r="C2173" s="3">
        <v>20</v>
      </c>
      <c r="D2173" s="52" t="s">
        <v>2024</v>
      </c>
      <c r="E2173" s="52" t="s">
        <v>26</v>
      </c>
      <c r="F2173" s="52" t="s">
        <v>81</v>
      </c>
      <c r="G2173" s="52" t="s">
        <v>82</v>
      </c>
      <c r="H2173" s="4">
        <v>1</v>
      </c>
      <c r="I2173" s="2">
        <v>14.65</v>
      </c>
      <c r="J2173" s="52" t="s">
        <v>6111</v>
      </c>
      <c r="K2173" s="71" t="s">
        <v>6112</v>
      </c>
      <c r="L2173" s="52" t="s">
        <v>2063</v>
      </c>
      <c r="M2173" s="72">
        <v>2398</v>
      </c>
      <c r="N2173" s="52" t="s">
        <v>2158</v>
      </c>
      <c r="O2173" s="52" t="s">
        <v>2159</v>
      </c>
      <c r="P2173" s="52"/>
      <c r="Q2173" s="52"/>
      <c r="R2173" s="52"/>
      <c r="S2173" s="52"/>
      <c r="T2173" s="52"/>
      <c r="U2173" s="52"/>
      <c r="V2173" s="52"/>
      <c r="W2173" s="52"/>
    </row>
    <row r="2174" spans="1:23" hidden="1" x14ac:dyDescent="0.35">
      <c r="A2174" s="52" t="s">
        <v>78</v>
      </c>
      <c r="B2174" s="52" t="s">
        <v>79</v>
      </c>
      <c r="C2174" s="3">
        <v>10</v>
      </c>
      <c r="D2174" s="52" t="s">
        <v>84</v>
      </c>
      <c r="E2174" s="52" t="s">
        <v>26</v>
      </c>
      <c r="F2174" s="52" t="s">
        <v>81</v>
      </c>
      <c r="G2174" s="52" t="s">
        <v>82</v>
      </c>
      <c r="H2174" s="4">
        <v>1</v>
      </c>
      <c r="I2174" s="2">
        <v>14.65</v>
      </c>
      <c r="J2174" s="52" t="s">
        <v>5080</v>
      </c>
      <c r="K2174" s="71" t="s">
        <v>6113</v>
      </c>
      <c r="L2174" s="52" t="s">
        <v>2063</v>
      </c>
      <c r="M2174" s="72">
        <v>45</v>
      </c>
      <c r="N2174" s="52" t="s">
        <v>2072</v>
      </c>
      <c r="O2174" s="52" t="s">
        <v>2073</v>
      </c>
      <c r="P2174" s="52"/>
      <c r="Q2174" s="52"/>
      <c r="R2174" s="52"/>
      <c r="S2174" s="52"/>
      <c r="T2174" s="52"/>
      <c r="U2174" s="52"/>
      <c r="V2174" s="52"/>
      <c r="W2174" s="52"/>
    </row>
    <row r="2175" spans="1:23" hidden="1" x14ac:dyDescent="0.35">
      <c r="A2175" s="52" t="s">
        <v>78</v>
      </c>
      <c r="B2175" s="52" t="s">
        <v>79</v>
      </c>
      <c r="C2175" s="3">
        <v>20</v>
      </c>
      <c r="D2175" s="52" t="s">
        <v>2024</v>
      </c>
      <c r="E2175" s="52" t="s">
        <v>26</v>
      </c>
      <c r="F2175" s="52" t="s">
        <v>81</v>
      </c>
      <c r="G2175" s="52" t="s">
        <v>82</v>
      </c>
      <c r="H2175" s="4">
        <v>1</v>
      </c>
      <c r="I2175" s="2">
        <v>14.65</v>
      </c>
      <c r="J2175" s="52" t="s">
        <v>5659</v>
      </c>
      <c r="K2175" s="71" t="s">
        <v>6114</v>
      </c>
      <c r="L2175" s="52" t="s">
        <v>2063</v>
      </c>
      <c r="M2175" s="72">
        <v>4137</v>
      </c>
      <c r="N2175" s="52" t="s">
        <v>2072</v>
      </c>
      <c r="O2175" s="52" t="s">
        <v>2073</v>
      </c>
      <c r="P2175" s="52"/>
      <c r="Q2175" s="52"/>
      <c r="R2175" s="52"/>
      <c r="S2175" s="52"/>
      <c r="T2175" s="52"/>
      <c r="U2175" s="52"/>
      <c r="V2175" s="52"/>
      <c r="W2175" s="52"/>
    </row>
    <row r="2176" spans="1:23" hidden="1" x14ac:dyDescent="0.35">
      <c r="A2176" s="52" t="s">
        <v>78</v>
      </c>
      <c r="B2176" s="52" t="s">
        <v>79</v>
      </c>
      <c r="C2176" s="3">
        <v>20</v>
      </c>
      <c r="D2176" s="52" t="s">
        <v>2020</v>
      </c>
      <c r="E2176" s="52" t="s">
        <v>26</v>
      </c>
      <c r="F2176" s="52" t="s">
        <v>81</v>
      </c>
      <c r="G2176" s="52" t="s">
        <v>82</v>
      </c>
      <c r="H2176" s="4">
        <v>1</v>
      </c>
      <c r="I2176" s="2">
        <v>14.65</v>
      </c>
      <c r="J2176" s="52" t="s">
        <v>6115</v>
      </c>
      <c r="K2176" s="71" t="s">
        <v>6116</v>
      </c>
      <c r="L2176" s="52" t="s">
        <v>2063</v>
      </c>
      <c r="M2176" s="72">
        <v>3324</v>
      </c>
      <c r="N2176" s="52" t="s">
        <v>2066</v>
      </c>
      <c r="O2176" s="52" t="s">
        <v>2067</v>
      </c>
      <c r="P2176" s="52"/>
      <c r="Q2176" s="52"/>
      <c r="R2176" s="52"/>
      <c r="S2176" s="52"/>
      <c r="T2176" s="52"/>
      <c r="U2176" s="52"/>
      <c r="V2176" s="52"/>
      <c r="W2176" s="52"/>
    </row>
    <row r="2177" spans="1:23" hidden="1" x14ac:dyDescent="0.35">
      <c r="A2177" s="52" t="s">
        <v>78</v>
      </c>
      <c r="B2177" s="52" t="s">
        <v>79</v>
      </c>
      <c r="C2177" s="3">
        <v>20</v>
      </c>
      <c r="D2177" s="52" t="s">
        <v>86</v>
      </c>
      <c r="E2177" s="52" t="s">
        <v>26</v>
      </c>
      <c r="F2177" s="52" t="s">
        <v>81</v>
      </c>
      <c r="G2177" s="52" t="s">
        <v>82</v>
      </c>
      <c r="H2177" s="4">
        <v>1</v>
      </c>
      <c r="I2177" s="2">
        <v>14.65</v>
      </c>
      <c r="J2177" s="52" t="s">
        <v>4747</v>
      </c>
      <c r="K2177" s="71" t="s">
        <v>6117</v>
      </c>
      <c r="L2177" s="52" t="s">
        <v>2063</v>
      </c>
      <c r="M2177" s="72">
        <v>1345</v>
      </c>
      <c r="N2177" s="52" t="s">
        <v>2072</v>
      </c>
      <c r="O2177" s="52" t="s">
        <v>2073</v>
      </c>
      <c r="P2177" s="52"/>
      <c r="Q2177" s="52"/>
      <c r="R2177" s="52"/>
      <c r="S2177" s="52"/>
      <c r="T2177" s="52"/>
      <c r="U2177" s="52"/>
      <c r="V2177" s="52"/>
      <c r="W2177" s="52"/>
    </row>
    <row r="2178" spans="1:23" hidden="1" x14ac:dyDescent="0.35">
      <c r="A2178" s="52" t="s">
        <v>78</v>
      </c>
      <c r="B2178" s="52" t="s">
        <v>79</v>
      </c>
      <c r="C2178" s="3">
        <v>10</v>
      </c>
      <c r="D2178" s="52" t="s">
        <v>2020</v>
      </c>
      <c r="E2178" s="52" t="s">
        <v>26</v>
      </c>
      <c r="F2178" s="52" t="s">
        <v>81</v>
      </c>
      <c r="G2178" s="52" t="s">
        <v>82</v>
      </c>
      <c r="H2178" s="4">
        <v>1</v>
      </c>
      <c r="I2178" s="2">
        <v>14.65</v>
      </c>
      <c r="J2178" s="52" t="s">
        <v>6118</v>
      </c>
      <c r="K2178" s="71" t="s">
        <v>6119</v>
      </c>
      <c r="L2178" s="52" t="s">
        <v>2063</v>
      </c>
      <c r="M2178" s="72">
        <v>7708</v>
      </c>
      <c r="N2178" s="52" t="s">
        <v>2158</v>
      </c>
      <c r="O2178" s="52" t="s">
        <v>2159</v>
      </c>
      <c r="P2178" s="52"/>
      <c r="Q2178" s="52"/>
      <c r="R2178" s="52"/>
      <c r="S2178" s="52"/>
      <c r="T2178" s="52"/>
      <c r="U2178" s="52"/>
      <c r="V2178" s="52"/>
      <c r="W2178" s="52"/>
    </row>
    <row r="2179" spans="1:23" hidden="1" x14ac:dyDescent="0.35">
      <c r="A2179" s="52" t="s">
        <v>78</v>
      </c>
      <c r="B2179" s="52" t="s">
        <v>79</v>
      </c>
      <c r="C2179" s="3">
        <v>20</v>
      </c>
      <c r="D2179" s="52" t="s">
        <v>84</v>
      </c>
      <c r="E2179" s="52" t="s">
        <v>26</v>
      </c>
      <c r="F2179" s="52" t="s">
        <v>81</v>
      </c>
      <c r="G2179" s="52" t="s">
        <v>82</v>
      </c>
      <c r="H2179" s="4">
        <v>1</v>
      </c>
      <c r="I2179" s="2">
        <v>14.65</v>
      </c>
      <c r="J2179" s="52" t="s">
        <v>6120</v>
      </c>
      <c r="K2179" s="71" t="s">
        <v>6121</v>
      </c>
      <c r="L2179" s="52" t="s">
        <v>2063</v>
      </c>
      <c r="M2179" s="72">
        <v>2330</v>
      </c>
      <c r="N2179" s="52"/>
      <c r="O2179" s="52"/>
      <c r="P2179" s="52"/>
      <c r="Q2179" s="52"/>
      <c r="R2179" s="52"/>
      <c r="S2179" s="52"/>
      <c r="T2179" s="52"/>
      <c r="U2179" s="52"/>
      <c r="V2179" s="52"/>
      <c r="W2179" s="52"/>
    </row>
    <row r="2180" spans="1:23" hidden="1" x14ac:dyDescent="0.35">
      <c r="A2180" s="52" t="s">
        <v>78</v>
      </c>
      <c r="B2180" s="52" t="s">
        <v>79</v>
      </c>
      <c r="C2180" s="3">
        <v>20</v>
      </c>
      <c r="D2180" s="52" t="s">
        <v>2022</v>
      </c>
      <c r="E2180" s="52" t="s">
        <v>26</v>
      </c>
      <c r="F2180" s="52" t="s">
        <v>81</v>
      </c>
      <c r="G2180" s="52" t="s">
        <v>82</v>
      </c>
      <c r="H2180" s="4">
        <v>1</v>
      </c>
      <c r="I2180" s="2">
        <v>14.65</v>
      </c>
      <c r="J2180" s="52" t="s">
        <v>6122</v>
      </c>
      <c r="K2180" s="71" t="s">
        <v>6123</v>
      </c>
      <c r="L2180" s="52" t="s">
        <v>2063</v>
      </c>
      <c r="M2180" s="72">
        <v>591</v>
      </c>
      <c r="N2180" s="52" t="s">
        <v>2066</v>
      </c>
      <c r="O2180" s="52" t="s">
        <v>2067</v>
      </c>
      <c r="P2180" s="52"/>
      <c r="Q2180" s="52"/>
      <c r="R2180" s="52"/>
      <c r="S2180" s="52"/>
      <c r="T2180" s="52"/>
      <c r="U2180" s="52"/>
      <c r="V2180" s="52"/>
      <c r="W2180" s="52"/>
    </row>
    <row r="2181" spans="1:23" hidden="1" x14ac:dyDescent="0.35">
      <c r="A2181" s="52" t="s">
        <v>78</v>
      </c>
      <c r="B2181" s="52" t="s">
        <v>79</v>
      </c>
      <c r="C2181" s="3">
        <v>20</v>
      </c>
      <c r="D2181" s="52" t="s">
        <v>84</v>
      </c>
      <c r="E2181" s="52" t="s">
        <v>26</v>
      </c>
      <c r="F2181" s="52" t="s">
        <v>81</v>
      </c>
      <c r="G2181" s="52" t="s">
        <v>82</v>
      </c>
      <c r="H2181" s="4">
        <v>1</v>
      </c>
      <c r="I2181" s="2">
        <v>14.65</v>
      </c>
      <c r="J2181" s="52" t="s">
        <v>6124</v>
      </c>
      <c r="K2181" s="71" t="s">
        <v>6125</v>
      </c>
      <c r="L2181" s="52" t="s">
        <v>2063</v>
      </c>
      <c r="M2181" s="72">
        <v>2058</v>
      </c>
      <c r="N2181" s="52" t="s">
        <v>2066</v>
      </c>
      <c r="O2181" s="52" t="s">
        <v>2067</v>
      </c>
      <c r="P2181" s="52"/>
      <c r="Q2181" s="52"/>
      <c r="R2181" s="52"/>
      <c r="S2181" s="52"/>
      <c r="T2181" s="52"/>
      <c r="U2181" s="52"/>
      <c r="V2181" s="52"/>
      <c r="W2181" s="52"/>
    </row>
    <row r="2182" spans="1:23" x14ac:dyDescent="0.35">
      <c r="A2182" s="52" t="s">
        <v>78</v>
      </c>
      <c r="B2182" s="52" t="s">
        <v>79</v>
      </c>
      <c r="C2182" s="3">
        <v>212</v>
      </c>
      <c r="D2182" s="52" t="s">
        <v>80</v>
      </c>
      <c r="E2182" s="52" t="s">
        <v>26</v>
      </c>
      <c r="F2182" s="52" t="s">
        <v>81</v>
      </c>
      <c r="G2182" s="52" t="s">
        <v>82</v>
      </c>
      <c r="H2182" s="4">
        <v>1</v>
      </c>
      <c r="I2182" s="2">
        <v>14.65</v>
      </c>
      <c r="J2182" s="52" t="s">
        <v>6126</v>
      </c>
      <c r="K2182" s="71" t="s">
        <v>6127</v>
      </c>
      <c r="L2182" s="52" t="s">
        <v>2063</v>
      </c>
      <c r="M2182" s="72">
        <v>6036</v>
      </c>
      <c r="N2182" s="52" t="s">
        <v>2259</v>
      </c>
      <c r="O2182" s="52" t="s">
        <v>2260</v>
      </c>
      <c r="P2182" s="52"/>
      <c r="Q2182" s="52"/>
      <c r="R2182" s="52"/>
      <c r="S2182" s="52"/>
      <c r="T2182" s="52"/>
      <c r="U2182" s="52"/>
      <c r="V2182" s="52"/>
      <c r="W2182" s="52"/>
    </row>
    <row r="2183" spans="1:23" x14ac:dyDescent="0.35">
      <c r="A2183" s="52" t="s">
        <v>78</v>
      </c>
      <c r="B2183" s="52" t="s">
        <v>79</v>
      </c>
      <c r="C2183" s="3">
        <v>20</v>
      </c>
      <c r="D2183" s="52" t="s">
        <v>85</v>
      </c>
      <c r="E2183" s="52" t="s">
        <v>26</v>
      </c>
      <c r="F2183" s="52" t="s">
        <v>81</v>
      </c>
      <c r="G2183" s="52" t="s">
        <v>82</v>
      </c>
      <c r="H2183" s="4">
        <v>1</v>
      </c>
      <c r="I2183" s="2">
        <v>14.65</v>
      </c>
      <c r="J2183" s="52" t="s">
        <v>6128</v>
      </c>
      <c r="K2183" s="71" t="s">
        <v>6129</v>
      </c>
      <c r="L2183" s="52" t="s">
        <v>2063</v>
      </c>
      <c r="M2183" s="72">
        <v>3169</v>
      </c>
      <c r="N2183" s="52" t="s">
        <v>2259</v>
      </c>
      <c r="O2183" s="52" t="s">
        <v>2260</v>
      </c>
      <c r="P2183" s="52"/>
      <c r="Q2183" s="52"/>
      <c r="R2183" s="52"/>
      <c r="S2183" s="52"/>
      <c r="T2183" s="52"/>
      <c r="U2183" s="52"/>
      <c r="V2183" s="52"/>
      <c r="W2183" s="52"/>
    </row>
    <row r="2184" spans="1:23" hidden="1" x14ac:dyDescent="0.35">
      <c r="A2184" s="52" t="s">
        <v>78</v>
      </c>
      <c r="B2184" s="52" t="s">
        <v>79</v>
      </c>
      <c r="C2184" s="3">
        <v>20</v>
      </c>
      <c r="D2184" s="52" t="s">
        <v>86</v>
      </c>
      <c r="E2184" s="52" t="s">
        <v>26</v>
      </c>
      <c r="F2184" s="52" t="s">
        <v>81</v>
      </c>
      <c r="G2184" s="52" t="s">
        <v>82</v>
      </c>
      <c r="H2184" s="4">
        <v>1</v>
      </c>
      <c r="I2184" s="2">
        <v>14.65</v>
      </c>
      <c r="J2184" s="52" t="s">
        <v>6130</v>
      </c>
      <c r="K2184" s="71" t="s">
        <v>6131</v>
      </c>
      <c r="L2184" s="52" t="s">
        <v>2063</v>
      </c>
      <c r="M2184" s="72">
        <v>2263</v>
      </c>
      <c r="N2184" s="52" t="s">
        <v>2072</v>
      </c>
      <c r="O2184" s="52" t="s">
        <v>2073</v>
      </c>
      <c r="P2184" s="52"/>
      <c r="Q2184" s="52"/>
      <c r="R2184" s="52"/>
      <c r="S2184" s="52"/>
      <c r="T2184" s="52"/>
      <c r="U2184" s="52"/>
      <c r="V2184" s="52"/>
      <c r="W2184" s="52"/>
    </row>
    <row r="2185" spans="1:23" hidden="1" x14ac:dyDescent="0.35">
      <c r="A2185" s="52" t="s">
        <v>78</v>
      </c>
      <c r="B2185" s="52" t="s">
        <v>79</v>
      </c>
      <c r="C2185" s="3">
        <v>212</v>
      </c>
      <c r="D2185" s="52" t="s">
        <v>80</v>
      </c>
      <c r="E2185" s="52" t="s">
        <v>26</v>
      </c>
      <c r="F2185" s="52" t="s">
        <v>81</v>
      </c>
      <c r="G2185" s="52" t="s">
        <v>82</v>
      </c>
      <c r="H2185" s="4">
        <v>1</v>
      </c>
      <c r="I2185" s="2">
        <v>14.65</v>
      </c>
      <c r="J2185" s="52" t="s">
        <v>6132</v>
      </c>
      <c r="K2185" s="71" t="s">
        <v>6133</v>
      </c>
      <c r="L2185" s="52" t="s">
        <v>2063</v>
      </c>
      <c r="M2185" s="72">
        <v>4379</v>
      </c>
      <c r="N2185" s="52"/>
      <c r="O2185" s="52"/>
      <c r="P2185" s="52"/>
      <c r="Q2185" s="52"/>
      <c r="R2185" s="52"/>
      <c r="S2185" s="52"/>
      <c r="T2185" s="52"/>
      <c r="U2185" s="52"/>
      <c r="V2185" s="52"/>
      <c r="W2185" s="52"/>
    </row>
    <row r="2186" spans="1:23" x14ac:dyDescent="0.35">
      <c r="A2186" s="52" t="s">
        <v>78</v>
      </c>
      <c r="B2186" s="52" t="s">
        <v>79</v>
      </c>
      <c r="C2186" s="3">
        <v>211</v>
      </c>
      <c r="D2186" s="52" t="s">
        <v>2021</v>
      </c>
      <c r="E2186" s="52" t="s">
        <v>26</v>
      </c>
      <c r="F2186" s="52" t="s">
        <v>81</v>
      </c>
      <c r="G2186" s="52" t="s">
        <v>82</v>
      </c>
      <c r="H2186" s="4">
        <v>1</v>
      </c>
      <c r="I2186" s="2">
        <v>14.65</v>
      </c>
      <c r="J2186" s="52" t="s">
        <v>6134</v>
      </c>
      <c r="K2186" s="71" t="s">
        <v>6135</v>
      </c>
      <c r="L2186" s="52" t="s">
        <v>2063</v>
      </c>
      <c r="M2186" s="72">
        <v>2797</v>
      </c>
      <c r="N2186" s="52" t="s">
        <v>2076</v>
      </c>
      <c r="O2186" s="52" t="s">
        <v>2077</v>
      </c>
      <c r="P2186" s="52"/>
      <c r="Q2186" s="52"/>
      <c r="R2186" s="52"/>
      <c r="S2186" s="52"/>
      <c r="T2186" s="52"/>
      <c r="U2186" s="52"/>
      <c r="V2186" s="52"/>
      <c r="W2186" s="52"/>
    </row>
    <row r="2187" spans="1:23" hidden="1" x14ac:dyDescent="0.35">
      <c r="A2187" s="52" t="s">
        <v>78</v>
      </c>
      <c r="B2187" s="52" t="s">
        <v>79</v>
      </c>
      <c r="C2187" s="3">
        <v>20</v>
      </c>
      <c r="D2187" s="52" t="s">
        <v>2019</v>
      </c>
      <c r="E2187" s="52" t="s">
        <v>26</v>
      </c>
      <c r="F2187" s="52" t="s">
        <v>81</v>
      </c>
      <c r="G2187" s="52" t="s">
        <v>82</v>
      </c>
      <c r="H2187" s="4">
        <v>1</v>
      </c>
      <c r="I2187" s="2">
        <v>14.65</v>
      </c>
      <c r="J2187" s="52" t="s">
        <v>6136</v>
      </c>
      <c r="K2187" s="71" t="s">
        <v>6137</v>
      </c>
      <c r="L2187" s="52" t="s">
        <v>2063</v>
      </c>
      <c r="M2187" s="72">
        <v>8996</v>
      </c>
      <c r="N2187" s="52" t="s">
        <v>2072</v>
      </c>
      <c r="O2187" s="52" t="s">
        <v>2073</v>
      </c>
      <c r="P2187" s="52"/>
      <c r="Q2187" s="52"/>
      <c r="R2187" s="52"/>
      <c r="S2187" s="52"/>
      <c r="T2187" s="52"/>
      <c r="U2187" s="52"/>
      <c r="V2187" s="52"/>
      <c r="W2187" s="52"/>
    </row>
    <row r="2188" spans="1:23" hidden="1" x14ac:dyDescent="0.35">
      <c r="A2188" s="52" t="s">
        <v>78</v>
      </c>
      <c r="B2188" s="52" t="s">
        <v>79</v>
      </c>
      <c r="C2188" s="3">
        <v>20</v>
      </c>
      <c r="D2188" s="52" t="s">
        <v>84</v>
      </c>
      <c r="E2188" s="52" t="s">
        <v>26</v>
      </c>
      <c r="F2188" s="52" t="s">
        <v>81</v>
      </c>
      <c r="G2188" s="52" t="s">
        <v>82</v>
      </c>
      <c r="H2188" s="4">
        <v>1</v>
      </c>
      <c r="I2188" s="2">
        <v>14.65</v>
      </c>
      <c r="J2188" s="52" t="s">
        <v>5447</v>
      </c>
      <c r="K2188" s="71" t="s">
        <v>6138</v>
      </c>
      <c r="L2188" s="52" t="s">
        <v>2063</v>
      </c>
      <c r="M2188" s="72">
        <v>9585</v>
      </c>
      <c r="N2188" s="52"/>
      <c r="O2188" s="52"/>
      <c r="P2188" s="52"/>
      <c r="Q2188" s="52"/>
      <c r="R2188" s="52"/>
      <c r="S2188" s="52"/>
      <c r="T2188" s="52"/>
      <c r="U2188" s="52"/>
      <c r="V2188" s="52"/>
      <c r="W2188" s="52"/>
    </row>
    <row r="2189" spans="1:23" hidden="1" x14ac:dyDescent="0.35">
      <c r="A2189" s="52" t="s">
        <v>78</v>
      </c>
      <c r="B2189" s="52" t="s">
        <v>79</v>
      </c>
      <c r="C2189" s="3">
        <v>10</v>
      </c>
      <c r="D2189" s="52" t="s">
        <v>2019</v>
      </c>
      <c r="E2189" s="52" t="s">
        <v>26</v>
      </c>
      <c r="F2189" s="52" t="s">
        <v>81</v>
      </c>
      <c r="G2189" s="52" t="s">
        <v>82</v>
      </c>
      <c r="H2189" s="4">
        <v>1</v>
      </c>
      <c r="I2189" s="2">
        <v>14.65</v>
      </c>
      <c r="J2189" s="52" t="s">
        <v>4743</v>
      </c>
      <c r="K2189" s="71" t="s">
        <v>6139</v>
      </c>
      <c r="L2189" s="52" t="s">
        <v>2095</v>
      </c>
      <c r="M2189" s="72">
        <v>4158</v>
      </c>
      <c r="N2189" s="52" t="s">
        <v>2072</v>
      </c>
      <c r="O2189" s="52" t="s">
        <v>2073</v>
      </c>
      <c r="P2189" s="52"/>
      <c r="Q2189" s="52"/>
      <c r="R2189" s="52"/>
      <c r="S2189" s="52"/>
      <c r="T2189" s="52"/>
      <c r="U2189" s="52"/>
      <c r="V2189" s="52"/>
      <c r="W2189" s="52"/>
    </row>
    <row r="2190" spans="1:23" hidden="1" x14ac:dyDescent="0.35">
      <c r="A2190" s="52" t="s">
        <v>78</v>
      </c>
      <c r="B2190" s="52" t="s">
        <v>79</v>
      </c>
      <c r="C2190" s="3">
        <v>211</v>
      </c>
      <c r="D2190" s="52" t="s">
        <v>2023</v>
      </c>
      <c r="E2190" s="52" t="s">
        <v>26</v>
      </c>
      <c r="F2190" s="52" t="s">
        <v>81</v>
      </c>
      <c r="G2190" s="52" t="s">
        <v>82</v>
      </c>
      <c r="H2190" s="4">
        <v>1</v>
      </c>
      <c r="I2190" s="2">
        <v>14.65</v>
      </c>
      <c r="J2190" s="52" t="s">
        <v>6140</v>
      </c>
      <c r="K2190" s="71" t="s">
        <v>6141</v>
      </c>
      <c r="L2190" s="52" t="s">
        <v>2063</v>
      </c>
      <c r="M2190" s="72">
        <v>2813</v>
      </c>
      <c r="N2190" s="52" t="s">
        <v>2072</v>
      </c>
      <c r="O2190" s="52" t="s">
        <v>2073</v>
      </c>
      <c r="P2190" s="52"/>
      <c r="Q2190" s="52"/>
      <c r="R2190" s="52"/>
      <c r="S2190" s="52"/>
      <c r="T2190" s="52"/>
      <c r="U2190" s="52"/>
      <c r="V2190" s="52"/>
      <c r="W2190" s="52"/>
    </row>
    <row r="2191" spans="1:23" hidden="1" x14ac:dyDescent="0.35">
      <c r="A2191" s="52" t="s">
        <v>78</v>
      </c>
      <c r="B2191" s="52" t="s">
        <v>79</v>
      </c>
      <c r="C2191" s="3">
        <v>20</v>
      </c>
      <c r="D2191" s="52" t="s">
        <v>2022</v>
      </c>
      <c r="E2191" s="52" t="s">
        <v>26</v>
      </c>
      <c r="F2191" s="52" t="s">
        <v>81</v>
      </c>
      <c r="G2191" s="52" t="s">
        <v>82</v>
      </c>
      <c r="H2191" s="4">
        <v>1</v>
      </c>
      <c r="I2191" s="2">
        <v>14.65</v>
      </c>
      <c r="J2191" s="52" t="s">
        <v>6017</v>
      </c>
      <c r="K2191" s="71" t="s">
        <v>6142</v>
      </c>
      <c r="L2191" s="52" t="s">
        <v>2063</v>
      </c>
      <c r="M2191" s="72">
        <v>1419</v>
      </c>
      <c r="N2191" s="52" t="s">
        <v>2066</v>
      </c>
      <c r="O2191" s="52" t="s">
        <v>2067</v>
      </c>
      <c r="P2191" s="52"/>
      <c r="Q2191" s="52"/>
      <c r="R2191" s="52"/>
      <c r="S2191" s="52"/>
      <c r="T2191" s="52"/>
      <c r="U2191" s="52"/>
      <c r="V2191" s="52"/>
      <c r="W2191" s="52"/>
    </row>
    <row r="2192" spans="1:23" hidden="1" x14ac:dyDescent="0.35">
      <c r="A2192" s="52" t="s">
        <v>78</v>
      </c>
      <c r="B2192" s="52" t="s">
        <v>79</v>
      </c>
      <c r="C2192" s="3">
        <v>20</v>
      </c>
      <c r="D2192" s="52" t="s">
        <v>87</v>
      </c>
      <c r="E2192" s="52" t="s">
        <v>26</v>
      </c>
      <c r="F2192" s="52" t="s">
        <v>81</v>
      </c>
      <c r="G2192" s="52" t="s">
        <v>82</v>
      </c>
      <c r="H2192" s="4">
        <v>1</v>
      </c>
      <c r="I2192" s="2">
        <v>14.65</v>
      </c>
      <c r="J2192" s="52" t="s">
        <v>6143</v>
      </c>
      <c r="K2192" s="71" t="s">
        <v>6144</v>
      </c>
      <c r="L2192" s="52" t="s">
        <v>2063</v>
      </c>
      <c r="M2192" s="72">
        <v>3900</v>
      </c>
      <c r="N2192" s="52" t="s">
        <v>2158</v>
      </c>
      <c r="O2192" s="52" t="s">
        <v>2159</v>
      </c>
      <c r="P2192" s="52"/>
      <c r="Q2192" s="52"/>
      <c r="R2192" s="52"/>
      <c r="S2192" s="52"/>
      <c r="T2192" s="52"/>
      <c r="U2192" s="52"/>
      <c r="V2192" s="52"/>
      <c r="W2192" s="52"/>
    </row>
    <row r="2193" spans="1:23" x14ac:dyDescent="0.35">
      <c r="A2193" s="52" t="s">
        <v>78</v>
      </c>
      <c r="B2193" s="52" t="s">
        <v>79</v>
      </c>
      <c r="C2193" s="3">
        <v>10</v>
      </c>
      <c r="D2193" s="52" t="s">
        <v>2024</v>
      </c>
      <c r="E2193" s="52" t="s">
        <v>26</v>
      </c>
      <c r="F2193" s="52" t="s">
        <v>81</v>
      </c>
      <c r="G2193" s="52" t="s">
        <v>82</v>
      </c>
      <c r="H2193" s="4">
        <v>1</v>
      </c>
      <c r="I2193" s="2">
        <v>14.65</v>
      </c>
      <c r="J2193" s="52" t="s">
        <v>6145</v>
      </c>
      <c r="K2193" s="71" t="s">
        <v>6146</v>
      </c>
      <c r="L2193" s="52" t="s">
        <v>2063</v>
      </c>
      <c r="M2193" s="72">
        <v>6379</v>
      </c>
      <c r="N2193" s="52" t="s">
        <v>2076</v>
      </c>
      <c r="O2193" s="52" t="s">
        <v>2077</v>
      </c>
      <c r="P2193" s="52"/>
      <c r="Q2193" s="52"/>
      <c r="R2193" s="52"/>
      <c r="S2193" s="52"/>
      <c r="T2193" s="52"/>
      <c r="U2193" s="52"/>
      <c r="V2193" s="52"/>
      <c r="W2193" s="52"/>
    </row>
    <row r="2194" spans="1:23" hidden="1" x14ac:dyDescent="0.35">
      <c r="A2194" s="52" t="s">
        <v>78</v>
      </c>
      <c r="B2194" s="52" t="s">
        <v>79</v>
      </c>
      <c r="C2194" s="3">
        <v>211</v>
      </c>
      <c r="D2194" s="52" t="s">
        <v>85</v>
      </c>
      <c r="E2194" s="52" t="s">
        <v>26</v>
      </c>
      <c r="F2194" s="52" t="s">
        <v>81</v>
      </c>
      <c r="G2194" s="52" t="s">
        <v>82</v>
      </c>
      <c r="H2194" s="4">
        <v>1</v>
      </c>
      <c r="I2194" s="2">
        <v>14.65</v>
      </c>
      <c r="J2194" s="52" t="s">
        <v>4709</v>
      </c>
      <c r="K2194" s="71" t="s">
        <v>6147</v>
      </c>
      <c r="L2194" s="52" t="s">
        <v>2063</v>
      </c>
      <c r="M2194" s="72">
        <v>8660</v>
      </c>
      <c r="N2194" s="52" t="s">
        <v>3580</v>
      </c>
      <c r="O2194" s="52" t="s">
        <v>3581</v>
      </c>
      <c r="P2194" s="52"/>
      <c r="Q2194" s="52"/>
      <c r="R2194" s="52"/>
      <c r="S2194" s="52"/>
      <c r="T2194" s="52"/>
      <c r="U2194" s="52"/>
      <c r="V2194" s="52"/>
      <c r="W2194" s="52"/>
    </row>
    <row r="2195" spans="1:23" x14ac:dyDescent="0.35">
      <c r="A2195" s="52" t="s">
        <v>78</v>
      </c>
      <c r="B2195" s="52" t="s">
        <v>79</v>
      </c>
      <c r="C2195" s="3">
        <v>10</v>
      </c>
      <c r="D2195" s="52" t="s">
        <v>2022</v>
      </c>
      <c r="E2195" s="52" t="s">
        <v>26</v>
      </c>
      <c r="F2195" s="52" t="s">
        <v>81</v>
      </c>
      <c r="G2195" s="52" t="s">
        <v>82</v>
      </c>
      <c r="H2195" s="4">
        <v>1</v>
      </c>
      <c r="I2195" s="2">
        <v>14.65</v>
      </c>
      <c r="J2195" s="52" t="s">
        <v>6148</v>
      </c>
      <c r="K2195" s="71" t="s">
        <v>6149</v>
      </c>
      <c r="L2195" s="52" t="s">
        <v>2063</v>
      </c>
      <c r="M2195" s="72">
        <v>3646</v>
      </c>
      <c r="N2195" s="52" t="s">
        <v>2259</v>
      </c>
      <c r="O2195" s="52" t="s">
        <v>2260</v>
      </c>
      <c r="P2195" s="52"/>
      <c r="Q2195" s="52"/>
      <c r="R2195" s="52"/>
      <c r="S2195" s="52"/>
      <c r="T2195" s="52"/>
      <c r="U2195" s="52"/>
      <c r="V2195" s="52"/>
      <c r="W2195" s="52"/>
    </row>
    <row r="2196" spans="1:23" hidden="1" x14ac:dyDescent="0.35">
      <c r="A2196" s="52" t="s">
        <v>78</v>
      </c>
      <c r="B2196" s="52" t="s">
        <v>79</v>
      </c>
      <c r="C2196" s="3">
        <v>20</v>
      </c>
      <c r="D2196" s="52" t="s">
        <v>2023</v>
      </c>
      <c r="E2196" s="52" t="s">
        <v>26</v>
      </c>
      <c r="F2196" s="52" t="s">
        <v>81</v>
      </c>
      <c r="G2196" s="52" t="s">
        <v>82</v>
      </c>
      <c r="H2196" s="4">
        <v>1</v>
      </c>
      <c r="I2196" s="2">
        <v>14.65</v>
      </c>
      <c r="J2196" s="52" t="s">
        <v>6150</v>
      </c>
      <c r="K2196" s="71" t="s">
        <v>6151</v>
      </c>
      <c r="L2196" s="52" t="s">
        <v>2063</v>
      </c>
      <c r="M2196" s="72">
        <v>3689</v>
      </c>
      <c r="N2196" s="52" t="s">
        <v>2066</v>
      </c>
      <c r="O2196" s="52" t="s">
        <v>2067</v>
      </c>
      <c r="P2196" s="52"/>
      <c r="Q2196" s="52"/>
      <c r="R2196" s="52"/>
      <c r="S2196" s="52"/>
      <c r="T2196" s="52"/>
      <c r="U2196" s="52"/>
      <c r="V2196" s="52"/>
      <c r="W2196" s="52"/>
    </row>
    <row r="2197" spans="1:23" hidden="1" x14ac:dyDescent="0.35">
      <c r="A2197" s="52" t="s">
        <v>78</v>
      </c>
      <c r="B2197" s="52" t="s">
        <v>79</v>
      </c>
      <c r="C2197" s="3">
        <v>20</v>
      </c>
      <c r="D2197" s="52" t="s">
        <v>80</v>
      </c>
      <c r="E2197" s="52" t="s">
        <v>26</v>
      </c>
      <c r="F2197" s="52" t="s">
        <v>81</v>
      </c>
      <c r="G2197" s="52" t="s">
        <v>82</v>
      </c>
      <c r="H2197" s="4">
        <v>1</v>
      </c>
      <c r="I2197" s="2">
        <v>14.65</v>
      </c>
      <c r="J2197" s="52" t="s">
        <v>6152</v>
      </c>
      <c r="K2197" s="71" t="s">
        <v>6153</v>
      </c>
      <c r="L2197" s="52" t="s">
        <v>2063</v>
      </c>
      <c r="M2197" s="72">
        <v>7387</v>
      </c>
      <c r="N2197" s="52" t="s">
        <v>2072</v>
      </c>
      <c r="O2197" s="52" t="s">
        <v>2073</v>
      </c>
      <c r="P2197" s="52"/>
      <c r="Q2197" s="52"/>
      <c r="R2197" s="52"/>
      <c r="S2197" s="52"/>
      <c r="T2197" s="52"/>
      <c r="U2197" s="52"/>
      <c r="V2197" s="52"/>
      <c r="W2197" s="52"/>
    </row>
    <row r="2198" spans="1:23" hidden="1" x14ac:dyDescent="0.35">
      <c r="A2198" s="52" t="s">
        <v>78</v>
      </c>
      <c r="B2198" s="52" t="s">
        <v>79</v>
      </c>
      <c r="C2198" s="3">
        <v>20</v>
      </c>
      <c r="D2198" s="52" t="s">
        <v>85</v>
      </c>
      <c r="E2198" s="52" t="s">
        <v>26</v>
      </c>
      <c r="F2198" s="52" t="s">
        <v>81</v>
      </c>
      <c r="G2198" s="52" t="s">
        <v>82</v>
      </c>
      <c r="H2198" s="4">
        <v>1</v>
      </c>
      <c r="I2198" s="2">
        <v>14.65</v>
      </c>
      <c r="J2198" s="52" t="s">
        <v>6154</v>
      </c>
      <c r="K2198" s="71" t="s">
        <v>6155</v>
      </c>
      <c r="L2198" s="52" t="s">
        <v>2063</v>
      </c>
      <c r="M2198" s="72">
        <v>9683</v>
      </c>
      <c r="N2198" s="52"/>
      <c r="O2198" s="52"/>
      <c r="P2198" s="52"/>
      <c r="Q2198" s="52"/>
      <c r="R2198" s="52"/>
      <c r="S2198" s="52"/>
      <c r="T2198" s="52"/>
      <c r="U2198" s="52"/>
      <c r="V2198" s="52"/>
      <c r="W2198" s="52"/>
    </row>
    <row r="2199" spans="1:23" hidden="1" x14ac:dyDescent="0.35">
      <c r="A2199" s="52" t="s">
        <v>78</v>
      </c>
      <c r="B2199" s="52" t="s">
        <v>79</v>
      </c>
      <c r="C2199" s="3">
        <v>10</v>
      </c>
      <c r="D2199" s="52" t="s">
        <v>84</v>
      </c>
      <c r="E2199" s="52" t="s">
        <v>26</v>
      </c>
      <c r="F2199" s="52" t="s">
        <v>81</v>
      </c>
      <c r="G2199" s="52" t="s">
        <v>82</v>
      </c>
      <c r="H2199" s="4">
        <v>1</v>
      </c>
      <c r="I2199" s="2">
        <v>14.65</v>
      </c>
      <c r="J2199" s="52" t="s">
        <v>5578</v>
      </c>
      <c r="K2199" s="71" t="s">
        <v>6156</v>
      </c>
      <c r="L2199" s="52" t="s">
        <v>2063</v>
      </c>
      <c r="M2199" s="72">
        <v>3488</v>
      </c>
      <c r="N2199" s="52" t="s">
        <v>2154</v>
      </c>
      <c r="O2199" s="52" t="s">
        <v>2155</v>
      </c>
      <c r="P2199" s="52"/>
      <c r="Q2199" s="52"/>
      <c r="R2199" s="52"/>
      <c r="S2199" s="52"/>
      <c r="T2199" s="52"/>
      <c r="U2199" s="52"/>
      <c r="V2199" s="52"/>
      <c r="W2199" s="52"/>
    </row>
    <row r="2200" spans="1:23" hidden="1" x14ac:dyDescent="0.35">
      <c r="A2200" s="52" t="s">
        <v>78</v>
      </c>
      <c r="B2200" s="52" t="s">
        <v>79</v>
      </c>
      <c r="C2200" s="3">
        <v>10</v>
      </c>
      <c r="D2200" s="52" t="s">
        <v>2024</v>
      </c>
      <c r="E2200" s="52" t="s">
        <v>26</v>
      </c>
      <c r="F2200" s="52" t="s">
        <v>81</v>
      </c>
      <c r="G2200" s="52" t="s">
        <v>82</v>
      </c>
      <c r="H2200" s="4">
        <v>1</v>
      </c>
      <c r="I2200" s="2">
        <v>14.65</v>
      </c>
      <c r="J2200" s="52" t="s">
        <v>6157</v>
      </c>
      <c r="K2200" s="71" t="s">
        <v>6158</v>
      </c>
      <c r="L2200" s="52" t="s">
        <v>2063</v>
      </c>
      <c r="M2200" s="72">
        <v>5799</v>
      </c>
      <c r="N2200" s="52"/>
      <c r="O2200" s="52"/>
      <c r="P2200" s="52"/>
      <c r="Q2200" s="52"/>
      <c r="R2200" s="52"/>
      <c r="S2200" s="52"/>
      <c r="T2200" s="52"/>
      <c r="U2200" s="52"/>
      <c r="V2200" s="52"/>
      <c r="W2200" s="52"/>
    </row>
    <row r="2201" spans="1:23" hidden="1" x14ac:dyDescent="0.35">
      <c r="A2201" s="52" t="s">
        <v>78</v>
      </c>
      <c r="B2201" s="52" t="s">
        <v>79</v>
      </c>
      <c r="C2201" s="3">
        <v>211</v>
      </c>
      <c r="D2201" s="52" t="s">
        <v>2023</v>
      </c>
      <c r="E2201" s="52" t="s">
        <v>26</v>
      </c>
      <c r="F2201" s="52" t="s">
        <v>81</v>
      </c>
      <c r="G2201" s="52" t="s">
        <v>82</v>
      </c>
      <c r="H2201" s="4">
        <v>1</v>
      </c>
      <c r="I2201" s="2">
        <v>14.65</v>
      </c>
      <c r="J2201" s="52" t="s">
        <v>6159</v>
      </c>
      <c r="K2201" s="71" t="s">
        <v>6160</v>
      </c>
      <c r="L2201" s="52" t="s">
        <v>2063</v>
      </c>
      <c r="M2201" s="72">
        <v>7531</v>
      </c>
      <c r="N2201" s="52"/>
      <c r="O2201" s="52"/>
      <c r="P2201" s="52"/>
      <c r="Q2201" s="52"/>
      <c r="R2201" s="52"/>
      <c r="S2201" s="52"/>
      <c r="T2201" s="52"/>
      <c r="U2201" s="52"/>
      <c r="V2201" s="52"/>
      <c r="W2201" s="52"/>
    </row>
    <row r="2202" spans="1:23" hidden="1" x14ac:dyDescent="0.35">
      <c r="A2202" s="52" t="s">
        <v>78</v>
      </c>
      <c r="B2202" s="52" t="s">
        <v>79</v>
      </c>
      <c r="C2202" s="3">
        <v>10</v>
      </c>
      <c r="D2202" s="52" t="s">
        <v>84</v>
      </c>
      <c r="E2202" s="52" t="s">
        <v>26</v>
      </c>
      <c r="F2202" s="52" t="s">
        <v>81</v>
      </c>
      <c r="G2202" s="52" t="s">
        <v>82</v>
      </c>
      <c r="H2202" s="4">
        <v>1</v>
      </c>
      <c r="I2202" s="2">
        <v>14.65</v>
      </c>
      <c r="J2202" s="52" t="s">
        <v>5370</v>
      </c>
      <c r="K2202" s="71" t="s">
        <v>6161</v>
      </c>
      <c r="L2202" s="52" t="s">
        <v>2063</v>
      </c>
      <c r="M2202" s="72">
        <v>7246</v>
      </c>
      <c r="N2202" s="52"/>
      <c r="O2202" s="52"/>
      <c r="P2202" s="52"/>
      <c r="Q2202" s="52"/>
      <c r="R2202" s="52"/>
      <c r="S2202" s="52"/>
      <c r="T2202" s="52"/>
      <c r="U2202" s="52"/>
      <c r="V2202" s="52"/>
      <c r="W2202" s="52"/>
    </row>
    <row r="2203" spans="1:23" x14ac:dyDescent="0.35">
      <c r="A2203" s="52" t="s">
        <v>78</v>
      </c>
      <c r="B2203" s="52" t="s">
        <v>79</v>
      </c>
      <c r="C2203" s="3">
        <v>20</v>
      </c>
      <c r="D2203" s="52" t="s">
        <v>80</v>
      </c>
      <c r="E2203" s="52" t="s">
        <v>26</v>
      </c>
      <c r="F2203" s="52" t="s">
        <v>81</v>
      </c>
      <c r="G2203" s="52" t="s">
        <v>82</v>
      </c>
      <c r="H2203" s="4">
        <v>1</v>
      </c>
      <c r="I2203" s="2">
        <v>14.65</v>
      </c>
      <c r="J2203" s="52" t="s">
        <v>6162</v>
      </c>
      <c r="K2203" s="71" t="s">
        <v>6163</v>
      </c>
      <c r="L2203" s="52" t="s">
        <v>2063</v>
      </c>
      <c r="M2203" s="72">
        <v>5624</v>
      </c>
      <c r="N2203" s="52" t="s">
        <v>2259</v>
      </c>
      <c r="O2203" s="52" t="s">
        <v>2260</v>
      </c>
      <c r="P2203" s="52"/>
      <c r="Q2203" s="52"/>
      <c r="R2203" s="52"/>
      <c r="S2203" s="52"/>
      <c r="T2203" s="52"/>
      <c r="U2203" s="52"/>
      <c r="V2203" s="52"/>
      <c r="W2203" s="52"/>
    </row>
    <row r="2204" spans="1:23" hidden="1" x14ac:dyDescent="0.35">
      <c r="A2204" s="52" t="s">
        <v>78</v>
      </c>
      <c r="B2204" s="52" t="s">
        <v>79</v>
      </c>
      <c r="C2204" s="3">
        <v>10</v>
      </c>
      <c r="D2204" s="52" t="s">
        <v>80</v>
      </c>
      <c r="E2204" s="52" t="s">
        <v>26</v>
      </c>
      <c r="F2204" s="52" t="s">
        <v>81</v>
      </c>
      <c r="G2204" s="52" t="s">
        <v>82</v>
      </c>
      <c r="H2204" s="4">
        <v>1</v>
      </c>
      <c r="I2204" s="2">
        <v>14.65</v>
      </c>
      <c r="J2204" s="52" t="s">
        <v>6164</v>
      </c>
      <c r="K2204" s="71" t="s">
        <v>6165</v>
      </c>
      <c r="L2204" s="52" t="s">
        <v>2063</v>
      </c>
      <c r="M2204" s="72">
        <v>6871</v>
      </c>
      <c r="N2204" s="52" t="s">
        <v>2072</v>
      </c>
      <c r="O2204" s="52" t="s">
        <v>2073</v>
      </c>
      <c r="P2204" s="52"/>
      <c r="Q2204" s="52"/>
      <c r="R2204" s="52"/>
      <c r="S2204" s="52"/>
      <c r="T2204" s="52"/>
      <c r="U2204" s="52"/>
      <c r="V2204" s="52"/>
      <c r="W2204" s="52"/>
    </row>
    <row r="2205" spans="1:23" hidden="1" x14ac:dyDescent="0.35">
      <c r="A2205" s="52" t="s">
        <v>78</v>
      </c>
      <c r="B2205" s="52" t="s">
        <v>79</v>
      </c>
      <c r="C2205" s="3">
        <v>20</v>
      </c>
      <c r="D2205" s="52" t="s">
        <v>2019</v>
      </c>
      <c r="E2205" s="52" t="s">
        <v>26</v>
      </c>
      <c r="F2205" s="52" t="s">
        <v>81</v>
      </c>
      <c r="G2205" s="52" t="s">
        <v>82</v>
      </c>
      <c r="H2205" s="4">
        <v>1</v>
      </c>
      <c r="I2205" s="2">
        <v>14.65</v>
      </c>
      <c r="J2205" s="52" t="s">
        <v>6166</v>
      </c>
      <c r="K2205" s="71" t="s">
        <v>6167</v>
      </c>
      <c r="L2205" s="52" t="s">
        <v>2063</v>
      </c>
      <c r="M2205" s="72">
        <v>3691</v>
      </c>
      <c r="N2205" s="52" t="s">
        <v>2066</v>
      </c>
      <c r="O2205" s="52" t="s">
        <v>2067</v>
      </c>
      <c r="P2205" s="52"/>
      <c r="Q2205" s="52"/>
      <c r="R2205" s="52"/>
      <c r="S2205" s="52"/>
      <c r="T2205" s="52"/>
      <c r="U2205" s="52"/>
      <c r="V2205" s="52"/>
      <c r="W2205" s="52"/>
    </row>
    <row r="2206" spans="1:23" hidden="1" x14ac:dyDescent="0.35">
      <c r="A2206" s="52" t="s">
        <v>78</v>
      </c>
      <c r="B2206" s="52" t="s">
        <v>79</v>
      </c>
      <c r="C2206" s="3">
        <v>10</v>
      </c>
      <c r="D2206" s="52" t="s">
        <v>2023</v>
      </c>
      <c r="E2206" s="52" t="s">
        <v>26</v>
      </c>
      <c r="F2206" s="52" t="s">
        <v>81</v>
      </c>
      <c r="G2206" s="52" t="s">
        <v>82</v>
      </c>
      <c r="H2206" s="4">
        <v>1</v>
      </c>
      <c r="I2206" s="2">
        <v>14.65</v>
      </c>
      <c r="J2206" s="52" t="s">
        <v>5498</v>
      </c>
      <c r="K2206" s="71" t="s">
        <v>6168</v>
      </c>
      <c r="L2206" s="52" t="s">
        <v>2063</v>
      </c>
      <c r="M2206" s="72">
        <v>3391</v>
      </c>
      <c r="N2206" s="52" t="s">
        <v>2072</v>
      </c>
      <c r="O2206" s="52" t="s">
        <v>2073</v>
      </c>
      <c r="P2206" s="52"/>
      <c r="Q2206" s="52"/>
      <c r="R2206" s="52"/>
      <c r="S2206" s="52"/>
      <c r="T2206" s="52"/>
      <c r="U2206" s="52"/>
      <c r="V2206" s="52"/>
      <c r="W2206" s="52"/>
    </row>
    <row r="2207" spans="1:23" hidden="1" x14ac:dyDescent="0.35">
      <c r="A2207" s="52" t="s">
        <v>78</v>
      </c>
      <c r="B2207" s="52" t="s">
        <v>79</v>
      </c>
      <c r="C2207" s="3">
        <v>20</v>
      </c>
      <c r="D2207" s="52" t="s">
        <v>2020</v>
      </c>
      <c r="E2207" s="52" t="s">
        <v>26</v>
      </c>
      <c r="F2207" s="52" t="s">
        <v>81</v>
      </c>
      <c r="G2207" s="52" t="s">
        <v>82</v>
      </c>
      <c r="H2207" s="4">
        <v>1</v>
      </c>
      <c r="I2207" s="2">
        <v>14.65</v>
      </c>
      <c r="J2207" s="52" t="s">
        <v>6169</v>
      </c>
      <c r="K2207" s="71" t="s">
        <v>6170</v>
      </c>
      <c r="L2207" s="52" t="s">
        <v>2063</v>
      </c>
      <c r="M2207" s="72">
        <v>8560</v>
      </c>
      <c r="N2207" s="52"/>
      <c r="O2207" s="52"/>
      <c r="P2207" s="52"/>
      <c r="Q2207" s="52"/>
      <c r="R2207" s="52"/>
      <c r="S2207" s="52"/>
      <c r="T2207" s="52"/>
      <c r="U2207" s="52"/>
      <c r="V2207" s="52"/>
      <c r="W2207" s="52"/>
    </row>
    <row r="2208" spans="1:23" x14ac:dyDescent="0.35">
      <c r="A2208" s="52" t="s">
        <v>78</v>
      </c>
      <c r="B2208" s="52" t="s">
        <v>79</v>
      </c>
      <c r="C2208" s="3">
        <v>10</v>
      </c>
      <c r="D2208" s="52" t="s">
        <v>2022</v>
      </c>
      <c r="E2208" s="52" t="s">
        <v>26</v>
      </c>
      <c r="F2208" s="52" t="s">
        <v>81</v>
      </c>
      <c r="G2208" s="52" t="s">
        <v>82</v>
      </c>
      <c r="H2208" s="4">
        <v>1</v>
      </c>
      <c r="I2208" s="2">
        <v>14.65</v>
      </c>
      <c r="J2208" s="52" t="s">
        <v>5697</v>
      </c>
      <c r="K2208" s="71" t="s">
        <v>6171</v>
      </c>
      <c r="L2208" s="52" t="s">
        <v>2063</v>
      </c>
      <c r="M2208" s="72">
        <v>2030</v>
      </c>
      <c r="N2208" s="52" t="s">
        <v>2259</v>
      </c>
      <c r="O2208" s="52" t="s">
        <v>2260</v>
      </c>
      <c r="P2208" s="52"/>
      <c r="Q2208" s="52"/>
      <c r="R2208" s="52"/>
      <c r="S2208" s="52"/>
      <c r="T2208" s="52"/>
      <c r="U2208" s="52"/>
      <c r="V2208" s="52"/>
      <c r="W2208" s="52"/>
    </row>
    <row r="2209" spans="1:23" hidden="1" x14ac:dyDescent="0.35">
      <c r="A2209" s="52" t="s">
        <v>78</v>
      </c>
      <c r="B2209" s="52" t="s">
        <v>79</v>
      </c>
      <c r="C2209" s="3">
        <v>10</v>
      </c>
      <c r="D2209" s="52" t="s">
        <v>84</v>
      </c>
      <c r="E2209" s="52" t="s">
        <v>26</v>
      </c>
      <c r="F2209" s="52" t="s">
        <v>81</v>
      </c>
      <c r="G2209" s="52" t="s">
        <v>82</v>
      </c>
      <c r="H2209" s="4">
        <v>1</v>
      </c>
      <c r="I2209" s="2">
        <v>14.65</v>
      </c>
      <c r="J2209" s="52" t="s">
        <v>6172</v>
      </c>
      <c r="K2209" s="71" t="s">
        <v>6173</v>
      </c>
      <c r="L2209" s="52" t="s">
        <v>2063</v>
      </c>
      <c r="M2209" s="72">
        <v>8731</v>
      </c>
      <c r="N2209" s="52" t="s">
        <v>2072</v>
      </c>
      <c r="O2209" s="52" t="s">
        <v>2073</v>
      </c>
      <c r="P2209" s="52"/>
      <c r="Q2209" s="52"/>
      <c r="R2209" s="52"/>
      <c r="S2209" s="52"/>
      <c r="T2209" s="52"/>
      <c r="U2209" s="52"/>
      <c r="V2209" s="52"/>
      <c r="W2209" s="52"/>
    </row>
    <row r="2210" spans="1:23" hidden="1" x14ac:dyDescent="0.35">
      <c r="A2210" s="52" t="s">
        <v>78</v>
      </c>
      <c r="B2210" s="52" t="s">
        <v>79</v>
      </c>
      <c r="C2210" s="3">
        <v>222</v>
      </c>
      <c r="D2210" s="52" t="s">
        <v>86</v>
      </c>
      <c r="E2210" s="52" t="s">
        <v>26</v>
      </c>
      <c r="F2210" s="52" t="s">
        <v>81</v>
      </c>
      <c r="G2210" s="52" t="s">
        <v>82</v>
      </c>
      <c r="H2210" s="4">
        <v>1</v>
      </c>
      <c r="I2210" s="2">
        <v>14.65</v>
      </c>
      <c r="J2210" s="52" t="s">
        <v>6174</v>
      </c>
      <c r="K2210" s="71" t="s">
        <v>6175</v>
      </c>
      <c r="L2210" s="52" t="s">
        <v>2063</v>
      </c>
      <c r="M2210" s="72">
        <v>8382</v>
      </c>
      <c r="N2210" s="52" t="s">
        <v>2066</v>
      </c>
      <c r="O2210" s="52" t="s">
        <v>2067</v>
      </c>
      <c r="P2210" s="52"/>
      <c r="Q2210" s="52"/>
      <c r="R2210" s="52"/>
      <c r="S2210" s="52"/>
      <c r="T2210" s="52"/>
      <c r="U2210" s="52"/>
      <c r="V2210" s="52"/>
      <c r="W2210" s="52"/>
    </row>
    <row r="2211" spans="1:23" hidden="1" x14ac:dyDescent="0.35">
      <c r="A2211" s="52" t="s">
        <v>78</v>
      </c>
      <c r="B2211" s="52" t="s">
        <v>79</v>
      </c>
      <c r="C2211" s="3">
        <v>20</v>
      </c>
      <c r="D2211" s="52" t="s">
        <v>2023</v>
      </c>
      <c r="E2211" s="52" t="s">
        <v>26</v>
      </c>
      <c r="F2211" s="52" t="s">
        <v>81</v>
      </c>
      <c r="G2211" s="52" t="s">
        <v>82</v>
      </c>
      <c r="H2211" s="4">
        <v>1</v>
      </c>
      <c r="I2211" s="2">
        <v>14.65</v>
      </c>
      <c r="J2211" s="52" t="s">
        <v>6176</v>
      </c>
      <c r="K2211" s="71" t="s">
        <v>6177</v>
      </c>
      <c r="L2211" s="52" t="s">
        <v>2063</v>
      </c>
      <c r="M2211" s="72">
        <v>2309</v>
      </c>
      <c r="N2211" s="52" t="s">
        <v>2072</v>
      </c>
      <c r="O2211" s="52" t="s">
        <v>2073</v>
      </c>
      <c r="P2211" s="52"/>
      <c r="Q2211" s="52"/>
      <c r="R2211" s="52"/>
      <c r="S2211" s="52"/>
      <c r="T2211" s="52"/>
      <c r="U2211" s="52"/>
      <c r="V2211" s="52"/>
      <c r="W2211" s="52"/>
    </row>
    <row r="2212" spans="1:23" hidden="1" x14ac:dyDescent="0.35">
      <c r="A2212" s="52" t="s">
        <v>78</v>
      </c>
      <c r="B2212" s="52" t="s">
        <v>79</v>
      </c>
      <c r="C2212" s="3">
        <v>10</v>
      </c>
      <c r="D2212" s="52" t="s">
        <v>2020</v>
      </c>
      <c r="E2212" s="52" t="s">
        <v>26</v>
      </c>
      <c r="F2212" s="52" t="s">
        <v>81</v>
      </c>
      <c r="G2212" s="52" t="s">
        <v>82</v>
      </c>
      <c r="H2212" s="4">
        <v>1</v>
      </c>
      <c r="I2212" s="2">
        <v>14.65</v>
      </c>
      <c r="J2212" s="52" t="s">
        <v>6178</v>
      </c>
      <c r="K2212" s="71" t="s">
        <v>6179</v>
      </c>
      <c r="L2212" s="52" t="s">
        <v>2063</v>
      </c>
      <c r="M2212" s="72">
        <v>4966</v>
      </c>
      <c r="N2212" s="52" t="s">
        <v>2072</v>
      </c>
      <c r="O2212" s="52" t="s">
        <v>2073</v>
      </c>
      <c r="P2212" s="52"/>
      <c r="Q2212" s="52"/>
      <c r="R2212" s="52"/>
      <c r="S2212" s="52"/>
      <c r="T2212" s="52"/>
      <c r="U2212" s="52"/>
      <c r="V2212" s="52"/>
      <c r="W2212" s="52"/>
    </row>
    <row r="2213" spans="1:23" hidden="1" x14ac:dyDescent="0.35">
      <c r="A2213" s="52" t="s">
        <v>78</v>
      </c>
      <c r="B2213" s="52" t="s">
        <v>79</v>
      </c>
      <c r="C2213" s="3">
        <v>10</v>
      </c>
      <c r="D2213" s="52" t="s">
        <v>80</v>
      </c>
      <c r="E2213" s="52" t="s">
        <v>26</v>
      </c>
      <c r="F2213" s="52" t="s">
        <v>81</v>
      </c>
      <c r="G2213" s="52" t="s">
        <v>82</v>
      </c>
      <c r="H2213" s="4">
        <v>1</v>
      </c>
      <c r="I2213" s="2">
        <v>14.65</v>
      </c>
      <c r="J2213" s="52" t="s">
        <v>6180</v>
      </c>
      <c r="K2213" s="71" t="s">
        <v>6181</v>
      </c>
      <c r="L2213" s="52" t="s">
        <v>2063</v>
      </c>
      <c r="M2213" s="72">
        <v>8624</v>
      </c>
      <c r="N2213" s="52" t="s">
        <v>2072</v>
      </c>
      <c r="O2213" s="52" t="s">
        <v>2073</v>
      </c>
      <c r="P2213" s="52"/>
      <c r="Q2213" s="52"/>
      <c r="R2213" s="52"/>
      <c r="S2213" s="52"/>
      <c r="T2213" s="52"/>
      <c r="U2213" s="52"/>
      <c r="V2213" s="52"/>
      <c r="W2213" s="52"/>
    </row>
    <row r="2214" spans="1:23" hidden="1" x14ac:dyDescent="0.35">
      <c r="A2214" s="52" t="s">
        <v>78</v>
      </c>
      <c r="B2214" s="52" t="s">
        <v>79</v>
      </c>
      <c r="C2214" s="3">
        <v>10</v>
      </c>
      <c r="D2214" s="52" t="s">
        <v>86</v>
      </c>
      <c r="E2214" s="52" t="s">
        <v>26</v>
      </c>
      <c r="F2214" s="52" t="s">
        <v>81</v>
      </c>
      <c r="G2214" s="52" t="s">
        <v>82</v>
      </c>
      <c r="H2214" s="4">
        <v>1</v>
      </c>
      <c r="I2214" s="2">
        <v>14.65</v>
      </c>
      <c r="J2214" s="52" t="s">
        <v>6182</v>
      </c>
      <c r="K2214" s="71" t="s">
        <v>6183</v>
      </c>
      <c r="L2214" s="52" t="s">
        <v>2063</v>
      </c>
      <c r="M2214" s="72">
        <v>2165</v>
      </c>
      <c r="N2214" s="52" t="s">
        <v>2072</v>
      </c>
      <c r="O2214" s="52" t="s">
        <v>2073</v>
      </c>
      <c r="P2214" s="52"/>
      <c r="Q2214" s="52"/>
      <c r="R2214" s="52"/>
      <c r="S2214" s="52"/>
      <c r="T2214" s="52"/>
      <c r="U2214" s="52"/>
      <c r="V2214" s="52"/>
      <c r="W2214" s="52"/>
    </row>
    <row r="2215" spans="1:23" hidden="1" x14ac:dyDescent="0.35">
      <c r="A2215" s="52" t="s">
        <v>78</v>
      </c>
      <c r="B2215" s="52" t="s">
        <v>79</v>
      </c>
      <c r="C2215" s="3">
        <v>10</v>
      </c>
      <c r="D2215" s="52" t="s">
        <v>85</v>
      </c>
      <c r="E2215" s="52" t="s">
        <v>26</v>
      </c>
      <c r="F2215" s="52" t="s">
        <v>81</v>
      </c>
      <c r="G2215" s="52" t="s">
        <v>82</v>
      </c>
      <c r="H2215" s="4">
        <v>1</v>
      </c>
      <c r="I2215" s="2">
        <v>14.65</v>
      </c>
      <c r="J2215" s="52" t="s">
        <v>6184</v>
      </c>
      <c r="K2215" s="71" t="s">
        <v>6185</v>
      </c>
      <c r="L2215" s="52" t="s">
        <v>2063</v>
      </c>
      <c r="M2215" s="72">
        <v>7081</v>
      </c>
      <c r="N2215" s="52" t="s">
        <v>2304</v>
      </c>
      <c r="O2215" s="52" t="s">
        <v>2305</v>
      </c>
      <c r="P2215" s="52"/>
      <c r="Q2215" s="52"/>
      <c r="R2215" s="52"/>
      <c r="S2215" s="52"/>
      <c r="T2215" s="52"/>
      <c r="U2215" s="52"/>
      <c r="V2215" s="52"/>
      <c r="W2215" s="52"/>
    </row>
    <row r="2216" spans="1:23" hidden="1" x14ac:dyDescent="0.35">
      <c r="A2216" s="52" t="s">
        <v>78</v>
      </c>
      <c r="B2216" s="52" t="s">
        <v>79</v>
      </c>
      <c r="C2216" s="3">
        <v>10</v>
      </c>
      <c r="D2216" s="52" t="s">
        <v>2022</v>
      </c>
      <c r="E2216" s="52" t="s">
        <v>26</v>
      </c>
      <c r="F2216" s="52" t="s">
        <v>81</v>
      </c>
      <c r="G2216" s="52" t="s">
        <v>82</v>
      </c>
      <c r="H2216" s="4">
        <v>1</v>
      </c>
      <c r="I2216" s="2">
        <v>14.65</v>
      </c>
      <c r="J2216" s="52" t="s">
        <v>6186</v>
      </c>
      <c r="K2216" s="71" t="s">
        <v>6187</v>
      </c>
      <c r="L2216" s="52" t="s">
        <v>2063</v>
      </c>
      <c r="M2216" s="72">
        <v>5888</v>
      </c>
      <c r="N2216" s="52" t="s">
        <v>2072</v>
      </c>
      <c r="O2216" s="52" t="s">
        <v>2073</v>
      </c>
      <c r="P2216" s="52"/>
      <c r="Q2216" s="52"/>
      <c r="R2216" s="52"/>
      <c r="S2216" s="52"/>
      <c r="T2216" s="52"/>
      <c r="U2216" s="52"/>
      <c r="V2216" s="52"/>
      <c r="W2216" s="52"/>
    </row>
    <row r="2217" spans="1:23" hidden="1" x14ac:dyDescent="0.35">
      <c r="A2217" s="52" t="s">
        <v>78</v>
      </c>
      <c r="B2217" s="52" t="s">
        <v>79</v>
      </c>
      <c r="C2217" s="3">
        <v>20</v>
      </c>
      <c r="D2217" s="52" t="s">
        <v>2021</v>
      </c>
      <c r="E2217" s="52" t="s">
        <v>26</v>
      </c>
      <c r="F2217" s="52" t="s">
        <v>81</v>
      </c>
      <c r="G2217" s="52" t="s">
        <v>82</v>
      </c>
      <c r="H2217" s="4">
        <v>1</v>
      </c>
      <c r="I2217" s="2">
        <v>14.65</v>
      </c>
      <c r="J2217" s="52" t="s">
        <v>6188</v>
      </c>
      <c r="K2217" s="71" t="s">
        <v>6189</v>
      </c>
      <c r="L2217" s="52" t="s">
        <v>2063</v>
      </c>
      <c r="M2217" s="72">
        <v>7518</v>
      </c>
      <c r="N2217" s="52" t="s">
        <v>2072</v>
      </c>
      <c r="O2217" s="52" t="s">
        <v>2073</v>
      </c>
      <c r="P2217" s="52"/>
      <c r="Q2217" s="52"/>
      <c r="R2217" s="52"/>
      <c r="S2217" s="52"/>
      <c r="T2217" s="52"/>
      <c r="U2217" s="52"/>
      <c r="V2217" s="52"/>
      <c r="W2217" s="52"/>
    </row>
    <row r="2218" spans="1:23" hidden="1" x14ac:dyDescent="0.35">
      <c r="A2218" s="52" t="s">
        <v>78</v>
      </c>
      <c r="B2218" s="52" t="s">
        <v>79</v>
      </c>
      <c r="C2218" s="3">
        <v>20</v>
      </c>
      <c r="D2218" s="52" t="s">
        <v>85</v>
      </c>
      <c r="E2218" s="52" t="s">
        <v>26</v>
      </c>
      <c r="F2218" s="52" t="s">
        <v>81</v>
      </c>
      <c r="G2218" s="52" t="s">
        <v>82</v>
      </c>
      <c r="H2218" s="4">
        <v>1</v>
      </c>
      <c r="I2218" s="2">
        <v>14.65</v>
      </c>
      <c r="J2218" s="52" t="s">
        <v>6190</v>
      </c>
      <c r="K2218" s="71" t="s">
        <v>6191</v>
      </c>
      <c r="L2218" s="52" t="s">
        <v>2063</v>
      </c>
      <c r="M2218" s="72">
        <v>6834</v>
      </c>
      <c r="N2218" s="52" t="s">
        <v>2072</v>
      </c>
      <c r="O2218" s="52" t="s">
        <v>2073</v>
      </c>
      <c r="P2218" s="52"/>
      <c r="Q2218" s="52"/>
      <c r="R2218" s="52"/>
      <c r="S2218" s="52"/>
      <c r="T2218" s="52"/>
      <c r="U2218" s="52"/>
      <c r="V2218" s="52"/>
      <c r="W2218" s="52"/>
    </row>
    <row r="2219" spans="1:23" hidden="1" x14ac:dyDescent="0.35">
      <c r="A2219" s="52" t="s">
        <v>78</v>
      </c>
      <c r="B2219" s="52" t="s">
        <v>79</v>
      </c>
      <c r="C2219" s="3">
        <v>211</v>
      </c>
      <c r="D2219" s="52" t="s">
        <v>87</v>
      </c>
      <c r="E2219" s="52" t="s">
        <v>26</v>
      </c>
      <c r="F2219" s="52" t="s">
        <v>81</v>
      </c>
      <c r="G2219" s="52" t="s">
        <v>82</v>
      </c>
      <c r="H2219" s="4">
        <v>1</v>
      </c>
      <c r="I2219" s="2">
        <v>14.65</v>
      </c>
      <c r="J2219" s="52" t="s">
        <v>6192</v>
      </c>
      <c r="K2219" s="71" t="s">
        <v>6193</v>
      </c>
      <c r="L2219" s="52" t="s">
        <v>2063</v>
      </c>
      <c r="M2219" s="72">
        <v>8018</v>
      </c>
      <c r="N2219" s="52" t="s">
        <v>2072</v>
      </c>
      <c r="O2219" s="52" t="s">
        <v>2073</v>
      </c>
      <c r="P2219" s="52"/>
      <c r="Q2219" s="52"/>
      <c r="R2219" s="52"/>
      <c r="S2219" s="52"/>
      <c r="T2219" s="52"/>
      <c r="U2219" s="52"/>
      <c r="V2219" s="52"/>
      <c r="W2219" s="52"/>
    </row>
    <row r="2220" spans="1:23" hidden="1" x14ac:dyDescent="0.35">
      <c r="A2220" s="52" t="s">
        <v>78</v>
      </c>
      <c r="B2220" s="52" t="s">
        <v>79</v>
      </c>
      <c r="C2220" s="3">
        <v>20</v>
      </c>
      <c r="D2220" s="52" t="s">
        <v>2020</v>
      </c>
      <c r="E2220" s="52" t="s">
        <v>26</v>
      </c>
      <c r="F2220" s="52" t="s">
        <v>81</v>
      </c>
      <c r="G2220" s="52" t="s">
        <v>82</v>
      </c>
      <c r="H2220" s="4">
        <v>1</v>
      </c>
      <c r="I2220" s="2">
        <v>14.65</v>
      </c>
      <c r="J2220" s="52" t="s">
        <v>5941</v>
      </c>
      <c r="K2220" s="71" t="s">
        <v>6194</v>
      </c>
      <c r="L2220" s="52" t="s">
        <v>2063</v>
      </c>
      <c r="M2220" s="72">
        <v>2937</v>
      </c>
      <c r="N2220" s="52" t="s">
        <v>2072</v>
      </c>
      <c r="O2220" s="52" t="s">
        <v>2073</v>
      </c>
      <c r="P2220" s="52"/>
      <c r="Q2220" s="52"/>
      <c r="R2220" s="52"/>
      <c r="S2220" s="52"/>
      <c r="T2220" s="52"/>
      <c r="U2220" s="52"/>
      <c r="V2220" s="52"/>
      <c r="W2220" s="52"/>
    </row>
    <row r="2221" spans="1:23" hidden="1" x14ac:dyDescent="0.35">
      <c r="A2221" s="52" t="s">
        <v>78</v>
      </c>
      <c r="B2221" s="52" t="s">
        <v>79</v>
      </c>
      <c r="C2221" s="3">
        <v>211</v>
      </c>
      <c r="D2221" s="52" t="s">
        <v>2022</v>
      </c>
      <c r="E2221" s="52" t="s">
        <v>26</v>
      </c>
      <c r="F2221" s="52" t="s">
        <v>81</v>
      </c>
      <c r="G2221" s="52" t="s">
        <v>82</v>
      </c>
      <c r="H2221" s="4">
        <v>1</v>
      </c>
      <c r="I2221" s="2">
        <v>14.65</v>
      </c>
      <c r="J2221" s="52" t="s">
        <v>5629</v>
      </c>
      <c r="K2221" s="71" t="s">
        <v>6195</v>
      </c>
      <c r="L2221" s="52" t="s">
        <v>2063</v>
      </c>
      <c r="M2221" s="72">
        <v>8362</v>
      </c>
      <c r="N2221" s="52" t="s">
        <v>2072</v>
      </c>
      <c r="O2221" s="52" t="s">
        <v>2073</v>
      </c>
      <c r="P2221" s="52"/>
      <c r="Q2221" s="52"/>
      <c r="R2221" s="52"/>
      <c r="S2221" s="52"/>
      <c r="T2221" s="52"/>
      <c r="U2221" s="52"/>
      <c r="V2221" s="52"/>
      <c r="W2221" s="52"/>
    </row>
    <row r="2222" spans="1:23" hidden="1" x14ac:dyDescent="0.35">
      <c r="A2222" s="52" t="s">
        <v>78</v>
      </c>
      <c r="B2222" s="52" t="s">
        <v>79</v>
      </c>
      <c r="C2222" s="3">
        <v>10</v>
      </c>
      <c r="D2222" s="52" t="s">
        <v>2019</v>
      </c>
      <c r="E2222" s="52" t="s">
        <v>26</v>
      </c>
      <c r="F2222" s="52" t="s">
        <v>81</v>
      </c>
      <c r="G2222" s="52" t="s">
        <v>82</v>
      </c>
      <c r="H2222" s="4">
        <v>1</v>
      </c>
      <c r="I2222" s="2">
        <v>14.65</v>
      </c>
      <c r="J2222" s="52" t="s">
        <v>6196</v>
      </c>
      <c r="K2222" s="71" t="s">
        <v>6197</v>
      </c>
      <c r="L2222" s="52" t="s">
        <v>2063</v>
      </c>
      <c r="M2222" s="72">
        <v>4356</v>
      </c>
      <c r="N2222" s="52" t="s">
        <v>2072</v>
      </c>
      <c r="O2222" s="52" t="s">
        <v>2073</v>
      </c>
      <c r="P2222" s="52"/>
      <c r="Q2222" s="52"/>
      <c r="R2222" s="52"/>
      <c r="S2222" s="52"/>
      <c r="T2222" s="52"/>
      <c r="U2222" s="52"/>
      <c r="V2222" s="52"/>
      <c r="W2222" s="52"/>
    </row>
    <row r="2223" spans="1:23" hidden="1" x14ac:dyDescent="0.35">
      <c r="A2223" s="52" t="s">
        <v>78</v>
      </c>
      <c r="B2223" s="52" t="s">
        <v>79</v>
      </c>
      <c r="C2223" s="3">
        <v>10</v>
      </c>
      <c r="D2223" s="52" t="s">
        <v>2022</v>
      </c>
      <c r="E2223" s="52" t="s">
        <v>26</v>
      </c>
      <c r="F2223" s="52" t="s">
        <v>81</v>
      </c>
      <c r="G2223" s="52" t="s">
        <v>82</v>
      </c>
      <c r="H2223" s="4">
        <v>1</v>
      </c>
      <c r="I2223" s="2">
        <v>14.65</v>
      </c>
      <c r="J2223" s="52" t="s">
        <v>5535</v>
      </c>
      <c r="K2223" s="71" t="s">
        <v>6198</v>
      </c>
      <c r="L2223" s="52" t="s">
        <v>2063</v>
      </c>
      <c r="M2223" s="72">
        <v>6035</v>
      </c>
      <c r="N2223" s="52" t="s">
        <v>2072</v>
      </c>
      <c r="O2223" s="52" t="s">
        <v>2073</v>
      </c>
      <c r="P2223" s="52"/>
      <c r="Q2223" s="52"/>
      <c r="R2223" s="52"/>
      <c r="S2223" s="52"/>
      <c r="T2223" s="52"/>
      <c r="U2223" s="52"/>
      <c r="V2223" s="52"/>
      <c r="W2223" s="52"/>
    </row>
    <row r="2224" spans="1:23" hidden="1" x14ac:dyDescent="0.35">
      <c r="A2224" s="52" t="s">
        <v>78</v>
      </c>
      <c r="B2224" s="52" t="s">
        <v>79</v>
      </c>
      <c r="C2224" s="3">
        <v>10</v>
      </c>
      <c r="D2224" s="52" t="s">
        <v>84</v>
      </c>
      <c r="E2224" s="52" t="s">
        <v>26</v>
      </c>
      <c r="F2224" s="52" t="s">
        <v>81</v>
      </c>
      <c r="G2224" s="52" t="s">
        <v>82</v>
      </c>
      <c r="H2224" s="4">
        <v>1</v>
      </c>
      <c r="I2224" s="2">
        <v>14.65</v>
      </c>
      <c r="J2224" s="52" t="s">
        <v>5661</v>
      </c>
      <c r="K2224" s="71" t="s">
        <v>6199</v>
      </c>
      <c r="L2224" s="52" t="s">
        <v>2063</v>
      </c>
      <c r="M2224" s="72">
        <v>1794</v>
      </c>
      <c r="N2224" s="52" t="s">
        <v>2072</v>
      </c>
      <c r="O2224" s="52" t="s">
        <v>2073</v>
      </c>
      <c r="P2224" s="52"/>
      <c r="Q2224" s="52"/>
      <c r="R2224" s="52"/>
      <c r="S2224" s="52"/>
      <c r="T2224" s="52"/>
      <c r="U2224" s="52"/>
      <c r="V2224" s="52"/>
      <c r="W2224" s="52"/>
    </row>
    <row r="2225" spans="1:23" hidden="1" x14ac:dyDescent="0.35">
      <c r="A2225" s="52" t="s">
        <v>78</v>
      </c>
      <c r="B2225" s="52" t="s">
        <v>79</v>
      </c>
      <c r="C2225" s="3">
        <v>211</v>
      </c>
      <c r="D2225" s="52" t="s">
        <v>84</v>
      </c>
      <c r="E2225" s="52" t="s">
        <v>26</v>
      </c>
      <c r="F2225" s="52" t="s">
        <v>81</v>
      </c>
      <c r="G2225" s="52" t="s">
        <v>82</v>
      </c>
      <c r="H2225" s="4">
        <v>1</v>
      </c>
      <c r="I2225" s="2">
        <v>14.65</v>
      </c>
      <c r="J2225" s="52" t="s">
        <v>6200</v>
      </c>
      <c r="K2225" s="71" t="s">
        <v>6201</v>
      </c>
      <c r="L2225" s="52" t="s">
        <v>2063</v>
      </c>
      <c r="M2225" s="72">
        <v>3803</v>
      </c>
      <c r="N2225" s="52"/>
      <c r="O2225" s="52"/>
      <c r="P2225" s="52"/>
      <c r="Q2225" s="52"/>
      <c r="R2225" s="52"/>
      <c r="S2225" s="52"/>
      <c r="T2225" s="52"/>
      <c r="U2225" s="52"/>
      <c r="V2225" s="52"/>
      <c r="W2225" s="52"/>
    </row>
    <row r="2226" spans="1:23" hidden="1" x14ac:dyDescent="0.35">
      <c r="A2226" s="52" t="s">
        <v>78</v>
      </c>
      <c r="B2226" s="52" t="s">
        <v>79</v>
      </c>
      <c r="C2226" s="3">
        <v>20</v>
      </c>
      <c r="D2226" s="52" t="s">
        <v>86</v>
      </c>
      <c r="E2226" s="52" t="s">
        <v>26</v>
      </c>
      <c r="F2226" s="52" t="s">
        <v>81</v>
      </c>
      <c r="G2226" s="52" t="s">
        <v>82</v>
      </c>
      <c r="H2226" s="4">
        <v>1</v>
      </c>
      <c r="I2226" s="2">
        <v>14.65</v>
      </c>
      <c r="J2226" s="52" t="s">
        <v>6202</v>
      </c>
      <c r="K2226" s="71" t="s">
        <v>6203</v>
      </c>
      <c r="L2226" s="52" t="s">
        <v>2063</v>
      </c>
      <c r="M2226" s="72">
        <v>1246</v>
      </c>
      <c r="N2226" s="52" t="s">
        <v>2154</v>
      </c>
      <c r="O2226" s="52" t="s">
        <v>2155</v>
      </c>
      <c r="P2226" s="52"/>
      <c r="Q2226" s="52"/>
      <c r="R2226" s="52"/>
      <c r="S2226" s="52"/>
      <c r="T2226" s="52"/>
      <c r="U2226" s="52"/>
      <c r="V2226" s="52"/>
      <c r="W2226" s="52"/>
    </row>
    <row r="2227" spans="1:23" x14ac:dyDescent="0.35">
      <c r="A2227" s="52" t="s">
        <v>78</v>
      </c>
      <c r="B2227" s="52" t="s">
        <v>79</v>
      </c>
      <c r="C2227" s="3">
        <v>20</v>
      </c>
      <c r="D2227" s="52" t="s">
        <v>2024</v>
      </c>
      <c r="E2227" s="52" t="s">
        <v>26</v>
      </c>
      <c r="F2227" s="52" t="s">
        <v>81</v>
      </c>
      <c r="G2227" s="52" t="s">
        <v>82</v>
      </c>
      <c r="H2227" s="4">
        <v>1</v>
      </c>
      <c r="I2227" s="2">
        <v>14.65</v>
      </c>
      <c r="J2227" s="52" t="s">
        <v>6204</v>
      </c>
      <c r="K2227" s="71" t="s">
        <v>6205</v>
      </c>
      <c r="L2227" s="52" t="s">
        <v>2063</v>
      </c>
      <c r="M2227" s="72">
        <v>3361</v>
      </c>
      <c r="N2227" s="52" t="s">
        <v>2259</v>
      </c>
      <c r="O2227" s="52" t="s">
        <v>2260</v>
      </c>
      <c r="P2227" s="52"/>
      <c r="Q2227" s="52"/>
      <c r="R2227" s="52"/>
      <c r="S2227" s="52"/>
      <c r="T2227" s="52"/>
      <c r="U2227" s="52"/>
      <c r="V2227" s="52"/>
      <c r="W2227" s="52"/>
    </row>
    <row r="2228" spans="1:23" hidden="1" x14ac:dyDescent="0.35">
      <c r="A2228" s="52" t="s">
        <v>78</v>
      </c>
      <c r="B2228" s="52" t="s">
        <v>79</v>
      </c>
      <c r="C2228" s="3">
        <v>10</v>
      </c>
      <c r="D2228" s="52" t="s">
        <v>87</v>
      </c>
      <c r="E2228" s="52" t="s">
        <v>26</v>
      </c>
      <c r="F2228" s="52" t="s">
        <v>81</v>
      </c>
      <c r="G2228" s="52" t="s">
        <v>82</v>
      </c>
      <c r="H2228" s="4">
        <v>1</v>
      </c>
      <c r="I2228" s="2">
        <v>14.65</v>
      </c>
      <c r="J2228" s="52" t="s">
        <v>6206</v>
      </c>
      <c r="K2228" s="71" t="s">
        <v>6207</v>
      </c>
      <c r="L2228" s="52" t="s">
        <v>2063</v>
      </c>
      <c r="M2228" s="72">
        <v>4678</v>
      </c>
      <c r="N2228" s="52" t="s">
        <v>2072</v>
      </c>
      <c r="O2228" s="52" t="s">
        <v>2073</v>
      </c>
      <c r="P2228" s="52"/>
      <c r="Q2228" s="52"/>
      <c r="R2228" s="52"/>
      <c r="S2228" s="52"/>
      <c r="T2228" s="52"/>
      <c r="U2228" s="52"/>
      <c r="V2228" s="52"/>
      <c r="W2228" s="52"/>
    </row>
    <row r="2229" spans="1:23" hidden="1" x14ac:dyDescent="0.35">
      <c r="A2229" s="52" t="s">
        <v>78</v>
      </c>
      <c r="B2229" s="52" t="s">
        <v>79</v>
      </c>
      <c r="C2229" s="3">
        <v>20</v>
      </c>
      <c r="D2229" s="52" t="s">
        <v>80</v>
      </c>
      <c r="E2229" s="52" t="s">
        <v>26</v>
      </c>
      <c r="F2229" s="52" t="s">
        <v>81</v>
      </c>
      <c r="G2229" s="52" t="s">
        <v>82</v>
      </c>
      <c r="H2229" s="4">
        <v>1</v>
      </c>
      <c r="I2229" s="2">
        <v>14.65</v>
      </c>
      <c r="J2229" s="52" t="s">
        <v>6208</v>
      </c>
      <c r="K2229" s="71" t="s">
        <v>6209</v>
      </c>
      <c r="L2229" s="52" t="s">
        <v>2063</v>
      </c>
      <c r="M2229" s="72">
        <v>8793</v>
      </c>
      <c r="N2229" s="52" t="s">
        <v>2072</v>
      </c>
      <c r="O2229" s="52" t="s">
        <v>2073</v>
      </c>
      <c r="P2229" s="52"/>
      <c r="Q2229" s="52"/>
      <c r="R2229" s="52"/>
      <c r="S2229" s="52"/>
      <c r="T2229" s="52"/>
      <c r="U2229" s="52"/>
      <c r="V2229" s="52"/>
      <c r="W2229" s="52"/>
    </row>
    <row r="2230" spans="1:23" hidden="1" x14ac:dyDescent="0.35">
      <c r="A2230" s="52" t="s">
        <v>78</v>
      </c>
      <c r="B2230" s="52" t="s">
        <v>79</v>
      </c>
      <c r="C2230" s="3">
        <v>10</v>
      </c>
      <c r="D2230" s="52" t="s">
        <v>2023</v>
      </c>
      <c r="E2230" s="52" t="s">
        <v>26</v>
      </c>
      <c r="F2230" s="52" t="s">
        <v>81</v>
      </c>
      <c r="G2230" s="52" t="s">
        <v>82</v>
      </c>
      <c r="H2230" s="4">
        <v>1</v>
      </c>
      <c r="I2230" s="2">
        <v>14.65</v>
      </c>
      <c r="J2230" s="52" t="s">
        <v>5562</v>
      </c>
      <c r="K2230" s="71" t="s">
        <v>6210</v>
      </c>
      <c r="L2230" s="52" t="s">
        <v>2063</v>
      </c>
      <c r="M2230" s="72">
        <v>7551</v>
      </c>
      <c r="N2230" s="52"/>
      <c r="O2230" s="52"/>
      <c r="P2230" s="52"/>
      <c r="Q2230" s="52"/>
      <c r="R2230" s="52"/>
      <c r="S2230" s="52"/>
      <c r="T2230" s="52"/>
      <c r="U2230" s="52"/>
      <c r="V2230" s="52"/>
      <c r="W2230" s="52"/>
    </row>
    <row r="2231" spans="1:23" hidden="1" x14ac:dyDescent="0.35">
      <c r="A2231" s="52" t="s">
        <v>78</v>
      </c>
      <c r="B2231" s="52" t="s">
        <v>79</v>
      </c>
      <c r="C2231" s="3">
        <v>20</v>
      </c>
      <c r="D2231" s="52" t="s">
        <v>85</v>
      </c>
      <c r="E2231" s="52" t="s">
        <v>26</v>
      </c>
      <c r="F2231" s="52" t="s">
        <v>81</v>
      </c>
      <c r="G2231" s="52" t="s">
        <v>82</v>
      </c>
      <c r="H2231" s="4">
        <v>1</v>
      </c>
      <c r="I2231" s="2">
        <v>14.65</v>
      </c>
      <c r="J2231" s="52" t="s">
        <v>5797</v>
      </c>
      <c r="K2231" s="71" t="s">
        <v>6211</v>
      </c>
      <c r="L2231" s="52" t="s">
        <v>2063</v>
      </c>
      <c r="M2231" s="72">
        <v>6902</v>
      </c>
      <c r="N2231" s="52" t="s">
        <v>2066</v>
      </c>
      <c r="O2231" s="52" t="s">
        <v>2067</v>
      </c>
      <c r="P2231" s="52"/>
      <c r="Q2231" s="52"/>
      <c r="R2231" s="52"/>
      <c r="S2231" s="52"/>
      <c r="T2231" s="52"/>
      <c r="U2231" s="52"/>
      <c r="V2231" s="52"/>
      <c r="W2231" s="52"/>
    </row>
    <row r="2232" spans="1:23" hidden="1" x14ac:dyDescent="0.35">
      <c r="A2232" s="52" t="s">
        <v>78</v>
      </c>
      <c r="B2232" s="52" t="s">
        <v>79</v>
      </c>
      <c r="C2232" s="3">
        <v>10</v>
      </c>
      <c r="D2232" s="52" t="s">
        <v>2023</v>
      </c>
      <c r="E2232" s="52" t="s">
        <v>26</v>
      </c>
      <c r="F2232" s="52" t="s">
        <v>81</v>
      </c>
      <c r="G2232" s="52" t="s">
        <v>82</v>
      </c>
      <c r="H2232" s="4">
        <v>1</v>
      </c>
      <c r="I2232" s="2">
        <v>14.65</v>
      </c>
      <c r="J2232" s="52" t="s">
        <v>6212</v>
      </c>
      <c r="K2232" s="71" t="s">
        <v>6213</v>
      </c>
      <c r="L2232" s="52" t="s">
        <v>2095</v>
      </c>
      <c r="M2232" s="72">
        <v>7726</v>
      </c>
      <c r="N2232" s="52"/>
      <c r="O2232" s="52"/>
      <c r="P2232" s="52"/>
      <c r="Q2232" s="52"/>
      <c r="R2232" s="52"/>
      <c r="S2232" s="52"/>
      <c r="T2232" s="52"/>
      <c r="U2232" s="52"/>
      <c r="V2232" s="52"/>
      <c r="W2232" s="52"/>
    </row>
    <row r="2233" spans="1:23" hidden="1" x14ac:dyDescent="0.35">
      <c r="A2233" s="52" t="s">
        <v>78</v>
      </c>
      <c r="B2233" s="52" t="s">
        <v>79</v>
      </c>
      <c r="C2233" s="3">
        <v>20</v>
      </c>
      <c r="D2233" s="52" t="s">
        <v>84</v>
      </c>
      <c r="E2233" s="52" t="s">
        <v>26</v>
      </c>
      <c r="F2233" s="52" t="s">
        <v>81</v>
      </c>
      <c r="G2233" s="52" t="s">
        <v>82</v>
      </c>
      <c r="H2233" s="4">
        <v>1</v>
      </c>
      <c r="I2233" s="2">
        <v>14.65</v>
      </c>
      <c r="J2233" s="52" t="s">
        <v>6214</v>
      </c>
      <c r="K2233" s="71" t="s">
        <v>6215</v>
      </c>
      <c r="L2233" s="52" t="s">
        <v>2095</v>
      </c>
      <c r="M2233" s="72">
        <v>2892</v>
      </c>
      <c r="N2233" s="52"/>
      <c r="O2233" s="52"/>
      <c r="P2233" s="52"/>
      <c r="Q2233" s="52"/>
      <c r="R2233" s="52"/>
      <c r="S2233" s="52"/>
      <c r="T2233" s="52"/>
      <c r="U2233" s="52"/>
      <c r="V2233" s="52"/>
      <c r="W2233" s="52"/>
    </row>
    <row r="2234" spans="1:23" x14ac:dyDescent="0.35">
      <c r="A2234" s="52" t="s">
        <v>78</v>
      </c>
      <c r="B2234" s="52" t="s">
        <v>79</v>
      </c>
      <c r="C2234" s="3">
        <v>211</v>
      </c>
      <c r="D2234" s="52" t="s">
        <v>87</v>
      </c>
      <c r="E2234" s="52" t="s">
        <v>26</v>
      </c>
      <c r="F2234" s="52" t="s">
        <v>81</v>
      </c>
      <c r="G2234" s="52" t="s">
        <v>82</v>
      </c>
      <c r="H2234" s="4">
        <v>1</v>
      </c>
      <c r="I2234" s="2">
        <v>14.65</v>
      </c>
      <c r="J2234" s="52" t="s">
        <v>6216</v>
      </c>
      <c r="K2234" s="71" t="s">
        <v>6217</v>
      </c>
      <c r="L2234" s="52" t="s">
        <v>2063</v>
      </c>
      <c r="M2234" s="72">
        <v>5357</v>
      </c>
      <c r="N2234" s="52" t="s">
        <v>2259</v>
      </c>
      <c r="O2234" s="52" t="s">
        <v>2260</v>
      </c>
      <c r="P2234" s="52"/>
      <c r="Q2234" s="52"/>
      <c r="R2234" s="52"/>
      <c r="S2234" s="52"/>
      <c r="T2234" s="52"/>
      <c r="U2234" s="52"/>
      <c r="V2234" s="52"/>
      <c r="W2234" s="52"/>
    </row>
    <row r="2235" spans="1:23" hidden="1" x14ac:dyDescent="0.35">
      <c r="A2235" s="52" t="s">
        <v>78</v>
      </c>
      <c r="B2235" s="52" t="s">
        <v>79</v>
      </c>
      <c r="C2235" s="3">
        <v>20</v>
      </c>
      <c r="D2235" s="52" t="s">
        <v>2021</v>
      </c>
      <c r="E2235" s="52" t="s">
        <v>26</v>
      </c>
      <c r="F2235" s="52" t="s">
        <v>81</v>
      </c>
      <c r="G2235" s="52" t="s">
        <v>82</v>
      </c>
      <c r="H2235" s="4">
        <v>1</v>
      </c>
      <c r="I2235" s="2">
        <v>14.65</v>
      </c>
      <c r="J2235" s="52" t="s">
        <v>6218</v>
      </c>
      <c r="K2235" s="71" t="s">
        <v>6219</v>
      </c>
      <c r="L2235" s="52" t="s">
        <v>2063</v>
      </c>
      <c r="M2235" s="72">
        <v>2937</v>
      </c>
      <c r="N2235" s="52" t="s">
        <v>2066</v>
      </c>
      <c r="O2235" s="52" t="s">
        <v>2067</v>
      </c>
      <c r="P2235" s="52"/>
      <c r="Q2235" s="52"/>
      <c r="R2235" s="52"/>
      <c r="S2235" s="52"/>
      <c r="T2235" s="52"/>
      <c r="U2235" s="52"/>
      <c r="V2235" s="52"/>
      <c r="W2235" s="52"/>
    </row>
    <row r="2236" spans="1:23" hidden="1" x14ac:dyDescent="0.35">
      <c r="A2236" s="52" t="s">
        <v>78</v>
      </c>
      <c r="B2236" s="52" t="s">
        <v>79</v>
      </c>
      <c r="C2236" s="3">
        <v>20</v>
      </c>
      <c r="D2236" s="52" t="s">
        <v>86</v>
      </c>
      <c r="E2236" s="52" t="s">
        <v>26</v>
      </c>
      <c r="F2236" s="52" t="s">
        <v>81</v>
      </c>
      <c r="G2236" s="52" t="s">
        <v>82</v>
      </c>
      <c r="H2236" s="4">
        <v>1</v>
      </c>
      <c r="I2236" s="2">
        <v>14.65</v>
      </c>
      <c r="J2236" s="52" t="s">
        <v>6220</v>
      </c>
      <c r="K2236" s="71" t="s">
        <v>6221</v>
      </c>
      <c r="L2236" s="52" t="s">
        <v>2063</v>
      </c>
      <c r="M2236" s="72">
        <v>8325</v>
      </c>
      <c r="N2236" s="52" t="s">
        <v>2072</v>
      </c>
      <c r="O2236" s="52" t="s">
        <v>2073</v>
      </c>
      <c r="P2236" s="52"/>
      <c r="Q2236" s="52"/>
      <c r="R2236" s="52"/>
      <c r="S2236" s="52"/>
      <c r="T2236" s="52"/>
      <c r="U2236" s="52"/>
      <c r="V2236" s="52"/>
      <c r="W2236" s="52"/>
    </row>
    <row r="2237" spans="1:23" hidden="1" x14ac:dyDescent="0.35">
      <c r="A2237" s="52" t="s">
        <v>78</v>
      </c>
      <c r="B2237" s="52" t="s">
        <v>79</v>
      </c>
      <c r="C2237" s="3">
        <v>10</v>
      </c>
      <c r="D2237" s="52" t="s">
        <v>84</v>
      </c>
      <c r="E2237" s="52" t="s">
        <v>26</v>
      </c>
      <c r="F2237" s="52" t="s">
        <v>81</v>
      </c>
      <c r="G2237" s="52" t="s">
        <v>82</v>
      </c>
      <c r="H2237" s="4">
        <v>1</v>
      </c>
      <c r="I2237" s="2">
        <v>14.65</v>
      </c>
      <c r="J2237" s="52" t="s">
        <v>5663</v>
      </c>
      <c r="K2237" s="71" t="s">
        <v>6222</v>
      </c>
      <c r="L2237" s="52" t="s">
        <v>2063</v>
      </c>
      <c r="M2237" s="72">
        <v>2396</v>
      </c>
      <c r="N2237" s="52" t="s">
        <v>2066</v>
      </c>
      <c r="O2237" s="52" t="s">
        <v>2067</v>
      </c>
      <c r="P2237" s="52"/>
      <c r="Q2237" s="52"/>
      <c r="R2237" s="52"/>
      <c r="S2237" s="52"/>
      <c r="T2237" s="52"/>
      <c r="U2237" s="52"/>
      <c r="V2237" s="52"/>
      <c r="W2237" s="52"/>
    </row>
    <row r="2238" spans="1:23" hidden="1" x14ac:dyDescent="0.35">
      <c r="A2238" s="52" t="s">
        <v>78</v>
      </c>
      <c r="B2238" s="52" t="s">
        <v>79</v>
      </c>
      <c r="C2238" s="3">
        <v>20</v>
      </c>
      <c r="D2238" s="52" t="s">
        <v>2020</v>
      </c>
      <c r="E2238" s="52" t="s">
        <v>26</v>
      </c>
      <c r="F2238" s="52" t="s">
        <v>81</v>
      </c>
      <c r="G2238" s="52" t="s">
        <v>82</v>
      </c>
      <c r="H2238" s="4">
        <v>1</v>
      </c>
      <c r="I2238" s="2">
        <v>14.65</v>
      </c>
      <c r="J2238" s="52" t="s">
        <v>6223</v>
      </c>
      <c r="K2238" s="71" t="s">
        <v>6224</v>
      </c>
      <c r="L2238" s="52" t="s">
        <v>2063</v>
      </c>
      <c r="M2238" s="72">
        <v>6510</v>
      </c>
      <c r="N2238" s="52"/>
      <c r="O2238" s="52"/>
      <c r="P2238" s="52"/>
      <c r="Q2238" s="52"/>
      <c r="R2238" s="52"/>
      <c r="S2238" s="52"/>
      <c r="T2238" s="52"/>
      <c r="U2238" s="52"/>
      <c r="V2238" s="52"/>
      <c r="W2238" s="52"/>
    </row>
    <row r="2239" spans="1:23" hidden="1" x14ac:dyDescent="0.35">
      <c r="A2239" s="52" t="s">
        <v>78</v>
      </c>
      <c r="B2239" s="52" t="s">
        <v>79</v>
      </c>
      <c r="C2239" s="3">
        <v>20</v>
      </c>
      <c r="D2239" s="52" t="s">
        <v>2021</v>
      </c>
      <c r="E2239" s="52" t="s">
        <v>26</v>
      </c>
      <c r="F2239" s="52" t="s">
        <v>81</v>
      </c>
      <c r="G2239" s="52" t="s">
        <v>82</v>
      </c>
      <c r="H2239" s="4">
        <v>1</v>
      </c>
      <c r="I2239" s="2">
        <v>14.65</v>
      </c>
      <c r="J2239" s="52" t="s">
        <v>6225</v>
      </c>
      <c r="K2239" s="71" t="s">
        <v>6226</v>
      </c>
      <c r="L2239" s="52" t="s">
        <v>2063</v>
      </c>
      <c r="M2239" s="72">
        <v>7653</v>
      </c>
      <c r="N2239" s="52" t="s">
        <v>2066</v>
      </c>
      <c r="O2239" s="52" t="s">
        <v>2067</v>
      </c>
      <c r="P2239" s="52"/>
      <c r="Q2239" s="52"/>
      <c r="R2239" s="52"/>
      <c r="S2239" s="52"/>
      <c r="T2239" s="52"/>
      <c r="U2239" s="52"/>
      <c r="V2239" s="52"/>
      <c r="W2239" s="52"/>
    </row>
    <row r="2240" spans="1:23" hidden="1" x14ac:dyDescent="0.35">
      <c r="A2240" s="52" t="s">
        <v>78</v>
      </c>
      <c r="B2240" s="52" t="s">
        <v>79</v>
      </c>
      <c r="C2240" s="3">
        <v>20</v>
      </c>
      <c r="D2240" s="52" t="s">
        <v>80</v>
      </c>
      <c r="E2240" s="52" t="s">
        <v>26</v>
      </c>
      <c r="F2240" s="52" t="s">
        <v>81</v>
      </c>
      <c r="G2240" s="52" t="s">
        <v>82</v>
      </c>
      <c r="H2240" s="4">
        <v>1</v>
      </c>
      <c r="I2240" s="2">
        <v>14.65</v>
      </c>
      <c r="J2240" s="52" t="s">
        <v>6227</v>
      </c>
      <c r="K2240" s="71" t="s">
        <v>6228</v>
      </c>
      <c r="L2240" s="52" t="s">
        <v>2063</v>
      </c>
      <c r="M2240" s="72">
        <v>9507</v>
      </c>
      <c r="N2240" s="52" t="s">
        <v>2066</v>
      </c>
      <c r="O2240" s="52" t="s">
        <v>2067</v>
      </c>
      <c r="P2240" s="52"/>
      <c r="Q2240" s="52"/>
      <c r="R2240" s="52"/>
      <c r="S2240" s="52"/>
      <c r="T2240" s="52"/>
      <c r="U2240" s="52"/>
      <c r="V2240" s="52"/>
      <c r="W2240" s="52"/>
    </row>
    <row r="2241" spans="1:23" hidden="1" x14ac:dyDescent="0.35">
      <c r="A2241" s="52" t="s">
        <v>78</v>
      </c>
      <c r="B2241" s="52" t="s">
        <v>79</v>
      </c>
      <c r="C2241" s="3">
        <v>20</v>
      </c>
      <c r="D2241" s="52" t="s">
        <v>2021</v>
      </c>
      <c r="E2241" s="52" t="s">
        <v>26</v>
      </c>
      <c r="F2241" s="52" t="s">
        <v>81</v>
      </c>
      <c r="G2241" s="52" t="s">
        <v>82</v>
      </c>
      <c r="H2241" s="4">
        <v>1</v>
      </c>
      <c r="I2241" s="2">
        <v>14.65</v>
      </c>
      <c r="J2241" s="52" t="s">
        <v>6229</v>
      </c>
      <c r="K2241" s="71" t="s">
        <v>6230</v>
      </c>
      <c r="L2241" s="52" t="s">
        <v>2063</v>
      </c>
      <c r="M2241" s="72">
        <v>6866</v>
      </c>
      <c r="N2241" s="52" t="s">
        <v>2066</v>
      </c>
      <c r="O2241" s="52" t="s">
        <v>2067</v>
      </c>
      <c r="P2241" s="52"/>
      <c r="Q2241" s="52"/>
      <c r="R2241" s="52"/>
      <c r="S2241" s="52"/>
      <c r="T2241" s="52"/>
      <c r="U2241" s="52"/>
      <c r="V2241" s="52"/>
      <c r="W2241" s="52"/>
    </row>
    <row r="2242" spans="1:23" hidden="1" x14ac:dyDescent="0.35">
      <c r="A2242" s="52" t="s">
        <v>78</v>
      </c>
      <c r="B2242" s="52" t="s">
        <v>79</v>
      </c>
      <c r="C2242" s="3">
        <v>20</v>
      </c>
      <c r="D2242" s="52" t="s">
        <v>80</v>
      </c>
      <c r="E2242" s="52" t="s">
        <v>26</v>
      </c>
      <c r="F2242" s="52" t="s">
        <v>81</v>
      </c>
      <c r="G2242" s="52" t="s">
        <v>82</v>
      </c>
      <c r="H2242" s="4">
        <v>1</v>
      </c>
      <c r="I2242" s="2">
        <v>14.65</v>
      </c>
      <c r="J2242" s="52" t="s">
        <v>6231</v>
      </c>
      <c r="K2242" s="71" t="s">
        <v>6232</v>
      </c>
      <c r="L2242" s="52" t="s">
        <v>2063</v>
      </c>
      <c r="M2242" s="72">
        <v>1035</v>
      </c>
      <c r="N2242" s="52" t="s">
        <v>2072</v>
      </c>
      <c r="O2242" s="52" t="s">
        <v>2073</v>
      </c>
      <c r="P2242" s="52"/>
      <c r="Q2242" s="52"/>
      <c r="R2242" s="52"/>
      <c r="S2242" s="52"/>
      <c r="T2242" s="52"/>
      <c r="U2242" s="52"/>
      <c r="V2242" s="52"/>
      <c r="W2242" s="52"/>
    </row>
    <row r="2243" spans="1:23" hidden="1" x14ac:dyDescent="0.35">
      <c r="A2243" s="52" t="s">
        <v>78</v>
      </c>
      <c r="B2243" s="52" t="s">
        <v>79</v>
      </c>
      <c r="C2243" s="3">
        <v>10</v>
      </c>
      <c r="D2243" s="52" t="s">
        <v>86</v>
      </c>
      <c r="E2243" s="52" t="s">
        <v>26</v>
      </c>
      <c r="F2243" s="52" t="s">
        <v>81</v>
      </c>
      <c r="G2243" s="52" t="s">
        <v>82</v>
      </c>
      <c r="H2243" s="4">
        <v>1</v>
      </c>
      <c r="I2243" s="2">
        <v>14.65</v>
      </c>
      <c r="J2243" s="52" t="s">
        <v>6233</v>
      </c>
      <c r="K2243" s="71" t="s">
        <v>6234</v>
      </c>
      <c r="L2243" s="52" t="s">
        <v>2063</v>
      </c>
      <c r="M2243" s="72">
        <v>9273</v>
      </c>
      <c r="N2243" s="52"/>
      <c r="O2243" s="52"/>
      <c r="P2243" s="52"/>
      <c r="Q2243" s="52"/>
      <c r="R2243" s="52"/>
      <c r="S2243" s="52"/>
      <c r="T2243" s="52"/>
      <c r="U2243" s="52"/>
      <c r="V2243" s="52"/>
      <c r="W2243" s="52"/>
    </row>
    <row r="2244" spans="1:23" hidden="1" x14ac:dyDescent="0.35">
      <c r="A2244" s="52" t="s">
        <v>78</v>
      </c>
      <c r="B2244" s="52" t="s">
        <v>79</v>
      </c>
      <c r="C2244" s="3">
        <v>212</v>
      </c>
      <c r="D2244" s="52" t="s">
        <v>2022</v>
      </c>
      <c r="E2244" s="52" t="s">
        <v>26</v>
      </c>
      <c r="F2244" s="52" t="s">
        <v>81</v>
      </c>
      <c r="G2244" s="52" t="s">
        <v>82</v>
      </c>
      <c r="H2244" s="4">
        <v>1</v>
      </c>
      <c r="I2244" s="2">
        <v>14.65</v>
      </c>
      <c r="J2244" s="52" t="s">
        <v>6235</v>
      </c>
      <c r="K2244" s="71" t="s">
        <v>6236</v>
      </c>
      <c r="L2244" s="52" t="s">
        <v>2063</v>
      </c>
      <c r="M2244" s="72">
        <v>9742</v>
      </c>
      <c r="N2244" s="52"/>
      <c r="O2244" s="52"/>
      <c r="P2244" s="52"/>
      <c r="Q2244" s="52"/>
      <c r="R2244" s="52"/>
      <c r="S2244" s="52"/>
      <c r="T2244" s="52"/>
      <c r="U2244" s="52"/>
      <c r="V2244" s="52"/>
      <c r="W2244" s="52"/>
    </row>
    <row r="2245" spans="1:23" hidden="1" x14ac:dyDescent="0.35">
      <c r="A2245" s="52" t="s">
        <v>78</v>
      </c>
      <c r="B2245" s="52" t="s">
        <v>79</v>
      </c>
      <c r="C2245" s="3">
        <v>10</v>
      </c>
      <c r="D2245" s="52" t="s">
        <v>80</v>
      </c>
      <c r="E2245" s="52" t="s">
        <v>26</v>
      </c>
      <c r="F2245" s="52" t="s">
        <v>81</v>
      </c>
      <c r="G2245" s="52" t="s">
        <v>82</v>
      </c>
      <c r="H2245" s="4">
        <v>1</v>
      </c>
      <c r="I2245" s="2">
        <v>14.65</v>
      </c>
      <c r="J2245" s="52" t="s">
        <v>6237</v>
      </c>
      <c r="K2245" s="71" t="s">
        <v>6238</v>
      </c>
      <c r="L2245" s="52" t="s">
        <v>2063</v>
      </c>
      <c r="M2245" s="72">
        <v>8177</v>
      </c>
      <c r="N2245" s="52" t="s">
        <v>2072</v>
      </c>
      <c r="O2245" s="52" t="s">
        <v>2073</v>
      </c>
      <c r="P2245" s="52"/>
      <c r="Q2245" s="52"/>
      <c r="R2245" s="52"/>
      <c r="S2245" s="52"/>
      <c r="T2245" s="52"/>
      <c r="U2245" s="52"/>
      <c r="V2245" s="52"/>
      <c r="W2245" s="52"/>
    </row>
    <row r="2246" spans="1:23" hidden="1" x14ac:dyDescent="0.35">
      <c r="A2246" s="52" t="s">
        <v>78</v>
      </c>
      <c r="B2246" s="52" t="s">
        <v>79</v>
      </c>
      <c r="C2246" s="3">
        <v>10</v>
      </c>
      <c r="D2246" s="52" t="s">
        <v>2021</v>
      </c>
      <c r="E2246" s="52" t="s">
        <v>26</v>
      </c>
      <c r="F2246" s="52" t="s">
        <v>81</v>
      </c>
      <c r="G2246" s="52" t="s">
        <v>82</v>
      </c>
      <c r="H2246" s="4">
        <v>1</v>
      </c>
      <c r="I2246" s="2">
        <v>14.65</v>
      </c>
      <c r="J2246" s="52" t="s">
        <v>6239</v>
      </c>
      <c r="K2246" s="71" t="s">
        <v>6240</v>
      </c>
      <c r="L2246" s="52" t="s">
        <v>2063</v>
      </c>
      <c r="M2246" s="72">
        <v>1349</v>
      </c>
      <c r="N2246" s="52"/>
      <c r="O2246" s="52"/>
      <c r="P2246" s="52"/>
      <c r="Q2246" s="52"/>
      <c r="R2246" s="52"/>
      <c r="S2246" s="52"/>
      <c r="T2246" s="52"/>
      <c r="U2246" s="52"/>
      <c r="V2246" s="52"/>
      <c r="W2246" s="52"/>
    </row>
    <row r="2247" spans="1:23" hidden="1" x14ac:dyDescent="0.35">
      <c r="A2247" s="52" t="s">
        <v>78</v>
      </c>
      <c r="B2247" s="52" t="s">
        <v>79</v>
      </c>
      <c r="C2247" s="3">
        <v>10</v>
      </c>
      <c r="D2247" s="52" t="s">
        <v>85</v>
      </c>
      <c r="E2247" s="52" t="s">
        <v>26</v>
      </c>
      <c r="F2247" s="52" t="s">
        <v>81</v>
      </c>
      <c r="G2247" s="52" t="s">
        <v>82</v>
      </c>
      <c r="H2247" s="4">
        <v>1</v>
      </c>
      <c r="I2247" s="2">
        <v>14.65</v>
      </c>
      <c r="J2247" s="52" t="s">
        <v>6241</v>
      </c>
      <c r="K2247" s="71" t="s">
        <v>6242</v>
      </c>
      <c r="L2247" s="52" t="s">
        <v>2063</v>
      </c>
      <c r="M2247" s="72">
        <v>381</v>
      </c>
      <c r="N2247" s="52" t="s">
        <v>2158</v>
      </c>
      <c r="O2247" s="52" t="s">
        <v>2159</v>
      </c>
      <c r="P2247" s="52"/>
      <c r="Q2247" s="52"/>
      <c r="R2247" s="52"/>
      <c r="S2247" s="52"/>
      <c r="T2247" s="52"/>
      <c r="U2247" s="52"/>
      <c r="V2247" s="52"/>
      <c r="W2247" s="52"/>
    </row>
    <row r="2248" spans="1:23" hidden="1" x14ac:dyDescent="0.35">
      <c r="A2248" s="52" t="s">
        <v>78</v>
      </c>
      <c r="B2248" s="52" t="s">
        <v>79</v>
      </c>
      <c r="C2248" s="3">
        <v>20</v>
      </c>
      <c r="D2248" s="52" t="s">
        <v>80</v>
      </c>
      <c r="E2248" s="52" t="s">
        <v>26</v>
      </c>
      <c r="F2248" s="52" t="s">
        <v>81</v>
      </c>
      <c r="G2248" s="52" t="s">
        <v>82</v>
      </c>
      <c r="H2248" s="4">
        <v>1</v>
      </c>
      <c r="I2248" s="2">
        <v>14.65</v>
      </c>
      <c r="J2248" s="52" t="s">
        <v>4735</v>
      </c>
      <c r="K2248" s="71" t="s">
        <v>6243</v>
      </c>
      <c r="L2248" s="52" t="s">
        <v>2063</v>
      </c>
      <c r="M2248" s="72">
        <v>3686</v>
      </c>
      <c r="N2248" s="52"/>
      <c r="O2248" s="52"/>
      <c r="P2248" s="52"/>
      <c r="Q2248" s="52"/>
      <c r="R2248" s="52"/>
      <c r="S2248" s="52"/>
      <c r="T2248" s="52"/>
      <c r="U2248" s="52"/>
      <c r="V2248" s="52"/>
      <c r="W2248" s="52"/>
    </row>
    <row r="2249" spans="1:23" x14ac:dyDescent="0.35">
      <c r="A2249" s="52" t="s">
        <v>78</v>
      </c>
      <c r="B2249" s="52" t="s">
        <v>79</v>
      </c>
      <c r="C2249" s="3">
        <v>211</v>
      </c>
      <c r="D2249" s="52" t="s">
        <v>2023</v>
      </c>
      <c r="E2249" s="52" t="s">
        <v>26</v>
      </c>
      <c r="F2249" s="52" t="s">
        <v>81</v>
      </c>
      <c r="G2249" s="52" t="s">
        <v>82</v>
      </c>
      <c r="H2249" s="4">
        <v>1</v>
      </c>
      <c r="I2249" s="2">
        <v>14.65</v>
      </c>
      <c r="J2249" s="52" t="s">
        <v>6244</v>
      </c>
      <c r="K2249" s="71" t="s">
        <v>6245</v>
      </c>
      <c r="L2249" s="52" t="s">
        <v>2063</v>
      </c>
      <c r="M2249" s="72">
        <v>9654</v>
      </c>
      <c r="N2249" s="52" t="s">
        <v>2259</v>
      </c>
      <c r="O2249" s="52" t="s">
        <v>2260</v>
      </c>
      <c r="P2249" s="52" t="s">
        <v>2259</v>
      </c>
      <c r="Q2249" s="52" t="s">
        <v>2260</v>
      </c>
      <c r="R2249" s="52"/>
      <c r="S2249" s="52"/>
      <c r="T2249" s="52"/>
      <c r="U2249" s="52"/>
      <c r="V2249" s="52"/>
      <c r="W2249" s="52"/>
    </row>
    <row r="2250" spans="1:23" x14ac:dyDescent="0.35">
      <c r="A2250" s="52" t="s">
        <v>78</v>
      </c>
      <c r="B2250" s="52" t="s">
        <v>79</v>
      </c>
      <c r="C2250" s="3">
        <v>212</v>
      </c>
      <c r="D2250" s="52" t="s">
        <v>87</v>
      </c>
      <c r="E2250" s="52" t="s">
        <v>26</v>
      </c>
      <c r="F2250" s="52" t="s">
        <v>81</v>
      </c>
      <c r="G2250" s="52" t="s">
        <v>82</v>
      </c>
      <c r="H2250" s="4">
        <v>1</v>
      </c>
      <c r="I2250" s="2">
        <v>14.65</v>
      </c>
      <c r="J2250" s="52" t="s">
        <v>6246</v>
      </c>
      <c r="K2250" s="71" t="s">
        <v>6247</v>
      </c>
      <c r="L2250" s="52" t="s">
        <v>2063</v>
      </c>
      <c r="M2250" s="72">
        <v>4086</v>
      </c>
      <c r="N2250" s="52" t="s">
        <v>2076</v>
      </c>
      <c r="O2250" s="52" t="s">
        <v>2077</v>
      </c>
      <c r="P2250" s="52"/>
      <c r="Q2250" s="52"/>
      <c r="R2250" s="52"/>
      <c r="S2250" s="52"/>
      <c r="T2250" s="52"/>
      <c r="U2250" s="52"/>
      <c r="V2250" s="52"/>
      <c r="W2250" s="52"/>
    </row>
    <row r="2251" spans="1:23" hidden="1" x14ac:dyDescent="0.35">
      <c r="A2251" s="52" t="s">
        <v>78</v>
      </c>
      <c r="B2251" s="52" t="s">
        <v>79</v>
      </c>
      <c r="C2251" s="3">
        <v>20</v>
      </c>
      <c r="D2251" s="52" t="s">
        <v>83</v>
      </c>
      <c r="E2251" s="52" t="s">
        <v>26</v>
      </c>
      <c r="F2251" s="52" t="s">
        <v>81</v>
      </c>
      <c r="G2251" s="52" t="s">
        <v>82</v>
      </c>
      <c r="H2251" s="4">
        <v>1</v>
      </c>
      <c r="I2251" s="2">
        <v>14.65</v>
      </c>
      <c r="J2251" s="52" t="s">
        <v>5778</v>
      </c>
      <c r="K2251" s="71" t="s">
        <v>6248</v>
      </c>
      <c r="L2251" s="52" t="s">
        <v>2063</v>
      </c>
      <c r="M2251" s="72">
        <v>6012</v>
      </c>
      <c r="N2251" s="52" t="s">
        <v>2072</v>
      </c>
      <c r="O2251" s="52" t="s">
        <v>2073</v>
      </c>
      <c r="P2251" s="52"/>
      <c r="Q2251" s="52"/>
      <c r="R2251" s="52"/>
      <c r="S2251" s="52"/>
      <c r="T2251" s="52"/>
      <c r="U2251" s="52"/>
      <c r="V2251" s="52"/>
      <c r="W2251" s="52"/>
    </row>
    <row r="2252" spans="1:23" hidden="1" x14ac:dyDescent="0.35">
      <c r="A2252" s="52" t="s">
        <v>78</v>
      </c>
      <c r="B2252" s="52" t="s">
        <v>79</v>
      </c>
      <c r="C2252" s="3">
        <v>20</v>
      </c>
      <c r="D2252" s="52" t="s">
        <v>2024</v>
      </c>
      <c r="E2252" s="52" t="s">
        <v>26</v>
      </c>
      <c r="F2252" s="52" t="s">
        <v>81</v>
      </c>
      <c r="G2252" s="52" t="s">
        <v>82</v>
      </c>
      <c r="H2252" s="4">
        <v>1</v>
      </c>
      <c r="I2252" s="2">
        <v>14.65</v>
      </c>
      <c r="J2252" s="52" t="s">
        <v>6249</v>
      </c>
      <c r="K2252" s="71" t="s">
        <v>6250</v>
      </c>
      <c r="L2252" s="52" t="s">
        <v>2063</v>
      </c>
      <c r="M2252" s="72">
        <v>958</v>
      </c>
      <c r="N2252" s="52" t="s">
        <v>2066</v>
      </c>
      <c r="O2252" s="52" t="s">
        <v>2067</v>
      </c>
      <c r="P2252" s="52"/>
      <c r="Q2252" s="52"/>
      <c r="R2252" s="52"/>
      <c r="S2252" s="52"/>
      <c r="T2252" s="52"/>
      <c r="U2252" s="52"/>
      <c r="V2252" s="52"/>
      <c r="W2252" s="52"/>
    </row>
    <row r="2253" spans="1:23" hidden="1" x14ac:dyDescent="0.35">
      <c r="A2253" s="52" t="s">
        <v>78</v>
      </c>
      <c r="B2253" s="52" t="s">
        <v>79</v>
      </c>
      <c r="C2253" s="3">
        <v>10</v>
      </c>
      <c r="D2253" s="52" t="s">
        <v>2021</v>
      </c>
      <c r="E2253" s="52" t="s">
        <v>26</v>
      </c>
      <c r="F2253" s="52" t="s">
        <v>81</v>
      </c>
      <c r="G2253" s="52" t="s">
        <v>82</v>
      </c>
      <c r="H2253" s="4">
        <v>1</v>
      </c>
      <c r="I2253" s="2">
        <v>14.65</v>
      </c>
      <c r="J2253" s="52" t="s">
        <v>6251</v>
      </c>
      <c r="K2253" s="71" t="s">
        <v>6252</v>
      </c>
      <c r="L2253" s="52" t="s">
        <v>2063</v>
      </c>
      <c r="M2253" s="72">
        <v>497</v>
      </c>
      <c r="N2253" s="52" t="s">
        <v>2072</v>
      </c>
      <c r="O2253" s="52" t="s">
        <v>2073</v>
      </c>
      <c r="P2253" s="52"/>
      <c r="Q2253" s="52"/>
      <c r="R2253" s="52"/>
      <c r="S2253" s="52"/>
      <c r="T2253" s="52"/>
      <c r="U2253" s="52"/>
      <c r="V2253" s="52"/>
      <c r="W2253" s="52"/>
    </row>
    <row r="2254" spans="1:23" hidden="1" x14ac:dyDescent="0.35">
      <c r="A2254" s="52" t="s">
        <v>78</v>
      </c>
      <c r="B2254" s="52" t="s">
        <v>79</v>
      </c>
      <c r="C2254" s="3">
        <v>20</v>
      </c>
      <c r="D2254" s="52" t="s">
        <v>83</v>
      </c>
      <c r="E2254" s="52" t="s">
        <v>26</v>
      </c>
      <c r="F2254" s="52" t="s">
        <v>81</v>
      </c>
      <c r="G2254" s="52" t="s">
        <v>82</v>
      </c>
      <c r="H2254" s="4">
        <v>1</v>
      </c>
      <c r="I2254" s="2">
        <v>14.65</v>
      </c>
      <c r="J2254" s="52" t="s">
        <v>6253</v>
      </c>
      <c r="K2254" s="71" t="s">
        <v>6254</v>
      </c>
      <c r="L2254" s="52" t="s">
        <v>2063</v>
      </c>
      <c r="M2254" s="72">
        <v>4829</v>
      </c>
      <c r="N2254" s="52" t="s">
        <v>2072</v>
      </c>
      <c r="O2254" s="52" t="s">
        <v>2073</v>
      </c>
      <c r="P2254" s="52"/>
      <c r="Q2254" s="52"/>
      <c r="R2254" s="52"/>
      <c r="S2254" s="52"/>
      <c r="T2254" s="52"/>
      <c r="U2254" s="52"/>
      <c r="V2254" s="52"/>
      <c r="W2254" s="52"/>
    </row>
    <row r="2255" spans="1:23" x14ac:dyDescent="0.35">
      <c r="A2255" s="52" t="s">
        <v>78</v>
      </c>
      <c r="B2255" s="52" t="s">
        <v>79</v>
      </c>
      <c r="C2255" s="3">
        <v>20</v>
      </c>
      <c r="D2255" s="52" t="s">
        <v>2019</v>
      </c>
      <c r="E2255" s="52" t="s">
        <v>26</v>
      </c>
      <c r="F2255" s="52" t="s">
        <v>81</v>
      </c>
      <c r="G2255" s="52" t="s">
        <v>82</v>
      </c>
      <c r="H2255" s="4">
        <v>1</v>
      </c>
      <c r="I2255" s="2">
        <v>14.65</v>
      </c>
      <c r="J2255" s="52" t="s">
        <v>6255</v>
      </c>
      <c r="K2255" s="71" t="s">
        <v>6256</v>
      </c>
      <c r="L2255" s="52" t="s">
        <v>2063</v>
      </c>
      <c r="M2255" s="72">
        <v>7565</v>
      </c>
      <c r="N2255" s="52" t="s">
        <v>2259</v>
      </c>
      <c r="O2255" s="52" t="s">
        <v>2260</v>
      </c>
      <c r="P2255" s="52"/>
      <c r="Q2255" s="52"/>
      <c r="R2255" s="52"/>
      <c r="S2255" s="52"/>
      <c r="T2255" s="52"/>
      <c r="U2255" s="52"/>
      <c r="V2255" s="52"/>
      <c r="W2255" s="52"/>
    </row>
    <row r="2256" spans="1:23" hidden="1" x14ac:dyDescent="0.35">
      <c r="A2256" s="52" t="s">
        <v>78</v>
      </c>
      <c r="B2256" s="52" t="s">
        <v>79</v>
      </c>
      <c r="C2256" s="3">
        <v>211</v>
      </c>
      <c r="D2256" s="52" t="s">
        <v>2021</v>
      </c>
      <c r="E2256" s="52" t="s">
        <v>26</v>
      </c>
      <c r="F2256" s="52" t="s">
        <v>81</v>
      </c>
      <c r="G2256" s="52" t="s">
        <v>82</v>
      </c>
      <c r="H2256" s="4">
        <v>1</v>
      </c>
      <c r="I2256" s="2">
        <v>14.65</v>
      </c>
      <c r="J2256" s="52" t="s">
        <v>5048</v>
      </c>
      <c r="K2256" s="71" t="s">
        <v>6257</v>
      </c>
      <c r="L2256" s="52" t="s">
        <v>2063</v>
      </c>
      <c r="M2256" s="72">
        <v>4386</v>
      </c>
      <c r="N2256" s="52" t="s">
        <v>2072</v>
      </c>
      <c r="O2256" s="52" t="s">
        <v>2073</v>
      </c>
      <c r="P2256" s="52"/>
      <c r="Q2256" s="52"/>
      <c r="R2256" s="52"/>
      <c r="S2256" s="52"/>
      <c r="T2256" s="52"/>
      <c r="U2256" s="52"/>
      <c r="V2256" s="52"/>
      <c r="W2256" s="52"/>
    </row>
    <row r="2257" spans="1:23" hidden="1" x14ac:dyDescent="0.35">
      <c r="A2257" s="52" t="s">
        <v>78</v>
      </c>
      <c r="B2257" s="52" t="s">
        <v>79</v>
      </c>
      <c r="C2257" s="3">
        <v>20</v>
      </c>
      <c r="D2257" s="52" t="s">
        <v>2021</v>
      </c>
      <c r="E2257" s="52" t="s">
        <v>26</v>
      </c>
      <c r="F2257" s="52" t="s">
        <v>81</v>
      </c>
      <c r="G2257" s="52" t="s">
        <v>82</v>
      </c>
      <c r="H2257" s="4">
        <v>1</v>
      </c>
      <c r="I2257" s="2">
        <v>14.65</v>
      </c>
      <c r="J2257" s="52" t="s">
        <v>5366</v>
      </c>
      <c r="K2257" s="71" t="s">
        <v>6258</v>
      </c>
      <c r="L2257" s="52" t="s">
        <v>2063</v>
      </c>
      <c r="M2257" s="72">
        <v>2731</v>
      </c>
      <c r="N2257" s="52" t="s">
        <v>2072</v>
      </c>
      <c r="O2257" s="52" t="s">
        <v>2073</v>
      </c>
      <c r="P2257" s="52"/>
      <c r="Q2257" s="52"/>
      <c r="R2257" s="52"/>
      <c r="S2257" s="52"/>
      <c r="T2257" s="52"/>
      <c r="U2257" s="52"/>
      <c r="V2257" s="52"/>
      <c r="W2257" s="52"/>
    </row>
    <row r="2258" spans="1:23" hidden="1" x14ac:dyDescent="0.35">
      <c r="A2258" s="52" t="s">
        <v>78</v>
      </c>
      <c r="B2258" s="52" t="s">
        <v>79</v>
      </c>
      <c r="C2258" s="3">
        <v>10</v>
      </c>
      <c r="D2258" s="52" t="s">
        <v>85</v>
      </c>
      <c r="E2258" s="52" t="s">
        <v>26</v>
      </c>
      <c r="F2258" s="52" t="s">
        <v>81</v>
      </c>
      <c r="G2258" s="52" t="s">
        <v>82</v>
      </c>
      <c r="H2258" s="4">
        <v>1</v>
      </c>
      <c r="I2258" s="2">
        <v>14.65</v>
      </c>
      <c r="J2258" s="52" t="s">
        <v>6259</v>
      </c>
      <c r="K2258" s="71" t="s">
        <v>6260</v>
      </c>
      <c r="L2258" s="52" t="s">
        <v>2063</v>
      </c>
      <c r="M2258" s="72">
        <v>6917</v>
      </c>
      <c r="N2258" s="52"/>
      <c r="O2258" s="52"/>
      <c r="P2258" s="52"/>
      <c r="Q2258" s="52"/>
      <c r="R2258" s="52"/>
      <c r="S2258" s="52"/>
      <c r="T2258" s="52"/>
      <c r="U2258" s="52"/>
      <c r="V2258" s="52"/>
      <c r="W2258" s="52"/>
    </row>
    <row r="2259" spans="1:23" hidden="1" x14ac:dyDescent="0.35">
      <c r="A2259" s="52" t="s">
        <v>78</v>
      </c>
      <c r="B2259" s="52" t="s">
        <v>79</v>
      </c>
      <c r="C2259" s="3">
        <v>10</v>
      </c>
      <c r="D2259" s="52" t="s">
        <v>2023</v>
      </c>
      <c r="E2259" s="52" t="s">
        <v>26</v>
      </c>
      <c r="F2259" s="52" t="s">
        <v>81</v>
      </c>
      <c r="G2259" s="52" t="s">
        <v>82</v>
      </c>
      <c r="H2259" s="4">
        <v>1</v>
      </c>
      <c r="I2259" s="2">
        <v>14.65</v>
      </c>
      <c r="J2259" s="52" t="s">
        <v>6261</v>
      </c>
      <c r="K2259" s="71" t="s">
        <v>6262</v>
      </c>
      <c r="L2259" s="52" t="s">
        <v>2063</v>
      </c>
      <c r="M2259" s="72">
        <v>6079</v>
      </c>
      <c r="N2259" s="52" t="s">
        <v>2066</v>
      </c>
      <c r="O2259" s="52" t="s">
        <v>2067</v>
      </c>
      <c r="P2259" s="52"/>
      <c r="Q2259" s="52"/>
      <c r="R2259" s="52"/>
      <c r="S2259" s="52"/>
      <c r="T2259" s="52"/>
      <c r="U2259" s="52"/>
      <c r="V2259" s="52"/>
      <c r="W2259" s="52"/>
    </row>
    <row r="2260" spans="1:23" hidden="1" x14ac:dyDescent="0.35">
      <c r="A2260" s="52" t="s">
        <v>78</v>
      </c>
      <c r="B2260" s="52" t="s">
        <v>79</v>
      </c>
      <c r="C2260" s="3">
        <v>20</v>
      </c>
      <c r="D2260" s="52" t="s">
        <v>2021</v>
      </c>
      <c r="E2260" s="52" t="s">
        <v>26</v>
      </c>
      <c r="F2260" s="52" t="s">
        <v>81</v>
      </c>
      <c r="G2260" s="52" t="s">
        <v>82</v>
      </c>
      <c r="H2260" s="4">
        <v>1</v>
      </c>
      <c r="I2260" s="2">
        <v>14.65</v>
      </c>
      <c r="J2260" s="52" t="s">
        <v>5994</v>
      </c>
      <c r="K2260" s="71" t="s">
        <v>6263</v>
      </c>
      <c r="L2260" s="52" t="s">
        <v>2063</v>
      </c>
      <c r="M2260" s="72">
        <v>3274</v>
      </c>
      <c r="N2260" s="52" t="s">
        <v>2072</v>
      </c>
      <c r="O2260" s="52" t="s">
        <v>2073</v>
      </c>
      <c r="P2260" s="52"/>
      <c r="Q2260" s="52"/>
      <c r="R2260" s="52"/>
      <c r="S2260" s="52"/>
      <c r="T2260" s="52"/>
      <c r="U2260" s="52"/>
      <c r="V2260" s="52"/>
      <c r="W2260" s="52"/>
    </row>
    <row r="2261" spans="1:23" hidden="1" x14ac:dyDescent="0.35">
      <c r="A2261" s="52" t="s">
        <v>78</v>
      </c>
      <c r="B2261" s="52" t="s">
        <v>79</v>
      </c>
      <c r="C2261" s="3">
        <v>10</v>
      </c>
      <c r="D2261" s="52" t="s">
        <v>2023</v>
      </c>
      <c r="E2261" s="52" t="s">
        <v>26</v>
      </c>
      <c r="F2261" s="52" t="s">
        <v>81</v>
      </c>
      <c r="G2261" s="52" t="s">
        <v>82</v>
      </c>
      <c r="H2261" s="4">
        <v>1</v>
      </c>
      <c r="I2261" s="2">
        <v>14.65</v>
      </c>
      <c r="J2261" s="52" t="s">
        <v>6264</v>
      </c>
      <c r="K2261" s="71" t="s">
        <v>6265</v>
      </c>
      <c r="L2261" s="52" t="s">
        <v>2063</v>
      </c>
      <c r="M2261" s="72">
        <v>7512</v>
      </c>
      <c r="N2261" s="52" t="s">
        <v>2072</v>
      </c>
      <c r="O2261" s="52" t="s">
        <v>2073</v>
      </c>
      <c r="P2261" s="52"/>
      <c r="Q2261" s="52"/>
      <c r="R2261" s="52"/>
      <c r="S2261" s="52"/>
      <c r="T2261" s="52"/>
      <c r="U2261" s="52"/>
      <c r="V2261" s="52"/>
      <c r="W2261" s="52"/>
    </row>
    <row r="2262" spans="1:23" hidden="1" x14ac:dyDescent="0.35">
      <c r="A2262" s="52" t="s">
        <v>78</v>
      </c>
      <c r="B2262" s="52" t="s">
        <v>79</v>
      </c>
      <c r="C2262" s="3">
        <v>20</v>
      </c>
      <c r="D2262" s="52" t="s">
        <v>2019</v>
      </c>
      <c r="E2262" s="52" t="s">
        <v>26</v>
      </c>
      <c r="F2262" s="52" t="s">
        <v>81</v>
      </c>
      <c r="G2262" s="52" t="s">
        <v>82</v>
      </c>
      <c r="H2262" s="4">
        <v>1</v>
      </c>
      <c r="I2262" s="2">
        <v>14.65</v>
      </c>
      <c r="J2262" s="52" t="s">
        <v>6266</v>
      </c>
      <c r="K2262" s="71" t="s">
        <v>6267</v>
      </c>
      <c r="L2262" s="52" t="s">
        <v>2063</v>
      </c>
      <c r="M2262" s="72">
        <v>8258</v>
      </c>
      <c r="N2262" s="52"/>
      <c r="O2262" s="52"/>
      <c r="P2262" s="52"/>
      <c r="Q2262" s="52"/>
      <c r="R2262" s="52"/>
      <c r="S2262" s="52"/>
      <c r="T2262" s="52"/>
      <c r="U2262" s="52"/>
      <c r="V2262" s="52"/>
      <c r="W2262" s="52"/>
    </row>
    <row r="2263" spans="1:23" x14ac:dyDescent="0.35">
      <c r="A2263" s="52" t="s">
        <v>78</v>
      </c>
      <c r="B2263" s="52" t="s">
        <v>79</v>
      </c>
      <c r="C2263" s="3">
        <v>10</v>
      </c>
      <c r="D2263" s="52" t="s">
        <v>2021</v>
      </c>
      <c r="E2263" s="52" t="s">
        <v>26</v>
      </c>
      <c r="F2263" s="52" t="s">
        <v>81</v>
      </c>
      <c r="G2263" s="52" t="s">
        <v>82</v>
      </c>
      <c r="H2263" s="4">
        <v>1</v>
      </c>
      <c r="I2263" s="2">
        <v>14.65</v>
      </c>
      <c r="J2263" s="52" t="s">
        <v>6268</v>
      </c>
      <c r="K2263" s="71" t="s">
        <v>6269</v>
      </c>
      <c r="L2263" s="52" t="s">
        <v>2063</v>
      </c>
      <c r="M2263" s="72">
        <v>6741</v>
      </c>
      <c r="N2263" s="52" t="s">
        <v>2076</v>
      </c>
      <c r="O2263" s="52" t="s">
        <v>2077</v>
      </c>
      <c r="P2263" s="52"/>
      <c r="Q2263" s="52"/>
      <c r="R2263" s="52"/>
      <c r="S2263" s="52"/>
      <c r="T2263" s="52"/>
      <c r="U2263" s="52"/>
      <c r="V2263" s="52"/>
      <c r="W2263" s="52"/>
    </row>
    <row r="2264" spans="1:23" hidden="1" x14ac:dyDescent="0.35">
      <c r="A2264" s="52" t="s">
        <v>78</v>
      </c>
      <c r="B2264" s="52" t="s">
        <v>79</v>
      </c>
      <c r="C2264" s="3">
        <v>20</v>
      </c>
      <c r="D2264" s="52" t="s">
        <v>2019</v>
      </c>
      <c r="E2264" s="52" t="s">
        <v>26</v>
      </c>
      <c r="F2264" s="52" t="s">
        <v>81</v>
      </c>
      <c r="G2264" s="52" t="s">
        <v>82</v>
      </c>
      <c r="H2264" s="4">
        <v>1</v>
      </c>
      <c r="I2264" s="2">
        <v>14.65</v>
      </c>
      <c r="J2264" s="52" t="s">
        <v>6270</v>
      </c>
      <c r="K2264" s="71" t="s">
        <v>6271</v>
      </c>
      <c r="L2264" s="52" t="s">
        <v>2063</v>
      </c>
      <c r="M2264" s="72">
        <v>3088</v>
      </c>
      <c r="N2264" s="52" t="s">
        <v>2158</v>
      </c>
      <c r="O2264" s="52" t="s">
        <v>2159</v>
      </c>
      <c r="P2264" s="52"/>
      <c r="Q2264" s="52"/>
      <c r="R2264" s="52"/>
      <c r="S2264" s="52"/>
      <c r="T2264" s="52"/>
      <c r="U2264" s="52"/>
      <c r="V2264" s="52"/>
      <c r="W2264" s="52"/>
    </row>
    <row r="2265" spans="1:23" hidden="1" x14ac:dyDescent="0.35">
      <c r="A2265" s="52" t="s">
        <v>78</v>
      </c>
      <c r="B2265" s="52" t="s">
        <v>79</v>
      </c>
      <c r="C2265" s="3">
        <v>20</v>
      </c>
      <c r="D2265" s="52" t="s">
        <v>85</v>
      </c>
      <c r="E2265" s="52" t="s">
        <v>26</v>
      </c>
      <c r="F2265" s="52" t="s">
        <v>81</v>
      </c>
      <c r="G2265" s="52" t="s">
        <v>82</v>
      </c>
      <c r="H2265" s="4">
        <v>1</v>
      </c>
      <c r="I2265" s="2">
        <v>14.65</v>
      </c>
      <c r="J2265" s="52" t="s">
        <v>6272</v>
      </c>
      <c r="K2265" s="71" t="s">
        <v>6273</v>
      </c>
      <c r="L2265" s="52" t="s">
        <v>2063</v>
      </c>
      <c r="M2265" s="72">
        <v>9524</v>
      </c>
      <c r="N2265" s="52" t="s">
        <v>2072</v>
      </c>
      <c r="O2265" s="52" t="s">
        <v>2073</v>
      </c>
      <c r="P2265" s="52"/>
      <c r="Q2265" s="52"/>
      <c r="R2265" s="52"/>
      <c r="S2265" s="52"/>
      <c r="T2265" s="52"/>
      <c r="U2265" s="52"/>
      <c r="V2265" s="52"/>
      <c r="W2265" s="52"/>
    </row>
    <row r="2266" spans="1:23" hidden="1" x14ac:dyDescent="0.35">
      <c r="A2266" s="52" t="s">
        <v>78</v>
      </c>
      <c r="B2266" s="52" t="s">
        <v>79</v>
      </c>
      <c r="C2266" s="3">
        <v>10</v>
      </c>
      <c r="D2266" s="52" t="s">
        <v>83</v>
      </c>
      <c r="E2266" s="52" t="s">
        <v>26</v>
      </c>
      <c r="F2266" s="52" t="s">
        <v>81</v>
      </c>
      <c r="G2266" s="52" t="s">
        <v>82</v>
      </c>
      <c r="H2266" s="4">
        <v>1</v>
      </c>
      <c r="I2266" s="2">
        <v>14.65</v>
      </c>
      <c r="J2266" s="52" t="s">
        <v>6274</v>
      </c>
      <c r="K2266" s="71" t="s">
        <v>6275</v>
      </c>
      <c r="L2266" s="52" t="s">
        <v>2063</v>
      </c>
      <c r="M2266" s="72">
        <v>764</v>
      </c>
      <c r="N2266" s="52" t="s">
        <v>2066</v>
      </c>
      <c r="O2266" s="52" t="s">
        <v>2067</v>
      </c>
      <c r="P2266" s="52"/>
      <c r="Q2266" s="52"/>
      <c r="R2266" s="52"/>
      <c r="S2266" s="52"/>
      <c r="T2266" s="52"/>
      <c r="U2266" s="52"/>
      <c r="V2266" s="52"/>
      <c r="W2266" s="52"/>
    </row>
    <row r="2267" spans="1:23" hidden="1" x14ac:dyDescent="0.35">
      <c r="A2267" s="52" t="s">
        <v>78</v>
      </c>
      <c r="B2267" s="52" t="s">
        <v>79</v>
      </c>
      <c r="C2267" s="3">
        <v>10</v>
      </c>
      <c r="D2267" s="52" t="s">
        <v>2022</v>
      </c>
      <c r="E2267" s="52" t="s">
        <v>26</v>
      </c>
      <c r="F2267" s="52" t="s">
        <v>81</v>
      </c>
      <c r="G2267" s="52" t="s">
        <v>82</v>
      </c>
      <c r="H2267" s="4">
        <v>1</v>
      </c>
      <c r="I2267" s="2">
        <v>14.65</v>
      </c>
      <c r="J2267" s="52" t="s">
        <v>6276</v>
      </c>
      <c r="K2267" s="71" t="s">
        <v>6277</v>
      </c>
      <c r="L2267" s="52" t="s">
        <v>2063</v>
      </c>
      <c r="M2267" s="72">
        <v>4716</v>
      </c>
      <c r="N2267" s="52"/>
      <c r="O2267" s="52"/>
      <c r="P2267" s="52"/>
      <c r="Q2267" s="52"/>
      <c r="R2267" s="52"/>
      <c r="S2267" s="52"/>
      <c r="T2267" s="52"/>
      <c r="U2267" s="52"/>
      <c r="V2267" s="52"/>
      <c r="W2267" s="52"/>
    </row>
    <row r="2268" spans="1:23" x14ac:dyDescent="0.35">
      <c r="A2268" s="52" t="s">
        <v>78</v>
      </c>
      <c r="B2268" s="52" t="s">
        <v>79</v>
      </c>
      <c r="C2268" s="3">
        <v>211</v>
      </c>
      <c r="D2268" s="52" t="s">
        <v>86</v>
      </c>
      <c r="E2268" s="52" t="s">
        <v>26</v>
      </c>
      <c r="F2268" s="52" t="s">
        <v>81</v>
      </c>
      <c r="G2268" s="52" t="s">
        <v>82</v>
      </c>
      <c r="H2268" s="4">
        <v>1</v>
      </c>
      <c r="I2268" s="2">
        <v>14.65</v>
      </c>
      <c r="J2268" s="52" t="s">
        <v>5361</v>
      </c>
      <c r="K2268" s="71" t="s">
        <v>6278</v>
      </c>
      <c r="L2268" s="52" t="s">
        <v>2063</v>
      </c>
      <c r="M2268" s="72">
        <v>3483</v>
      </c>
      <c r="N2268" s="52" t="s">
        <v>2259</v>
      </c>
      <c r="O2268" s="52" t="s">
        <v>2260</v>
      </c>
      <c r="P2268" s="52"/>
      <c r="Q2268" s="52"/>
      <c r="R2268" s="52"/>
      <c r="S2268" s="52"/>
      <c r="T2268" s="52"/>
      <c r="U2268" s="52"/>
      <c r="V2268" s="52"/>
      <c r="W2268" s="52"/>
    </row>
    <row r="2269" spans="1:23" hidden="1" x14ac:dyDescent="0.35">
      <c r="A2269" s="52" t="s">
        <v>78</v>
      </c>
      <c r="B2269" s="52" t="s">
        <v>79</v>
      </c>
      <c r="C2269" s="3">
        <v>10</v>
      </c>
      <c r="D2269" s="52" t="s">
        <v>2020</v>
      </c>
      <c r="E2269" s="52" t="s">
        <v>26</v>
      </c>
      <c r="F2269" s="52" t="s">
        <v>81</v>
      </c>
      <c r="G2269" s="52" t="s">
        <v>82</v>
      </c>
      <c r="H2269" s="4">
        <v>1</v>
      </c>
      <c r="I2269" s="2">
        <v>14.65</v>
      </c>
      <c r="J2269" s="52" t="s">
        <v>6279</v>
      </c>
      <c r="K2269" s="71" t="s">
        <v>6280</v>
      </c>
      <c r="L2269" s="52" t="s">
        <v>2063</v>
      </c>
      <c r="M2269" s="72">
        <v>396</v>
      </c>
      <c r="N2269" s="52" t="s">
        <v>2072</v>
      </c>
      <c r="O2269" s="52" t="s">
        <v>2073</v>
      </c>
      <c r="P2269" s="52"/>
      <c r="Q2269" s="52"/>
      <c r="R2269" s="52"/>
      <c r="S2269" s="52"/>
      <c r="T2269" s="52"/>
      <c r="U2269" s="52"/>
      <c r="V2269" s="52"/>
      <c r="W2269" s="52"/>
    </row>
    <row r="2270" spans="1:23" hidden="1" x14ac:dyDescent="0.35">
      <c r="A2270" s="52" t="s">
        <v>78</v>
      </c>
      <c r="B2270" s="52" t="s">
        <v>79</v>
      </c>
      <c r="C2270" s="3">
        <v>10</v>
      </c>
      <c r="D2270" s="52" t="s">
        <v>2023</v>
      </c>
      <c r="E2270" s="52" t="s">
        <v>26</v>
      </c>
      <c r="F2270" s="52" t="s">
        <v>81</v>
      </c>
      <c r="G2270" s="52" t="s">
        <v>82</v>
      </c>
      <c r="H2270" s="4">
        <v>1</v>
      </c>
      <c r="I2270" s="2">
        <v>14.65</v>
      </c>
      <c r="J2270" s="52" t="s">
        <v>4721</v>
      </c>
      <c r="K2270" s="71" t="s">
        <v>6281</v>
      </c>
      <c r="L2270" s="52" t="s">
        <v>2063</v>
      </c>
      <c r="M2270" s="72">
        <v>1125</v>
      </c>
      <c r="N2270" s="52" t="s">
        <v>2072</v>
      </c>
      <c r="O2270" s="52" t="s">
        <v>2073</v>
      </c>
      <c r="P2270" s="52"/>
      <c r="Q2270" s="52"/>
      <c r="R2270" s="52"/>
      <c r="S2270" s="52"/>
      <c r="T2270" s="52"/>
      <c r="U2270" s="52"/>
      <c r="V2270" s="52"/>
      <c r="W2270" s="52"/>
    </row>
    <row r="2271" spans="1:23" hidden="1" x14ac:dyDescent="0.35">
      <c r="A2271" s="52" t="s">
        <v>78</v>
      </c>
      <c r="B2271" s="52" t="s">
        <v>79</v>
      </c>
      <c r="C2271" s="3">
        <v>20</v>
      </c>
      <c r="D2271" s="52" t="s">
        <v>2021</v>
      </c>
      <c r="E2271" s="52" t="s">
        <v>26</v>
      </c>
      <c r="F2271" s="52" t="s">
        <v>81</v>
      </c>
      <c r="G2271" s="52" t="s">
        <v>82</v>
      </c>
      <c r="H2271" s="4">
        <v>1</v>
      </c>
      <c r="I2271" s="2">
        <v>14.65</v>
      </c>
      <c r="J2271" s="52" t="s">
        <v>6282</v>
      </c>
      <c r="K2271" s="71" t="s">
        <v>6283</v>
      </c>
      <c r="L2271" s="52" t="s">
        <v>2063</v>
      </c>
      <c r="M2271" s="72">
        <v>8820</v>
      </c>
      <c r="N2271" s="52" t="s">
        <v>2158</v>
      </c>
      <c r="O2271" s="52" t="s">
        <v>2159</v>
      </c>
      <c r="P2271" s="52"/>
      <c r="Q2271" s="52"/>
      <c r="R2271" s="52"/>
      <c r="S2271" s="52"/>
      <c r="T2271" s="52"/>
      <c r="U2271" s="52"/>
      <c r="V2271" s="52"/>
      <c r="W2271" s="52"/>
    </row>
    <row r="2272" spans="1:23" hidden="1" x14ac:dyDescent="0.35">
      <c r="A2272" s="52" t="s">
        <v>78</v>
      </c>
      <c r="B2272" s="52" t="s">
        <v>79</v>
      </c>
      <c r="C2272" s="3">
        <v>10</v>
      </c>
      <c r="D2272" s="52" t="s">
        <v>2022</v>
      </c>
      <c r="E2272" s="52" t="s">
        <v>26</v>
      </c>
      <c r="F2272" s="52" t="s">
        <v>81</v>
      </c>
      <c r="G2272" s="52" t="s">
        <v>82</v>
      </c>
      <c r="H2272" s="4">
        <v>1</v>
      </c>
      <c r="I2272" s="2">
        <v>14.65</v>
      </c>
      <c r="J2272" s="52" t="s">
        <v>6284</v>
      </c>
      <c r="K2272" s="71" t="s">
        <v>6285</v>
      </c>
      <c r="L2272" s="52" t="s">
        <v>2063</v>
      </c>
      <c r="M2272" s="72">
        <v>2028</v>
      </c>
      <c r="N2272" s="52" t="s">
        <v>2066</v>
      </c>
      <c r="O2272" s="52" t="s">
        <v>2067</v>
      </c>
      <c r="P2272" s="52"/>
      <c r="Q2272" s="52"/>
      <c r="R2272" s="52"/>
      <c r="S2272" s="52"/>
      <c r="T2272" s="52"/>
      <c r="U2272" s="52"/>
      <c r="V2272" s="52"/>
      <c r="W2272" s="52"/>
    </row>
    <row r="2273" spans="1:23" hidden="1" x14ac:dyDescent="0.35">
      <c r="A2273" s="52" t="s">
        <v>78</v>
      </c>
      <c r="B2273" s="52" t="s">
        <v>79</v>
      </c>
      <c r="C2273" s="3">
        <v>10</v>
      </c>
      <c r="D2273" s="52" t="s">
        <v>87</v>
      </c>
      <c r="E2273" s="52" t="s">
        <v>26</v>
      </c>
      <c r="F2273" s="52" t="s">
        <v>81</v>
      </c>
      <c r="G2273" s="52" t="s">
        <v>82</v>
      </c>
      <c r="H2273" s="4">
        <v>1</v>
      </c>
      <c r="I2273" s="2">
        <v>14.65</v>
      </c>
      <c r="J2273" s="52" t="s">
        <v>6286</v>
      </c>
      <c r="K2273" s="71" t="s">
        <v>6287</v>
      </c>
      <c r="L2273" s="52" t="s">
        <v>2063</v>
      </c>
      <c r="M2273" s="72">
        <v>5414</v>
      </c>
      <c r="N2273" s="52" t="s">
        <v>2072</v>
      </c>
      <c r="O2273" s="52" t="s">
        <v>2073</v>
      </c>
      <c r="P2273" s="52"/>
      <c r="Q2273" s="52"/>
      <c r="R2273" s="52"/>
      <c r="S2273" s="52"/>
      <c r="T2273" s="52"/>
      <c r="U2273" s="52"/>
      <c r="V2273" s="52"/>
      <c r="W2273" s="52"/>
    </row>
    <row r="2274" spans="1:23" hidden="1" x14ac:dyDescent="0.35">
      <c r="A2274" s="52" t="s">
        <v>78</v>
      </c>
      <c r="B2274" s="52" t="s">
        <v>79</v>
      </c>
      <c r="C2274" s="3">
        <v>20</v>
      </c>
      <c r="D2274" s="52" t="s">
        <v>2021</v>
      </c>
      <c r="E2274" s="52" t="s">
        <v>26</v>
      </c>
      <c r="F2274" s="52" t="s">
        <v>81</v>
      </c>
      <c r="G2274" s="52" t="s">
        <v>82</v>
      </c>
      <c r="H2274" s="4">
        <v>1</v>
      </c>
      <c r="I2274" s="2">
        <v>14.65</v>
      </c>
      <c r="J2274" s="52" t="s">
        <v>6288</v>
      </c>
      <c r="K2274" s="71" t="s">
        <v>6289</v>
      </c>
      <c r="L2274" s="52" t="s">
        <v>2063</v>
      </c>
      <c r="M2274" s="72">
        <v>9221</v>
      </c>
      <c r="N2274" s="52"/>
      <c r="O2274" s="52"/>
      <c r="P2274" s="52"/>
      <c r="Q2274" s="52"/>
      <c r="R2274" s="52"/>
      <c r="S2274" s="52"/>
      <c r="T2274" s="52"/>
      <c r="U2274" s="52"/>
      <c r="V2274" s="52"/>
      <c r="W2274" s="52"/>
    </row>
    <row r="2275" spans="1:23" hidden="1" x14ac:dyDescent="0.35">
      <c r="A2275" s="52" t="s">
        <v>78</v>
      </c>
      <c r="B2275" s="52" t="s">
        <v>79</v>
      </c>
      <c r="C2275" s="3">
        <v>20</v>
      </c>
      <c r="D2275" s="52" t="s">
        <v>2019</v>
      </c>
      <c r="E2275" s="52" t="s">
        <v>26</v>
      </c>
      <c r="F2275" s="52" t="s">
        <v>81</v>
      </c>
      <c r="G2275" s="52" t="s">
        <v>82</v>
      </c>
      <c r="H2275" s="4">
        <v>1</v>
      </c>
      <c r="I2275" s="2">
        <v>14.65</v>
      </c>
      <c r="J2275" s="52" t="s">
        <v>6290</v>
      </c>
      <c r="K2275" s="71" t="s">
        <v>6291</v>
      </c>
      <c r="L2275" s="52" t="s">
        <v>2063</v>
      </c>
      <c r="M2275" s="72">
        <v>1022</v>
      </c>
      <c r="N2275" s="52" t="s">
        <v>2066</v>
      </c>
      <c r="O2275" s="52" t="s">
        <v>2067</v>
      </c>
      <c r="P2275" s="52"/>
      <c r="Q2275" s="52"/>
      <c r="R2275" s="52"/>
      <c r="S2275" s="52"/>
      <c r="T2275" s="52"/>
      <c r="U2275" s="52"/>
      <c r="V2275" s="52"/>
      <c r="W2275" s="52"/>
    </row>
    <row r="2276" spans="1:23" hidden="1" x14ac:dyDescent="0.35">
      <c r="A2276" s="52" t="s">
        <v>78</v>
      </c>
      <c r="B2276" s="52" t="s">
        <v>79</v>
      </c>
      <c r="C2276" s="3">
        <v>20</v>
      </c>
      <c r="D2276" s="52" t="s">
        <v>2020</v>
      </c>
      <c r="E2276" s="52" t="s">
        <v>26</v>
      </c>
      <c r="F2276" s="52" t="s">
        <v>81</v>
      </c>
      <c r="G2276" s="52" t="s">
        <v>82</v>
      </c>
      <c r="H2276" s="4">
        <v>1</v>
      </c>
      <c r="I2276" s="2">
        <v>14.65</v>
      </c>
      <c r="J2276" s="52" t="s">
        <v>6292</v>
      </c>
      <c r="K2276" s="71" t="s">
        <v>6293</v>
      </c>
      <c r="L2276" s="52" t="s">
        <v>2063</v>
      </c>
      <c r="M2276" s="72">
        <v>849</v>
      </c>
      <c r="N2276" s="52" t="s">
        <v>2072</v>
      </c>
      <c r="O2276" s="52" t="s">
        <v>2073</v>
      </c>
      <c r="P2276" s="52"/>
      <c r="Q2276" s="52"/>
      <c r="R2276" s="52"/>
      <c r="S2276" s="52"/>
      <c r="T2276" s="52"/>
      <c r="U2276" s="52"/>
      <c r="V2276" s="52"/>
      <c r="W2276" s="52"/>
    </row>
    <row r="2277" spans="1:23" hidden="1" x14ac:dyDescent="0.35">
      <c r="A2277" s="52" t="s">
        <v>78</v>
      </c>
      <c r="B2277" s="52" t="s">
        <v>79</v>
      </c>
      <c r="C2277" s="3">
        <v>20</v>
      </c>
      <c r="D2277" s="52" t="s">
        <v>2023</v>
      </c>
      <c r="E2277" s="52" t="s">
        <v>26</v>
      </c>
      <c r="F2277" s="52" t="s">
        <v>81</v>
      </c>
      <c r="G2277" s="52" t="s">
        <v>82</v>
      </c>
      <c r="H2277" s="4">
        <v>1</v>
      </c>
      <c r="I2277" s="2">
        <v>14.65</v>
      </c>
      <c r="J2277" s="52" t="s">
        <v>6294</v>
      </c>
      <c r="K2277" s="71" t="s">
        <v>6295</v>
      </c>
      <c r="L2277" s="52" t="s">
        <v>2063</v>
      </c>
      <c r="M2277" s="72">
        <v>2525</v>
      </c>
      <c r="N2277" s="52" t="s">
        <v>2072</v>
      </c>
      <c r="O2277" s="52" t="s">
        <v>2073</v>
      </c>
      <c r="P2277" s="52"/>
      <c r="Q2277" s="52"/>
      <c r="R2277" s="52"/>
      <c r="S2277" s="52"/>
      <c r="T2277" s="52"/>
      <c r="U2277" s="52"/>
      <c r="V2277" s="52"/>
      <c r="W2277" s="52"/>
    </row>
    <row r="2278" spans="1:23" hidden="1" x14ac:dyDescent="0.35">
      <c r="A2278" s="52" t="s">
        <v>78</v>
      </c>
      <c r="B2278" s="52" t="s">
        <v>79</v>
      </c>
      <c r="C2278" s="3">
        <v>20</v>
      </c>
      <c r="D2278" s="52" t="s">
        <v>2021</v>
      </c>
      <c r="E2278" s="52" t="s">
        <v>26</v>
      </c>
      <c r="F2278" s="52" t="s">
        <v>81</v>
      </c>
      <c r="G2278" s="52" t="s">
        <v>82</v>
      </c>
      <c r="H2278" s="4">
        <v>1</v>
      </c>
      <c r="I2278" s="2">
        <v>14.65</v>
      </c>
      <c r="J2278" s="52" t="s">
        <v>6296</v>
      </c>
      <c r="K2278" s="71" t="s">
        <v>6297</v>
      </c>
      <c r="L2278" s="52" t="s">
        <v>2063</v>
      </c>
      <c r="M2278" s="72">
        <v>4011</v>
      </c>
      <c r="N2278" s="52" t="s">
        <v>2072</v>
      </c>
      <c r="O2278" s="52" t="s">
        <v>2073</v>
      </c>
      <c r="P2278" s="52"/>
      <c r="Q2278" s="52"/>
      <c r="R2278" s="52"/>
      <c r="S2278" s="52"/>
      <c r="T2278" s="52"/>
      <c r="U2278" s="52"/>
      <c r="V2278" s="52"/>
      <c r="W2278" s="52"/>
    </row>
    <row r="2279" spans="1:23" hidden="1" x14ac:dyDescent="0.35">
      <c r="A2279" s="52" t="s">
        <v>78</v>
      </c>
      <c r="B2279" s="52" t="s">
        <v>79</v>
      </c>
      <c r="C2279" s="3">
        <v>10</v>
      </c>
      <c r="D2279" s="52" t="s">
        <v>80</v>
      </c>
      <c r="E2279" s="52" t="s">
        <v>26</v>
      </c>
      <c r="F2279" s="52" t="s">
        <v>81</v>
      </c>
      <c r="G2279" s="52" t="s">
        <v>82</v>
      </c>
      <c r="H2279" s="4">
        <v>1</v>
      </c>
      <c r="I2279" s="2">
        <v>14.65</v>
      </c>
      <c r="J2279" s="52" t="s">
        <v>6298</v>
      </c>
      <c r="K2279" s="71" t="s">
        <v>6299</v>
      </c>
      <c r="L2279" s="52" t="s">
        <v>2063</v>
      </c>
      <c r="M2279" s="72">
        <v>8851</v>
      </c>
      <c r="N2279" s="52" t="s">
        <v>2072</v>
      </c>
      <c r="O2279" s="52" t="s">
        <v>2073</v>
      </c>
      <c r="P2279" s="52"/>
      <c r="Q2279" s="52"/>
      <c r="R2279" s="52"/>
      <c r="S2279" s="52"/>
      <c r="T2279" s="52"/>
      <c r="U2279" s="52"/>
      <c r="V2279" s="52"/>
      <c r="W2279" s="52"/>
    </row>
    <row r="2280" spans="1:23" hidden="1" x14ac:dyDescent="0.35">
      <c r="A2280" s="52" t="s">
        <v>78</v>
      </c>
      <c r="B2280" s="52" t="s">
        <v>79</v>
      </c>
      <c r="C2280" s="3">
        <v>20</v>
      </c>
      <c r="D2280" s="52" t="s">
        <v>2024</v>
      </c>
      <c r="E2280" s="52" t="s">
        <v>26</v>
      </c>
      <c r="F2280" s="52" t="s">
        <v>81</v>
      </c>
      <c r="G2280" s="52" t="s">
        <v>82</v>
      </c>
      <c r="H2280" s="4">
        <v>1</v>
      </c>
      <c r="I2280" s="2">
        <v>14.65</v>
      </c>
      <c r="J2280" s="52" t="s">
        <v>6300</v>
      </c>
      <c r="K2280" s="71" t="s">
        <v>6301</v>
      </c>
      <c r="L2280" s="52" t="s">
        <v>2063</v>
      </c>
      <c r="M2280" s="72">
        <v>7872</v>
      </c>
      <c r="N2280" s="52" t="s">
        <v>2072</v>
      </c>
      <c r="O2280" s="52" t="s">
        <v>2073</v>
      </c>
      <c r="P2280" s="52"/>
      <c r="Q2280" s="52"/>
      <c r="R2280" s="52"/>
      <c r="S2280" s="52"/>
      <c r="T2280" s="52"/>
      <c r="U2280" s="52"/>
      <c r="V2280" s="52"/>
      <c r="W2280" s="52"/>
    </row>
    <row r="2281" spans="1:23" hidden="1" x14ac:dyDescent="0.35">
      <c r="A2281" s="52" t="s">
        <v>78</v>
      </c>
      <c r="B2281" s="52" t="s">
        <v>79</v>
      </c>
      <c r="C2281" s="3">
        <v>20</v>
      </c>
      <c r="D2281" s="52" t="s">
        <v>2023</v>
      </c>
      <c r="E2281" s="52" t="s">
        <v>26</v>
      </c>
      <c r="F2281" s="52" t="s">
        <v>81</v>
      </c>
      <c r="G2281" s="52" t="s">
        <v>82</v>
      </c>
      <c r="H2281" s="4">
        <v>1</v>
      </c>
      <c r="I2281" s="2">
        <v>14.65</v>
      </c>
      <c r="J2281" s="52" t="s">
        <v>5998</v>
      </c>
      <c r="K2281" s="71" t="s">
        <v>6302</v>
      </c>
      <c r="L2281" s="52" t="s">
        <v>2063</v>
      </c>
      <c r="M2281" s="72">
        <v>6401</v>
      </c>
      <c r="N2281" s="52"/>
      <c r="O2281" s="52"/>
      <c r="P2281" s="52"/>
      <c r="Q2281" s="52"/>
      <c r="R2281" s="52"/>
      <c r="S2281" s="52"/>
      <c r="T2281" s="52"/>
      <c r="U2281" s="52"/>
      <c r="V2281" s="52"/>
      <c r="W2281" s="52"/>
    </row>
    <row r="2282" spans="1:23" hidden="1" x14ac:dyDescent="0.35">
      <c r="A2282" s="52" t="s">
        <v>78</v>
      </c>
      <c r="B2282" s="52" t="s">
        <v>79</v>
      </c>
      <c r="C2282" s="3">
        <v>10</v>
      </c>
      <c r="D2282" s="52" t="s">
        <v>2021</v>
      </c>
      <c r="E2282" s="52" t="s">
        <v>26</v>
      </c>
      <c r="F2282" s="52" t="s">
        <v>81</v>
      </c>
      <c r="G2282" s="52" t="s">
        <v>82</v>
      </c>
      <c r="H2282" s="4">
        <v>1</v>
      </c>
      <c r="I2282" s="2">
        <v>14.65</v>
      </c>
      <c r="J2282" s="52" t="s">
        <v>6303</v>
      </c>
      <c r="K2282" s="71" t="s">
        <v>6304</v>
      </c>
      <c r="L2282" s="52" t="s">
        <v>2063</v>
      </c>
      <c r="M2282" s="72">
        <v>6963</v>
      </c>
      <c r="N2282" s="52" t="s">
        <v>2072</v>
      </c>
      <c r="O2282" s="52" t="s">
        <v>2073</v>
      </c>
      <c r="P2282" s="52"/>
      <c r="Q2282" s="52"/>
      <c r="R2282" s="52"/>
      <c r="S2282" s="52"/>
      <c r="T2282" s="52"/>
      <c r="U2282" s="52"/>
      <c r="V2282" s="52"/>
      <c r="W2282" s="52"/>
    </row>
    <row r="2283" spans="1:23" hidden="1" x14ac:dyDescent="0.35">
      <c r="A2283" s="52" t="s">
        <v>78</v>
      </c>
      <c r="B2283" s="52" t="s">
        <v>79</v>
      </c>
      <c r="C2283" s="3">
        <v>20</v>
      </c>
      <c r="D2283" s="52" t="s">
        <v>2022</v>
      </c>
      <c r="E2283" s="52" t="s">
        <v>26</v>
      </c>
      <c r="F2283" s="52" t="s">
        <v>81</v>
      </c>
      <c r="G2283" s="52" t="s">
        <v>82</v>
      </c>
      <c r="H2283" s="4">
        <v>1</v>
      </c>
      <c r="I2283" s="2">
        <v>14.65</v>
      </c>
      <c r="J2283" s="52" t="s">
        <v>5913</v>
      </c>
      <c r="K2283" s="71" t="s">
        <v>6305</v>
      </c>
      <c r="L2283" s="52" t="s">
        <v>2063</v>
      </c>
      <c r="M2283" s="72">
        <v>3206</v>
      </c>
      <c r="N2283" s="52" t="s">
        <v>2072</v>
      </c>
      <c r="O2283" s="52" t="s">
        <v>2073</v>
      </c>
      <c r="P2283" s="52"/>
      <c r="Q2283" s="52"/>
      <c r="R2283" s="52"/>
      <c r="S2283" s="52"/>
      <c r="T2283" s="52"/>
      <c r="U2283" s="52"/>
      <c r="V2283" s="52"/>
      <c r="W2283" s="52"/>
    </row>
    <row r="2284" spans="1:23" hidden="1" x14ac:dyDescent="0.35">
      <c r="A2284" s="52" t="s">
        <v>78</v>
      </c>
      <c r="B2284" s="52" t="s">
        <v>79</v>
      </c>
      <c r="C2284" s="3">
        <v>10</v>
      </c>
      <c r="D2284" s="52" t="s">
        <v>86</v>
      </c>
      <c r="E2284" s="52" t="s">
        <v>26</v>
      </c>
      <c r="F2284" s="52" t="s">
        <v>81</v>
      </c>
      <c r="G2284" s="52" t="s">
        <v>82</v>
      </c>
      <c r="H2284" s="4">
        <v>1</v>
      </c>
      <c r="I2284" s="2">
        <v>14.65</v>
      </c>
      <c r="J2284" s="52" t="s">
        <v>6306</v>
      </c>
      <c r="K2284" s="71" t="s">
        <v>6307</v>
      </c>
      <c r="L2284" s="52" t="s">
        <v>2063</v>
      </c>
      <c r="M2284" s="72">
        <v>4934</v>
      </c>
      <c r="N2284" s="52" t="s">
        <v>2072</v>
      </c>
      <c r="O2284" s="52" t="s">
        <v>2073</v>
      </c>
      <c r="P2284" s="52"/>
      <c r="Q2284" s="52"/>
      <c r="R2284" s="52"/>
      <c r="S2284" s="52"/>
      <c r="T2284" s="52"/>
      <c r="U2284" s="52"/>
      <c r="V2284" s="52"/>
      <c r="W2284" s="52"/>
    </row>
    <row r="2285" spans="1:23" hidden="1" x14ac:dyDescent="0.35">
      <c r="A2285" s="52" t="s">
        <v>78</v>
      </c>
      <c r="B2285" s="52" t="s">
        <v>79</v>
      </c>
      <c r="C2285" s="3">
        <v>212</v>
      </c>
      <c r="D2285" s="52" t="s">
        <v>2019</v>
      </c>
      <c r="E2285" s="52" t="s">
        <v>26</v>
      </c>
      <c r="F2285" s="52" t="s">
        <v>81</v>
      </c>
      <c r="G2285" s="52" t="s">
        <v>82</v>
      </c>
      <c r="H2285" s="4">
        <v>1</v>
      </c>
      <c r="I2285" s="2">
        <v>14.65</v>
      </c>
      <c r="J2285" s="52" t="s">
        <v>6308</v>
      </c>
      <c r="K2285" s="71" t="s">
        <v>6309</v>
      </c>
      <c r="L2285" s="52" t="s">
        <v>2063</v>
      </c>
      <c r="M2285" s="72">
        <v>5589</v>
      </c>
      <c r="N2285" s="52" t="s">
        <v>2072</v>
      </c>
      <c r="O2285" s="52" t="s">
        <v>2073</v>
      </c>
      <c r="P2285" s="52"/>
      <c r="Q2285" s="52"/>
      <c r="R2285" s="52"/>
      <c r="S2285" s="52"/>
      <c r="T2285" s="52"/>
      <c r="U2285" s="52"/>
      <c r="V2285" s="52"/>
      <c r="W2285" s="52"/>
    </row>
    <row r="2286" spans="1:23" hidden="1" x14ac:dyDescent="0.35">
      <c r="A2286" s="52" t="s">
        <v>78</v>
      </c>
      <c r="B2286" s="52" t="s">
        <v>79</v>
      </c>
      <c r="C2286" s="3">
        <v>211</v>
      </c>
      <c r="D2286" s="52" t="s">
        <v>87</v>
      </c>
      <c r="E2286" s="52" t="s">
        <v>26</v>
      </c>
      <c r="F2286" s="52" t="s">
        <v>81</v>
      </c>
      <c r="G2286" s="52" t="s">
        <v>82</v>
      </c>
      <c r="H2286" s="4">
        <v>1</v>
      </c>
      <c r="I2286" s="2">
        <v>14.65</v>
      </c>
      <c r="J2286" s="52" t="s">
        <v>6310</v>
      </c>
      <c r="K2286" s="71" t="s">
        <v>6311</v>
      </c>
      <c r="L2286" s="52" t="s">
        <v>2063</v>
      </c>
      <c r="M2286" s="72">
        <v>9845</v>
      </c>
      <c r="N2286" s="52" t="s">
        <v>2066</v>
      </c>
      <c r="O2286" s="52" t="s">
        <v>2067</v>
      </c>
      <c r="P2286" s="52"/>
      <c r="Q2286" s="52"/>
      <c r="R2286" s="52"/>
      <c r="S2286" s="52"/>
      <c r="T2286" s="52"/>
      <c r="U2286" s="52"/>
      <c r="V2286" s="52"/>
      <c r="W2286" s="52"/>
    </row>
    <row r="2287" spans="1:23" hidden="1" x14ac:dyDescent="0.35">
      <c r="A2287" s="52" t="s">
        <v>78</v>
      </c>
      <c r="B2287" s="52" t="s">
        <v>79</v>
      </c>
      <c r="C2287" s="3">
        <v>20</v>
      </c>
      <c r="D2287" s="52" t="s">
        <v>2024</v>
      </c>
      <c r="E2287" s="52" t="s">
        <v>26</v>
      </c>
      <c r="F2287" s="52" t="s">
        <v>81</v>
      </c>
      <c r="G2287" s="52" t="s">
        <v>82</v>
      </c>
      <c r="H2287" s="4">
        <v>1</v>
      </c>
      <c r="I2287" s="2">
        <v>14.65</v>
      </c>
      <c r="J2287" s="52" t="s">
        <v>6312</v>
      </c>
      <c r="K2287" s="71" t="s">
        <v>6313</v>
      </c>
      <c r="L2287" s="52" t="s">
        <v>2063</v>
      </c>
      <c r="M2287" s="72">
        <v>2372</v>
      </c>
      <c r="N2287" s="52" t="s">
        <v>2072</v>
      </c>
      <c r="O2287" s="52" t="s">
        <v>2073</v>
      </c>
      <c r="P2287" s="52"/>
      <c r="Q2287" s="52"/>
      <c r="R2287" s="52"/>
      <c r="S2287" s="52"/>
      <c r="T2287" s="52"/>
      <c r="U2287" s="52"/>
      <c r="V2287" s="52"/>
      <c r="W2287" s="52"/>
    </row>
    <row r="2288" spans="1:23" hidden="1" x14ac:dyDescent="0.35">
      <c r="A2288" s="52" t="s">
        <v>78</v>
      </c>
      <c r="B2288" s="52" t="s">
        <v>79</v>
      </c>
      <c r="C2288" s="3">
        <v>10</v>
      </c>
      <c r="D2288" s="52" t="s">
        <v>2019</v>
      </c>
      <c r="E2288" s="52" t="s">
        <v>26</v>
      </c>
      <c r="F2288" s="52" t="s">
        <v>81</v>
      </c>
      <c r="G2288" s="52" t="s">
        <v>82</v>
      </c>
      <c r="H2288" s="4">
        <v>1</v>
      </c>
      <c r="I2288" s="2">
        <v>14.65</v>
      </c>
      <c r="J2288" s="52" t="s">
        <v>6314</v>
      </c>
      <c r="K2288" s="71" t="s">
        <v>6315</v>
      </c>
      <c r="L2288" s="52" t="s">
        <v>2063</v>
      </c>
      <c r="M2288" s="72">
        <v>4344</v>
      </c>
      <c r="N2288" s="52" t="s">
        <v>2072</v>
      </c>
      <c r="O2288" s="52" t="s">
        <v>2073</v>
      </c>
      <c r="P2288" s="52"/>
      <c r="Q2288" s="52"/>
      <c r="R2288" s="52"/>
      <c r="S2288" s="52"/>
      <c r="T2288" s="52"/>
      <c r="U2288" s="52"/>
      <c r="V2288" s="52"/>
      <c r="W2288" s="52"/>
    </row>
    <row r="2289" spans="1:23" hidden="1" x14ac:dyDescent="0.35">
      <c r="A2289" s="52" t="s">
        <v>78</v>
      </c>
      <c r="B2289" s="52" t="s">
        <v>79</v>
      </c>
      <c r="C2289" s="3">
        <v>20</v>
      </c>
      <c r="D2289" s="52" t="s">
        <v>2021</v>
      </c>
      <c r="E2289" s="52" t="s">
        <v>26</v>
      </c>
      <c r="F2289" s="52" t="s">
        <v>81</v>
      </c>
      <c r="G2289" s="52" t="s">
        <v>82</v>
      </c>
      <c r="H2289" s="4">
        <v>1</v>
      </c>
      <c r="I2289" s="2">
        <v>14.65</v>
      </c>
      <c r="J2289" s="52" t="s">
        <v>6316</v>
      </c>
      <c r="K2289" s="71" t="s">
        <v>6317</v>
      </c>
      <c r="L2289" s="52" t="s">
        <v>2063</v>
      </c>
      <c r="M2289" s="72">
        <v>3355</v>
      </c>
      <c r="N2289" s="52" t="s">
        <v>2072</v>
      </c>
      <c r="O2289" s="52" t="s">
        <v>2073</v>
      </c>
      <c r="P2289" s="52" t="s">
        <v>2259</v>
      </c>
      <c r="Q2289" s="52" t="s">
        <v>2260</v>
      </c>
      <c r="R2289" s="52"/>
      <c r="S2289" s="52"/>
      <c r="T2289" s="52"/>
      <c r="U2289" s="52"/>
      <c r="V2289" s="52"/>
      <c r="W2289" s="52"/>
    </row>
    <row r="2290" spans="1:23" hidden="1" x14ac:dyDescent="0.35">
      <c r="A2290" s="52" t="s">
        <v>78</v>
      </c>
      <c r="B2290" s="52" t="s">
        <v>79</v>
      </c>
      <c r="C2290" s="3">
        <v>20</v>
      </c>
      <c r="D2290" s="52" t="s">
        <v>2022</v>
      </c>
      <c r="E2290" s="52" t="s">
        <v>26</v>
      </c>
      <c r="F2290" s="52" t="s">
        <v>81</v>
      </c>
      <c r="G2290" s="52" t="s">
        <v>82</v>
      </c>
      <c r="H2290" s="4">
        <v>1</v>
      </c>
      <c r="I2290" s="2">
        <v>14.65</v>
      </c>
      <c r="J2290" s="52" t="s">
        <v>6318</v>
      </c>
      <c r="K2290" s="71" t="s">
        <v>6319</v>
      </c>
      <c r="L2290" s="52" t="s">
        <v>2063</v>
      </c>
      <c r="M2290" s="72">
        <v>8058</v>
      </c>
      <c r="N2290" s="52" t="s">
        <v>2072</v>
      </c>
      <c r="O2290" s="52" t="s">
        <v>2073</v>
      </c>
      <c r="P2290" s="52"/>
      <c r="Q2290" s="52"/>
      <c r="R2290" s="52"/>
      <c r="S2290" s="52"/>
      <c r="T2290" s="52"/>
      <c r="U2290" s="52"/>
      <c r="V2290" s="52"/>
      <c r="W2290" s="52"/>
    </row>
    <row r="2291" spans="1:23" hidden="1" x14ac:dyDescent="0.35">
      <c r="A2291" s="52" t="s">
        <v>78</v>
      </c>
      <c r="B2291" s="52" t="s">
        <v>79</v>
      </c>
      <c r="C2291" s="3">
        <v>20</v>
      </c>
      <c r="D2291" s="52" t="s">
        <v>83</v>
      </c>
      <c r="E2291" s="52" t="s">
        <v>26</v>
      </c>
      <c r="F2291" s="52" t="s">
        <v>81</v>
      </c>
      <c r="G2291" s="52" t="s">
        <v>82</v>
      </c>
      <c r="H2291" s="4">
        <v>1</v>
      </c>
      <c r="I2291" s="2">
        <v>14.65</v>
      </c>
      <c r="J2291" s="52" t="s">
        <v>6320</v>
      </c>
      <c r="K2291" s="71" t="s">
        <v>6321</v>
      </c>
      <c r="L2291" s="52" t="s">
        <v>2095</v>
      </c>
      <c r="M2291" s="72">
        <v>5650</v>
      </c>
      <c r="N2291" s="52" t="s">
        <v>2072</v>
      </c>
      <c r="O2291" s="52" t="s">
        <v>2073</v>
      </c>
      <c r="P2291" s="52"/>
      <c r="Q2291" s="52"/>
      <c r="R2291" s="52"/>
      <c r="S2291" s="52"/>
      <c r="T2291" s="52"/>
      <c r="U2291" s="52"/>
      <c r="V2291" s="52"/>
      <c r="W2291" s="52"/>
    </row>
    <row r="2292" spans="1:23" hidden="1" x14ac:dyDescent="0.35">
      <c r="A2292" s="52" t="s">
        <v>78</v>
      </c>
      <c r="B2292" s="52" t="s">
        <v>79</v>
      </c>
      <c r="C2292" s="3">
        <v>20</v>
      </c>
      <c r="D2292" s="52" t="s">
        <v>83</v>
      </c>
      <c r="E2292" s="52" t="s">
        <v>26</v>
      </c>
      <c r="F2292" s="52" t="s">
        <v>81</v>
      </c>
      <c r="G2292" s="52" t="s">
        <v>82</v>
      </c>
      <c r="H2292" s="4">
        <v>1</v>
      </c>
      <c r="I2292" s="2">
        <v>14.65</v>
      </c>
      <c r="J2292" s="52" t="s">
        <v>6322</v>
      </c>
      <c r="K2292" s="71" t="s">
        <v>6323</v>
      </c>
      <c r="L2292" s="52" t="s">
        <v>2063</v>
      </c>
      <c r="M2292" s="72">
        <v>2451</v>
      </c>
      <c r="N2292" s="52" t="s">
        <v>2304</v>
      </c>
      <c r="O2292" s="52" t="s">
        <v>2305</v>
      </c>
      <c r="P2292" s="52"/>
      <c r="Q2292" s="52"/>
      <c r="R2292" s="52"/>
      <c r="S2292" s="52"/>
      <c r="T2292" s="52"/>
      <c r="U2292" s="52"/>
      <c r="V2292" s="52"/>
      <c r="W2292" s="52"/>
    </row>
    <row r="2293" spans="1:23" hidden="1" x14ac:dyDescent="0.35">
      <c r="A2293" s="52" t="s">
        <v>78</v>
      </c>
      <c r="B2293" s="52" t="s">
        <v>79</v>
      </c>
      <c r="C2293" s="3">
        <v>10</v>
      </c>
      <c r="D2293" s="52" t="s">
        <v>2021</v>
      </c>
      <c r="E2293" s="52" t="s">
        <v>26</v>
      </c>
      <c r="F2293" s="52" t="s">
        <v>81</v>
      </c>
      <c r="G2293" s="52" t="s">
        <v>82</v>
      </c>
      <c r="H2293" s="4">
        <v>1</v>
      </c>
      <c r="I2293" s="2">
        <v>14.65</v>
      </c>
      <c r="J2293" s="52" t="s">
        <v>6324</v>
      </c>
      <c r="K2293" s="71" t="s">
        <v>6325</v>
      </c>
      <c r="L2293" s="52" t="s">
        <v>2063</v>
      </c>
      <c r="M2293" s="72">
        <v>5204</v>
      </c>
      <c r="N2293" s="52" t="s">
        <v>2072</v>
      </c>
      <c r="O2293" s="52" t="s">
        <v>2073</v>
      </c>
      <c r="P2293" s="52"/>
      <c r="Q2293" s="52"/>
      <c r="R2293" s="52"/>
      <c r="S2293" s="52"/>
      <c r="T2293" s="52"/>
      <c r="U2293" s="52"/>
      <c r="V2293" s="52"/>
      <c r="W2293" s="52"/>
    </row>
    <row r="2294" spans="1:23" hidden="1" x14ac:dyDescent="0.35">
      <c r="A2294" s="52" t="s">
        <v>78</v>
      </c>
      <c r="B2294" s="52" t="s">
        <v>79</v>
      </c>
      <c r="C2294" s="3">
        <v>20</v>
      </c>
      <c r="D2294" s="52" t="s">
        <v>2019</v>
      </c>
      <c r="E2294" s="52" t="s">
        <v>26</v>
      </c>
      <c r="F2294" s="52" t="s">
        <v>81</v>
      </c>
      <c r="G2294" s="52" t="s">
        <v>82</v>
      </c>
      <c r="H2294" s="4">
        <v>1</v>
      </c>
      <c r="I2294" s="2">
        <v>14.65</v>
      </c>
      <c r="J2294" s="52" t="s">
        <v>6326</v>
      </c>
      <c r="K2294" s="71" t="s">
        <v>6327</v>
      </c>
      <c r="L2294" s="52" t="s">
        <v>2063</v>
      </c>
      <c r="M2294" s="72">
        <v>2550</v>
      </c>
      <c r="N2294" s="52" t="s">
        <v>2072</v>
      </c>
      <c r="O2294" s="52" t="s">
        <v>2073</v>
      </c>
      <c r="P2294" s="52"/>
      <c r="Q2294" s="52"/>
      <c r="R2294" s="52"/>
      <c r="S2294" s="52"/>
      <c r="T2294" s="52"/>
      <c r="U2294" s="52"/>
      <c r="V2294" s="52"/>
      <c r="W2294" s="52"/>
    </row>
    <row r="2295" spans="1:23" hidden="1" x14ac:dyDescent="0.35">
      <c r="A2295" s="52" t="s">
        <v>78</v>
      </c>
      <c r="B2295" s="52" t="s">
        <v>79</v>
      </c>
      <c r="C2295" s="3">
        <v>20</v>
      </c>
      <c r="D2295" s="52" t="s">
        <v>2019</v>
      </c>
      <c r="E2295" s="52" t="s">
        <v>26</v>
      </c>
      <c r="F2295" s="52" t="s">
        <v>81</v>
      </c>
      <c r="G2295" s="52" t="s">
        <v>82</v>
      </c>
      <c r="H2295" s="4">
        <v>1</v>
      </c>
      <c r="I2295" s="2">
        <v>14.65</v>
      </c>
      <c r="J2295" s="52" t="s">
        <v>5429</v>
      </c>
      <c r="K2295" s="71" t="s">
        <v>6328</v>
      </c>
      <c r="L2295" s="52" t="s">
        <v>2095</v>
      </c>
      <c r="M2295" s="72">
        <v>3433</v>
      </c>
      <c r="N2295" s="52"/>
      <c r="O2295" s="52"/>
      <c r="P2295" s="52"/>
      <c r="Q2295" s="52"/>
      <c r="R2295" s="52"/>
      <c r="S2295" s="52"/>
      <c r="T2295" s="52"/>
      <c r="U2295" s="52"/>
      <c r="V2295" s="52"/>
      <c r="W2295" s="52"/>
    </row>
    <row r="2296" spans="1:23" hidden="1" x14ac:dyDescent="0.35">
      <c r="A2296" s="52" t="s">
        <v>78</v>
      </c>
      <c r="B2296" s="52" t="s">
        <v>79</v>
      </c>
      <c r="C2296" s="3">
        <v>20</v>
      </c>
      <c r="D2296" s="52" t="s">
        <v>2023</v>
      </c>
      <c r="E2296" s="52" t="s">
        <v>26</v>
      </c>
      <c r="F2296" s="52" t="s">
        <v>81</v>
      </c>
      <c r="G2296" s="52" t="s">
        <v>82</v>
      </c>
      <c r="H2296" s="4">
        <v>1</v>
      </c>
      <c r="I2296" s="2">
        <v>14.65</v>
      </c>
      <c r="J2296" s="52" t="s">
        <v>6329</v>
      </c>
      <c r="K2296" s="71" t="s">
        <v>6330</v>
      </c>
      <c r="L2296" s="52" t="s">
        <v>2063</v>
      </c>
      <c r="M2296" s="72">
        <v>3043</v>
      </c>
      <c r="N2296" s="52"/>
      <c r="O2296" s="52"/>
      <c r="P2296" s="52"/>
      <c r="Q2296" s="52"/>
      <c r="R2296" s="52"/>
      <c r="S2296" s="52"/>
      <c r="T2296" s="52"/>
      <c r="U2296" s="52"/>
      <c r="V2296" s="52"/>
      <c r="W2296" s="52"/>
    </row>
    <row r="2297" spans="1:23" hidden="1" x14ac:dyDescent="0.35">
      <c r="A2297" s="52" t="s">
        <v>78</v>
      </c>
      <c r="B2297" s="52" t="s">
        <v>79</v>
      </c>
      <c r="C2297" s="3">
        <v>10</v>
      </c>
      <c r="D2297" s="52" t="s">
        <v>2024</v>
      </c>
      <c r="E2297" s="52" t="s">
        <v>26</v>
      </c>
      <c r="F2297" s="52" t="s">
        <v>81</v>
      </c>
      <c r="G2297" s="52" t="s">
        <v>82</v>
      </c>
      <c r="H2297" s="4">
        <v>1</v>
      </c>
      <c r="I2297" s="2">
        <v>14.65</v>
      </c>
      <c r="J2297" s="52" t="s">
        <v>6331</v>
      </c>
      <c r="K2297" s="71" t="s">
        <v>6332</v>
      </c>
      <c r="L2297" s="52" t="s">
        <v>2063</v>
      </c>
      <c r="M2297" s="72">
        <v>86</v>
      </c>
      <c r="N2297" s="52" t="s">
        <v>2066</v>
      </c>
      <c r="O2297" s="52" t="s">
        <v>2067</v>
      </c>
      <c r="P2297" s="52"/>
      <c r="Q2297" s="52"/>
      <c r="R2297" s="52"/>
      <c r="S2297" s="52"/>
      <c r="T2297" s="52"/>
      <c r="U2297" s="52"/>
      <c r="V2297" s="52"/>
      <c r="W2297" s="52"/>
    </row>
    <row r="2298" spans="1:23" hidden="1" x14ac:dyDescent="0.35">
      <c r="A2298" s="52" t="s">
        <v>78</v>
      </c>
      <c r="B2298" s="52" t="s">
        <v>79</v>
      </c>
      <c r="C2298" s="3">
        <v>10</v>
      </c>
      <c r="D2298" s="52" t="s">
        <v>80</v>
      </c>
      <c r="E2298" s="52" t="s">
        <v>26</v>
      </c>
      <c r="F2298" s="52" t="s">
        <v>81</v>
      </c>
      <c r="G2298" s="52" t="s">
        <v>82</v>
      </c>
      <c r="H2298" s="4">
        <v>1</v>
      </c>
      <c r="I2298" s="2">
        <v>14.65</v>
      </c>
      <c r="J2298" s="52" t="s">
        <v>6333</v>
      </c>
      <c r="K2298" s="71" t="s">
        <v>6334</v>
      </c>
      <c r="L2298" s="52" t="s">
        <v>2063</v>
      </c>
      <c r="M2298" s="72">
        <v>9018</v>
      </c>
      <c r="N2298" s="52" t="s">
        <v>2154</v>
      </c>
      <c r="O2298" s="52" t="s">
        <v>2155</v>
      </c>
      <c r="P2298" s="52"/>
      <c r="Q2298" s="52"/>
      <c r="R2298" s="52"/>
      <c r="S2298" s="52"/>
      <c r="T2298" s="52"/>
      <c r="U2298" s="52"/>
      <c r="V2298" s="52"/>
      <c r="W2298" s="52"/>
    </row>
    <row r="2299" spans="1:23" hidden="1" x14ac:dyDescent="0.35">
      <c r="A2299" s="52" t="s">
        <v>78</v>
      </c>
      <c r="B2299" s="52" t="s">
        <v>79</v>
      </c>
      <c r="C2299" s="3">
        <v>20</v>
      </c>
      <c r="D2299" s="52" t="s">
        <v>85</v>
      </c>
      <c r="E2299" s="52" t="s">
        <v>26</v>
      </c>
      <c r="F2299" s="52" t="s">
        <v>81</v>
      </c>
      <c r="G2299" s="52" t="s">
        <v>82</v>
      </c>
      <c r="H2299" s="4">
        <v>1</v>
      </c>
      <c r="I2299" s="2">
        <v>14.65</v>
      </c>
      <c r="J2299" s="52" t="s">
        <v>5481</v>
      </c>
      <c r="K2299" s="71" t="s">
        <v>6335</v>
      </c>
      <c r="L2299" s="52" t="s">
        <v>2063</v>
      </c>
      <c r="M2299" s="72">
        <v>1136</v>
      </c>
      <c r="N2299" s="52"/>
      <c r="O2299" s="52"/>
      <c r="P2299" s="52"/>
      <c r="Q2299" s="52"/>
      <c r="R2299" s="52"/>
      <c r="S2299" s="52"/>
      <c r="T2299" s="52"/>
      <c r="U2299" s="52"/>
      <c r="V2299" s="52"/>
      <c r="W2299" s="52"/>
    </row>
    <row r="2300" spans="1:23" hidden="1" x14ac:dyDescent="0.35">
      <c r="A2300" s="52" t="s">
        <v>78</v>
      </c>
      <c r="B2300" s="52" t="s">
        <v>79</v>
      </c>
      <c r="C2300" s="3">
        <v>20</v>
      </c>
      <c r="D2300" s="52" t="s">
        <v>2022</v>
      </c>
      <c r="E2300" s="52" t="s">
        <v>26</v>
      </c>
      <c r="F2300" s="52" t="s">
        <v>81</v>
      </c>
      <c r="G2300" s="52" t="s">
        <v>82</v>
      </c>
      <c r="H2300" s="4">
        <v>1</v>
      </c>
      <c r="I2300" s="2">
        <v>14.65</v>
      </c>
      <c r="J2300" s="52" t="s">
        <v>6336</v>
      </c>
      <c r="K2300" s="71" t="s">
        <v>6337</v>
      </c>
      <c r="L2300" s="52" t="s">
        <v>2063</v>
      </c>
      <c r="M2300" s="72">
        <v>7636</v>
      </c>
      <c r="N2300" s="52" t="s">
        <v>2072</v>
      </c>
      <c r="O2300" s="52" t="s">
        <v>2073</v>
      </c>
      <c r="P2300" s="52"/>
      <c r="Q2300" s="52"/>
      <c r="R2300" s="52"/>
      <c r="S2300" s="52"/>
      <c r="T2300" s="52"/>
      <c r="U2300" s="52"/>
      <c r="V2300" s="52"/>
      <c r="W2300" s="52"/>
    </row>
    <row r="2301" spans="1:23" hidden="1" x14ac:dyDescent="0.35">
      <c r="A2301" s="52" t="s">
        <v>78</v>
      </c>
      <c r="B2301" s="52" t="s">
        <v>79</v>
      </c>
      <c r="C2301" s="3">
        <v>10</v>
      </c>
      <c r="D2301" s="52" t="s">
        <v>2021</v>
      </c>
      <c r="E2301" s="52" t="s">
        <v>26</v>
      </c>
      <c r="F2301" s="52" t="s">
        <v>81</v>
      </c>
      <c r="G2301" s="52" t="s">
        <v>82</v>
      </c>
      <c r="H2301" s="4">
        <v>1</v>
      </c>
      <c r="I2301" s="2">
        <v>14.65</v>
      </c>
      <c r="J2301" s="52" t="s">
        <v>6338</v>
      </c>
      <c r="K2301" s="71" t="s">
        <v>6339</v>
      </c>
      <c r="L2301" s="52" t="s">
        <v>2063</v>
      </c>
      <c r="M2301" s="72">
        <v>6697</v>
      </c>
      <c r="N2301" s="52" t="s">
        <v>2072</v>
      </c>
      <c r="O2301" s="52" t="s">
        <v>2073</v>
      </c>
      <c r="P2301" s="52"/>
      <c r="Q2301" s="52"/>
      <c r="R2301" s="52"/>
      <c r="S2301" s="52"/>
      <c r="T2301" s="52"/>
      <c r="U2301" s="52"/>
      <c r="V2301" s="52"/>
      <c r="W2301" s="52"/>
    </row>
    <row r="2302" spans="1:23" hidden="1" x14ac:dyDescent="0.35">
      <c r="A2302" s="52" t="s">
        <v>78</v>
      </c>
      <c r="B2302" s="52" t="s">
        <v>79</v>
      </c>
      <c r="C2302" s="3">
        <v>20</v>
      </c>
      <c r="D2302" s="52" t="s">
        <v>86</v>
      </c>
      <c r="E2302" s="52" t="s">
        <v>26</v>
      </c>
      <c r="F2302" s="52" t="s">
        <v>81</v>
      </c>
      <c r="G2302" s="52" t="s">
        <v>82</v>
      </c>
      <c r="H2302" s="4">
        <v>1</v>
      </c>
      <c r="I2302" s="2">
        <v>14.65</v>
      </c>
      <c r="J2302" s="52" t="s">
        <v>6340</v>
      </c>
      <c r="K2302" s="71" t="s">
        <v>6341</v>
      </c>
      <c r="L2302" s="52" t="s">
        <v>2063</v>
      </c>
      <c r="M2302" s="72">
        <v>2833</v>
      </c>
      <c r="N2302" s="52" t="s">
        <v>2072</v>
      </c>
      <c r="O2302" s="52" t="s">
        <v>2073</v>
      </c>
      <c r="P2302" s="52"/>
      <c r="Q2302" s="52"/>
      <c r="R2302" s="52"/>
      <c r="S2302" s="52"/>
      <c r="T2302" s="52"/>
      <c r="U2302" s="52"/>
      <c r="V2302" s="52"/>
      <c r="W2302" s="52"/>
    </row>
    <row r="2303" spans="1:23" hidden="1" x14ac:dyDescent="0.35">
      <c r="A2303" s="52" t="s">
        <v>78</v>
      </c>
      <c r="B2303" s="52" t="s">
        <v>79</v>
      </c>
      <c r="C2303" s="3">
        <v>10</v>
      </c>
      <c r="D2303" s="52" t="s">
        <v>2022</v>
      </c>
      <c r="E2303" s="52" t="s">
        <v>26</v>
      </c>
      <c r="F2303" s="52" t="s">
        <v>81</v>
      </c>
      <c r="G2303" s="52" t="s">
        <v>82</v>
      </c>
      <c r="H2303" s="4">
        <v>1</v>
      </c>
      <c r="I2303" s="2">
        <v>14.65</v>
      </c>
      <c r="J2303" s="52" t="s">
        <v>6342</v>
      </c>
      <c r="K2303" s="71" t="s">
        <v>6343</v>
      </c>
      <c r="L2303" s="52" t="s">
        <v>2063</v>
      </c>
      <c r="M2303" s="72">
        <v>2202</v>
      </c>
      <c r="N2303" s="52" t="s">
        <v>2072</v>
      </c>
      <c r="O2303" s="52" t="s">
        <v>2073</v>
      </c>
      <c r="P2303" s="52"/>
      <c r="Q2303" s="52"/>
      <c r="R2303" s="52"/>
      <c r="S2303" s="52"/>
      <c r="T2303" s="52"/>
      <c r="U2303" s="52"/>
      <c r="V2303" s="52"/>
      <c r="W2303" s="52"/>
    </row>
    <row r="2304" spans="1:23" hidden="1" x14ac:dyDescent="0.35">
      <c r="A2304" s="52" t="s">
        <v>78</v>
      </c>
      <c r="B2304" s="52" t="s">
        <v>79</v>
      </c>
      <c r="C2304" s="3">
        <v>10</v>
      </c>
      <c r="D2304" s="52" t="s">
        <v>86</v>
      </c>
      <c r="E2304" s="52" t="s">
        <v>26</v>
      </c>
      <c r="F2304" s="52" t="s">
        <v>81</v>
      </c>
      <c r="G2304" s="52" t="s">
        <v>82</v>
      </c>
      <c r="H2304" s="4">
        <v>1</v>
      </c>
      <c r="I2304" s="2">
        <v>14.65</v>
      </c>
      <c r="J2304" s="52" t="s">
        <v>6344</v>
      </c>
      <c r="K2304" s="71" t="s">
        <v>6345</v>
      </c>
      <c r="L2304" s="52" t="s">
        <v>2063</v>
      </c>
      <c r="M2304" s="72">
        <v>933</v>
      </c>
      <c r="N2304" s="52"/>
      <c r="O2304" s="52"/>
      <c r="P2304" s="52"/>
      <c r="Q2304" s="52"/>
      <c r="R2304" s="52"/>
      <c r="S2304" s="52"/>
      <c r="T2304" s="52"/>
      <c r="U2304" s="52"/>
      <c r="V2304" s="52"/>
      <c r="W2304" s="52"/>
    </row>
    <row r="2305" spans="1:23" hidden="1" x14ac:dyDescent="0.35">
      <c r="A2305" s="52" t="s">
        <v>78</v>
      </c>
      <c r="B2305" s="52" t="s">
        <v>79</v>
      </c>
      <c r="C2305" s="3">
        <v>211</v>
      </c>
      <c r="D2305" s="52" t="s">
        <v>84</v>
      </c>
      <c r="E2305" s="52" t="s">
        <v>26</v>
      </c>
      <c r="F2305" s="52" t="s">
        <v>81</v>
      </c>
      <c r="G2305" s="52" t="s">
        <v>82</v>
      </c>
      <c r="H2305" s="4">
        <v>1</v>
      </c>
      <c r="I2305" s="2">
        <v>14.65</v>
      </c>
      <c r="J2305" s="52" t="s">
        <v>6346</v>
      </c>
      <c r="K2305" s="71" t="s">
        <v>6347</v>
      </c>
      <c r="L2305" s="52" t="s">
        <v>2063</v>
      </c>
      <c r="M2305" s="72">
        <v>7222</v>
      </c>
      <c r="N2305" s="52"/>
      <c r="O2305" s="52"/>
      <c r="P2305" s="52"/>
      <c r="Q2305" s="52"/>
      <c r="R2305" s="52"/>
      <c r="S2305" s="52"/>
      <c r="T2305" s="52"/>
      <c r="U2305" s="52"/>
      <c r="V2305" s="52"/>
      <c r="W2305" s="52"/>
    </row>
    <row r="2306" spans="1:23" hidden="1" x14ac:dyDescent="0.35">
      <c r="A2306" s="52" t="s">
        <v>78</v>
      </c>
      <c r="B2306" s="52" t="s">
        <v>79</v>
      </c>
      <c r="C2306" s="3">
        <v>211</v>
      </c>
      <c r="D2306" s="52" t="s">
        <v>83</v>
      </c>
      <c r="E2306" s="52" t="s">
        <v>26</v>
      </c>
      <c r="F2306" s="52" t="s">
        <v>81</v>
      </c>
      <c r="G2306" s="52" t="s">
        <v>82</v>
      </c>
      <c r="H2306" s="4">
        <v>1</v>
      </c>
      <c r="I2306" s="2">
        <v>14.65</v>
      </c>
      <c r="J2306" s="52" t="s">
        <v>6348</v>
      </c>
      <c r="K2306" s="71" t="s">
        <v>6349</v>
      </c>
      <c r="L2306" s="52" t="s">
        <v>2063</v>
      </c>
      <c r="M2306" s="72">
        <v>6546</v>
      </c>
      <c r="N2306" s="52" t="s">
        <v>2066</v>
      </c>
      <c r="O2306" s="52" t="s">
        <v>2067</v>
      </c>
      <c r="P2306" s="52"/>
      <c r="Q2306" s="52"/>
      <c r="R2306" s="52"/>
      <c r="S2306" s="52"/>
      <c r="T2306" s="52"/>
      <c r="U2306" s="52"/>
      <c r="V2306" s="52"/>
      <c r="W2306" s="52"/>
    </row>
    <row r="2307" spans="1:23" hidden="1" x14ac:dyDescent="0.35">
      <c r="A2307" s="52" t="s">
        <v>78</v>
      </c>
      <c r="B2307" s="52" t="s">
        <v>79</v>
      </c>
      <c r="C2307" s="3">
        <v>10</v>
      </c>
      <c r="D2307" s="52" t="s">
        <v>2019</v>
      </c>
      <c r="E2307" s="52" t="s">
        <v>26</v>
      </c>
      <c r="F2307" s="52" t="s">
        <v>81</v>
      </c>
      <c r="G2307" s="52" t="s">
        <v>82</v>
      </c>
      <c r="H2307" s="4">
        <v>1</v>
      </c>
      <c r="I2307" s="2">
        <v>14.65</v>
      </c>
      <c r="J2307" s="52" t="s">
        <v>6350</v>
      </c>
      <c r="K2307" s="71" t="s">
        <v>6351</v>
      </c>
      <c r="L2307" s="52" t="s">
        <v>2063</v>
      </c>
      <c r="M2307" s="72">
        <v>6851</v>
      </c>
      <c r="N2307" s="52" t="s">
        <v>2072</v>
      </c>
      <c r="O2307" s="52" t="s">
        <v>2073</v>
      </c>
      <c r="P2307" s="52"/>
      <c r="Q2307" s="52"/>
      <c r="R2307" s="52"/>
      <c r="S2307" s="52"/>
      <c r="T2307" s="52"/>
      <c r="U2307" s="52"/>
      <c r="V2307" s="52"/>
      <c r="W2307" s="52"/>
    </row>
    <row r="2308" spans="1:23" hidden="1" x14ac:dyDescent="0.35">
      <c r="A2308" s="52" t="s">
        <v>78</v>
      </c>
      <c r="B2308" s="52" t="s">
        <v>79</v>
      </c>
      <c r="C2308" s="3">
        <v>10</v>
      </c>
      <c r="D2308" s="52" t="s">
        <v>87</v>
      </c>
      <c r="E2308" s="52" t="s">
        <v>26</v>
      </c>
      <c r="F2308" s="52" t="s">
        <v>81</v>
      </c>
      <c r="G2308" s="52" t="s">
        <v>82</v>
      </c>
      <c r="H2308" s="4">
        <v>1</v>
      </c>
      <c r="I2308" s="2">
        <v>14.65</v>
      </c>
      <c r="J2308" s="52" t="s">
        <v>6352</v>
      </c>
      <c r="K2308" s="71" t="s">
        <v>6353</v>
      </c>
      <c r="L2308" s="52" t="s">
        <v>2063</v>
      </c>
      <c r="M2308" s="72">
        <v>970</v>
      </c>
      <c r="N2308" s="52" t="s">
        <v>2154</v>
      </c>
      <c r="O2308" s="52" t="s">
        <v>2155</v>
      </c>
      <c r="P2308" s="52"/>
      <c r="Q2308" s="52"/>
      <c r="R2308" s="52"/>
      <c r="S2308" s="52"/>
      <c r="T2308" s="52"/>
      <c r="U2308" s="52"/>
      <c r="V2308" s="52"/>
      <c r="W2308" s="52"/>
    </row>
    <row r="2309" spans="1:23" hidden="1" x14ac:dyDescent="0.35">
      <c r="A2309" s="52" t="s">
        <v>78</v>
      </c>
      <c r="B2309" s="52" t="s">
        <v>79</v>
      </c>
      <c r="C2309" s="3">
        <v>20</v>
      </c>
      <c r="D2309" s="52" t="s">
        <v>80</v>
      </c>
      <c r="E2309" s="52" t="s">
        <v>26</v>
      </c>
      <c r="F2309" s="52" t="s">
        <v>81</v>
      </c>
      <c r="G2309" s="52" t="s">
        <v>82</v>
      </c>
      <c r="H2309" s="4">
        <v>1</v>
      </c>
      <c r="I2309" s="2">
        <v>14.65</v>
      </c>
      <c r="J2309" s="52" t="s">
        <v>6354</v>
      </c>
      <c r="K2309" s="71" t="s">
        <v>6355</v>
      </c>
      <c r="L2309" s="52" t="s">
        <v>2063</v>
      </c>
      <c r="M2309" s="72">
        <v>3805</v>
      </c>
      <c r="N2309" s="52"/>
      <c r="O2309" s="52"/>
      <c r="P2309" s="52"/>
      <c r="Q2309" s="52"/>
      <c r="R2309" s="52"/>
      <c r="S2309" s="52"/>
      <c r="T2309" s="52"/>
      <c r="U2309" s="52"/>
      <c r="V2309" s="52"/>
      <c r="W2309" s="52"/>
    </row>
    <row r="2310" spans="1:23" hidden="1" x14ac:dyDescent="0.35">
      <c r="A2310" s="52" t="s">
        <v>78</v>
      </c>
      <c r="B2310" s="52" t="s">
        <v>79</v>
      </c>
      <c r="C2310" s="3">
        <v>211</v>
      </c>
      <c r="D2310" s="52" t="s">
        <v>86</v>
      </c>
      <c r="E2310" s="52" t="s">
        <v>26</v>
      </c>
      <c r="F2310" s="52" t="s">
        <v>81</v>
      </c>
      <c r="G2310" s="52" t="s">
        <v>82</v>
      </c>
      <c r="H2310" s="4">
        <v>1</v>
      </c>
      <c r="I2310" s="2">
        <v>14.65</v>
      </c>
      <c r="J2310" s="52" t="s">
        <v>5387</v>
      </c>
      <c r="K2310" s="71" t="s">
        <v>6356</v>
      </c>
      <c r="L2310" s="52" t="s">
        <v>2063</v>
      </c>
      <c r="M2310" s="72">
        <v>630</v>
      </c>
      <c r="N2310" s="52" t="s">
        <v>2072</v>
      </c>
      <c r="O2310" s="52" t="s">
        <v>2073</v>
      </c>
      <c r="P2310" s="52"/>
      <c r="Q2310" s="52"/>
      <c r="R2310" s="52"/>
      <c r="S2310" s="52"/>
      <c r="T2310" s="52"/>
      <c r="U2310" s="52"/>
      <c r="V2310" s="52"/>
      <c r="W2310" s="52"/>
    </row>
    <row r="2311" spans="1:23" hidden="1" x14ac:dyDescent="0.35">
      <c r="A2311" s="52" t="s">
        <v>78</v>
      </c>
      <c r="B2311" s="52" t="s">
        <v>79</v>
      </c>
      <c r="C2311" s="3">
        <v>20</v>
      </c>
      <c r="D2311" s="52" t="s">
        <v>80</v>
      </c>
      <c r="E2311" s="52" t="s">
        <v>26</v>
      </c>
      <c r="F2311" s="52" t="s">
        <v>81</v>
      </c>
      <c r="G2311" s="52" t="s">
        <v>82</v>
      </c>
      <c r="H2311" s="4">
        <v>1</v>
      </c>
      <c r="I2311" s="2">
        <v>14.65</v>
      </c>
      <c r="J2311" s="52" t="s">
        <v>6357</v>
      </c>
      <c r="K2311" s="71" t="s">
        <v>6358</v>
      </c>
      <c r="L2311" s="52" t="s">
        <v>2063</v>
      </c>
      <c r="M2311" s="72">
        <v>91</v>
      </c>
      <c r="N2311" s="52" t="s">
        <v>2072</v>
      </c>
      <c r="O2311" s="52" t="s">
        <v>2073</v>
      </c>
      <c r="P2311" s="52"/>
      <c r="Q2311" s="52"/>
      <c r="R2311" s="52"/>
      <c r="S2311" s="52"/>
      <c r="T2311" s="52"/>
      <c r="U2311" s="52"/>
      <c r="V2311" s="52"/>
      <c r="W2311" s="52"/>
    </row>
    <row r="2312" spans="1:23" hidden="1" x14ac:dyDescent="0.35">
      <c r="A2312" s="52" t="s">
        <v>78</v>
      </c>
      <c r="B2312" s="52" t="s">
        <v>79</v>
      </c>
      <c r="C2312" s="3">
        <v>10</v>
      </c>
      <c r="D2312" s="52" t="s">
        <v>2022</v>
      </c>
      <c r="E2312" s="52" t="s">
        <v>26</v>
      </c>
      <c r="F2312" s="52" t="s">
        <v>81</v>
      </c>
      <c r="G2312" s="52" t="s">
        <v>82</v>
      </c>
      <c r="H2312" s="4">
        <v>1</v>
      </c>
      <c r="I2312" s="2">
        <v>14.65</v>
      </c>
      <c r="J2312" s="52" t="s">
        <v>6359</v>
      </c>
      <c r="K2312" s="71" t="s">
        <v>6360</v>
      </c>
      <c r="L2312" s="52" t="s">
        <v>2063</v>
      </c>
      <c r="M2312" s="72">
        <v>7627</v>
      </c>
      <c r="N2312" s="52"/>
      <c r="O2312" s="52"/>
      <c r="P2312" s="52"/>
      <c r="Q2312" s="52"/>
      <c r="R2312" s="52"/>
      <c r="S2312" s="52"/>
      <c r="T2312" s="52"/>
      <c r="U2312" s="52"/>
      <c r="V2312" s="52"/>
      <c r="W2312" s="52"/>
    </row>
    <row r="2313" spans="1:23" hidden="1" x14ac:dyDescent="0.35">
      <c r="A2313" s="52" t="s">
        <v>78</v>
      </c>
      <c r="B2313" s="52" t="s">
        <v>79</v>
      </c>
      <c r="C2313" s="3">
        <v>20</v>
      </c>
      <c r="D2313" s="52" t="s">
        <v>2019</v>
      </c>
      <c r="E2313" s="52" t="s">
        <v>26</v>
      </c>
      <c r="F2313" s="52" t="s">
        <v>81</v>
      </c>
      <c r="G2313" s="52" t="s">
        <v>82</v>
      </c>
      <c r="H2313" s="4">
        <v>1</v>
      </c>
      <c r="I2313" s="2">
        <v>14.65</v>
      </c>
      <c r="J2313" s="52" t="s">
        <v>6361</v>
      </c>
      <c r="K2313" s="71" t="s">
        <v>6362</v>
      </c>
      <c r="L2313" s="52" t="s">
        <v>2095</v>
      </c>
      <c r="M2313" s="72">
        <v>6570</v>
      </c>
      <c r="N2313" s="52" t="s">
        <v>2072</v>
      </c>
      <c r="O2313" s="52" t="s">
        <v>2073</v>
      </c>
      <c r="P2313" s="52"/>
      <c r="Q2313" s="52"/>
      <c r="R2313" s="52"/>
      <c r="S2313" s="52"/>
      <c r="T2313" s="52"/>
      <c r="U2313" s="52"/>
      <c r="V2313" s="52"/>
      <c r="W2313" s="52"/>
    </row>
    <row r="2314" spans="1:23" hidden="1" x14ac:dyDescent="0.35">
      <c r="A2314" s="52" t="s">
        <v>78</v>
      </c>
      <c r="B2314" s="52" t="s">
        <v>79</v>
      </c>
      <c r="C2314" s="3">
        <v>10</v>
      </c>
      <c r="D2314" s="52" t="s">
        <v>2021</v>
      </c>
      <c r="E2314" s="52" t="s">
        <v>26</v>
      </c>
      <c r="F2314" s="52" t="s">
        <v>81</v>
      </c>
      <c r="G2314" s="52" t="s">
        <v>82</v>
      </c>
      <c r="H2314" s="4">
        <v>1</v>
      </c>
      <c r="I2314" s="2">
        <v>14.65</v>
      </c>
      <c r="J2314" s="52" t="s">
        <v>5494</v>
      </c>
      <c r="K2314" s="71" t="s">
        <v>6363</v>
      </c>
      <c r="L2314" s="52" t="s">
        <v>2063</v>
      </c>
      <c r="M2314" s="72">
        <v>7628</v>
      </c>
      <c r="N2314" s="52"/>
      <c r="O2314" s="52"/>
      <c r="P2314" s="52"/>
      <c r="Q2314" s="52"/>
      <c r="R2314" s="52"/>
      <c r="S2314" s="52"/>
      <c r="T2314" s="52"/>
      <c r="U2314" s="52"/>
      <c r="V2314" s="52"/>
      <c r="W2314" s="52"/>
    </row>
    <row r="2315" spans="1:23" hidden="1" x14ac:dyDescent="0.35">
      <c r="A2315" s="52" t="s">
        <v>78</v>
      </c>
      <c r="B2315" s="52" t="s">
        <v>79</v>
      </c>
      <c r="C2315" s="3">
        <v>10</v>
      </c>
      <c r="D2315" s="52" t="s">
        <v>80</v>
      </c>
      <c r="E2315" s="52" t="s">
        <v>26</v>
      </c>
      <c r="F2315" s="52" t="s">
        <v>81</v>
      </c>
      <c r="G2315" s="52" t="s">
        <v>82</v>
      </c>
      <c r="H2315" s="4">
        <v>1</v>
      </c>
      <c r="I2315" s="2">
        <v>14.65</v>
      </c>
      <c r="J2315" s="52" t="s">
        <v>6364</v>
      </c>
      <c r="K2315" s="71" t="s">
        <v>6365</v>
      </c>
      <c r="L2315" s="52" t="s">
        <v>2063</v>
      </c>
      <c r="M2315" s="72">
        <v>1132</v>
      </c>
      <c r="N2315" s="52" t="s">
        <v>2072</v>
      </c>
      <c r="O2315" s="52" t="s">
        <v>2073</v>
      </c>
      <c r="P2315" s="52"/>
      <c r="Q2315" s="52"/>
      <c r="R2315" s="52"/>
      <c r="S2315" s="52"/>
      <c r="T2315" s="52"/>
      <c r="U2315" s="52"/>
      <c r="V2315" s="52"/>
      <c r="W2315" s="52"/>
    </row>
    <row r="2316" spans="1:23" hidden="1" x14ac:dyDescent="0.35">
      <c r="A2316" s="52" t="s">
        <v>78</v>
      </c>
      <c r="B2316" s="52" t="s">
        <v>79</v>
      </c>
      <c r="C2316" s="3">
        <v>10</v>
      </c>
      <c r="D2316" s="52" t="s">
        <v>83</v>
      </c>
      <c r="E2316" s="52" t="s">
        <v>26</v>
      </c>
      <c r="F2316" s="52" t="s">
        <v>81</v>
      </c>
      <c r="G2316" s="52" t="s">
        <v>82</v>
      </c>
      <c r="H2316" s="4">
        <v>1</v>
      </c>
      <c r="I2316" s="2">
        <v>14.65</v>
      </c>
      <c r="J2316" s="52" t="s">
        <v>6366</v>
      </c>
      <c r="K2316" s="71" t="s">
        <v>6367</v>
      </c>
      <c r="L2316" s="52" t="s">
        <v>2063</v>
      </c>
      <c r="M2316" s="72">
        <v>165</v>
      </c>
      <c r="N2316" s="52" t="s">
        <v>2066</v>
      </c>
      <c r="O2316" s="52" t="s">
        <v>2067</v>
      </c>
      <c r="P2316" s="52"/>
      <c r="Q2316" s="52"/>
      <c r="R2316" s="52"/>
      <c r="S2316" s="52"/>
      <c r="T2316" s="52"/>
      <c r="U2316" s="52"/>
      <c r="V2316" s="52"/>
      <c r="W2316" s="52"/>
    </row>
    <row r="2317" spans="1:23" hidden="1" x14ac:dyDescent="0.35">
      <c r="A2317" s="52" t="s">
        <v>78</v>
      </c>
      <c r="B2317" s="52" t="s">
        <v>79</v>
      </c>
      <c r="C2317" s="3">
        <v>10</v>
      </c>
      <c r="D2317" s="52" t="s">
        <v>2023</v>
      </c>
      <c r="E2317" s="52" t="s">
        <v>26</v>
      </c>
      <c r="F2317" s="52" t="s">
        <v>81</v>
      </c>
      <c r="G2317" s="52" t="s">
        <v>82</v>
      </c>
      <c r="H2317" s="4">
        <v>1</v>
      </c>
      <c r="I2317" s="2">
        <v>14.65</v>
      </c>
      <c r="J2317" s="52" t="s">
        <v>6368</v>
      </c>
      <c r="K2317" s="71" t="s">
        <v>6369</v>
      </c>
      <c r="L2317" s="52" t="s">
        <v>2063</v>
      </c>
      <c r="M2317" s="72">
        <v>4308</v>
      </c>
      <c r="N2317" s="52" t="s">
        <v>2072</v>
      </c>
      <c r="O2317" s="52" t="s">
        <v>2073</v>
      </c>
      <c r="P2317" s="52"/>
      <c r="Q2317" s="52"/>
      <c r="R2317" s="52"/>
      <c r="S2317" s="52"/>
      <c r="T2317" s="52"/>
      <c r="U2317" s="52"/>
      <c r="V2317" s="52"/>
      <c r="W2317" s="52"/>
    </row>
    <row r="2318" spans="1:23" hidden="1" x14ac:dyDescent="0.35">
      <c r="A2318" s="52" t="s">
        <v>78</v>
      </c>
      <c r="B2318" s="52" t="s">
        <v>79</v>
      </c>
      <c r="C2318" s="3">
        <v>20</v>
      </c>
      <c r="D2318" s="52" t="s">
        <v>2022</v>
      </c>
      <c r="E2318" s="52" t="s">
        <v>26</v>
      </c>
      <c r="F2318" s="52" t="s">
        <v>81</v>
      </c>
      <c r="G2318" s="52" t="s">
        <v>82</v>
      </c>
      <c r="H2318" s="4">
        <v>1</v>
      </c>
      <c r="I2318" s="2">
        <v>14.65</v>
      </c>
      <c r="J2318" s="52" t="s">
        <v>6370</v>
      </c>
      <c r="K2318" s="71" t="s">
        <v>6371</v>
      </c>
      <c r="L2318" s="52" t="s">
        <v>2063</v>
      </c>
      <c r="M2318" s="72">
        <v>1494</v>
      </c>
      <c r="N2318" s="52" t="s">
        <v>2072</v>
      </c>
      <c r="O2318" s="52" t="s">
        <v>2073</v>
      </c>
      <c r="P2318" s="52"/>
      <c r="Q2318" s="52"/>
      <c r="R2318" s="52"/>
      <c r="S2318" s="52"/>
      <c r="T2318" s="52"/>
      <c r="U2318" s="52"/>
      <c r="V2318" s="52"/>
      <c r="W2318" s="52"/>
    </row>
    <row r="2319" spans="1:23" hidden="1" x14ac:dyDescent="0.35">
      <c r="A2319" s="52" t="s">
        <v>78</v>
      </c>
      <c r="B2319" s="52" t="s">
        <v>79</v>
      </c>
      <c r="C2319" s="3">
        <v>20</v>
      </c>
      <c r="D2319" s="52" t="s">
        <v>86</v>
      </c>
      <c r="E2319" s="52" t="s">
        <v>26</v>
      </c>
      <c r="F2319" s="52" t="s">
        <v>81</v>
      </c>
      <c r="G2319" s="52" t="s">
        <v>82</v>
      </c>
      <c r="H2319" s="4">
        <v>1</v>
      </c>
      <c r="I2319" s="2">
        <v>14.65</v>
      </c>
      <c r="J2319" s="52" t="s">
        <v>6372</v>
      </c>
      <c r="K2319" s="71" t="s">
        <v>6373</v>
      </c>
      <c r="L2319" s="52" t="s">
        <v>2063</v>
      </c>
      <c r="M2319" s="72">
        <v>1573</v>
      </c>
      <c r="N2319" s="52" t="s">
        <v>2072</v>
      </c>
      <c r="O2319" s="52" t="s">
        <v>2073</v>
      </c>
      <c r="P2319" s="52"/>
      <c r="Q2319" s="52"/>
      <c r="R2319" s="52"/>
      <c r="S2319" s="52"/>
      <c r="T2319" s="52"/>
      <c r="U2319" s="52"/>
      <c r="V2319" s="52"/>
      <c r="W2319" s="52"/>
    </row>
    <row r="2320" spans="1:23" hidden="1" x14ac:dyDescent="0.35">
      <c r="A2320" s="52" t="s">
        <v>78</v>
      </c>
      <c r="B2320" s="52" t="s">
        <v>79</v>
      </c>
      <c r="C2320" s="3">
        <v>10</v>
      </c>
      <c r="D2320" s="52" t="s">
        <v>2021</v>
      </c>
      <c r="E2320" s="52" t="s">
        <v>26</v>
      </c>
      <c r="F2320" s="52" t="s">
        <v>81</v>
      </c>
      <c r="G2320" s="52" t="s">
        <v>82</v>
      </c>
      <c r="H2320" s="4">
        <v>1</v>
      </c>
      <c r="I2320" s="2">
        <v>14.65</v>
      </c>
      <c r="J2320" s="52" t="s">
        <v>6374</v>
      </c>
      <c r="K2320" s="71" t="s">
        <v>6375</v>
      </c>
      <c r="L2320" s="52" t="s">
        <v>2063</v>
      </c>
      <c r="M2320" s="72">
        <v>502</v>
      </c>
      <c r="N2320" s="52" t="s">
        <v>2072</v>
      </c>
      <c r="O2320" s="52" t="s">
        <v>2073</v>
      </c>
      <c r="P2320" s="52"/>
      <c r="Q2320" s="52"/>
      <c r="R2320" s="52"/>
      <c r="S2320" s="52"/>
      <c r="T2320" s="52"/>
      <c r="U2320" s="52"/>
      <c r="V2320" s="52"/>
      <c r="W2320" s="52"/>
    </row>
    <row r="2321" spans="1:23" hidden="1" x14ac:dyDescent="0.35">
      <c r="A2321" s="52" t="s">
        <v>78</v>
      </c>
      <c r="B2321" s="52" t="s">
        <v>79</v>
      </c>
      <c r="C2321" s="3">
        <v>20</v>
      </c>
      <c r="D2321" s="52" t="s">
        <v>2020</v>
      </c>
      <c r="E2321" s="52" t="s">
        <v>26</v>
      </c>
      <c r="F2321" s="52" t="s">
        <v>81</v>
      </c>
      <c r="G2321" s="52" t="s">
        <v>82</v>
      </c>
      <c r="H2321" s="4">
        <v>1</v>
      </c>
      <c r="I2321" s="2">
        <v>14.65</v>
      </c>
      <c r="J2321" s="52" t="s">
        <v>6376</v>
      </c>
      <c r="K2321" s="71" t="s">
        <v>6377</v>
      </c>
      <c r="L2321" s="52" t="s">
        <v>2063</v>
      </c>
      <c r="M2321" s="72">
        <v>6592</v>
      </c>
      <c r="N2321" s="52" t="s">
        <v>2304</v>
      </c>
      <c r="O2321" s="52" t="s">
        <v>2305</v>
      </c>
      <c r="P2321" s="52"/>
      <c r="Q2321" s="52"/>
      <c r="R2321" s="52"/>
      <c r="S2321" s="52"/>
      <c r="T2321" s="52"/>
      <c r="U2321" s="52"/>
      <c r="V2321" s="52"/>
      <c r="W2321" s="52"/>
    </row>
    <row r="2322" spans="1:23" hidden="1" x14ac:dyDescent="0.35">
      <c r="A2322" s="52" t="s">
        <v>78</v>
      </c>
      <c r="B2322" s="52" t="s">
        <v>79</v>
      </c>
      <c r="C2322" s="3">
        <v>20</v>
      </c>
      <c r="D2322" s="52" t="s">
        <v>87</v>
      </c>
      <c r="E2322" s="52" t="s">
        <v>26</v>
      </c>
      <c r="F2322" s="52" t="s">
        <v>81</v>
      </c>
      <c r="G2322" s="52" t="s">
        <v>82</v>
      </c>
      <c r="H2322" s="4">
        <v>1</v>
      </c>
      <c r="I2322" s="2">
        <v>14.65</v>
      </c>
      <c r="J2322" s="52" t="s">
        <v>6378</v>
      </c>
      <c r="K2322" s="71" t="s">
        <v>6379</v>
      </c>
      <c r="L2322" s="52" t="s">
        <v>2063</v>
      </c>
      <c r="M2322" s="72">
        <v>4575</v>
      </c>
      <c r="N2322" s="52" t="s">
        <v>2072</v>
      </c>
      <c r="O2322" s="52" t="s">
        <v>2073</v>
      </c>
      <c r="P2322" s="52"/>
      <c r="Q2322" s="52"/>
      <c r="R2322" s="52"/>
      <c r="S2322" s="52"/>
      <c r="T2322" s="52"/>
      <c r="U2322" s="52"/>
      <c r="V2322" s="52"/>
      <c r="W2322" s="52"/>
    </row>
    <row r="2323" spans="1:23" hidden="1" x14ac:dyDescent="0.35">
      <c r="A2323" s="52" t="s">
        <v>78</v>
      </c>
      <c r="B2323" s="52" t="s">
        <v>79</v>
      </c>
      <c r="C2323" s="3">
        <v>20</v>
      </c>
      <c r="D2323" s="52" t="s">
        <v>2022</v>
      </c>
      <c r="E2323" s="52" t="s">
        <v>26</v>
      </c>
      <c r="F2323" s="52" t="s">
        <v>81</v>
      </c>
      <c r="G2323" s="52" t="s">
        <v>82</v>
      </c>
      <c r="H2323" s="4">
        <v>1</v>
      </c>
      <c r="I2323" s="2">
        <v>14.65</v>
      </c>
      <c r="J2323" s="52" t="s">
        <v>6380</v>
      </c>
      <c r="K2323" s="71" t="s">
        <v>6381</v>
      </c>
      <c r="L2323" s="52" t="s">
        <v>2063</v>
      </c>
      <c r="M2323" s="72">
        <v>3943</v>
      </c>
      <c r="N2323" s="52" t="s">
        <v>2072</v>
      </c>
      <c r="O2323" s="52" t="s">
        <v>2073</v>
      </c>
      <c r="P2323" s="52"/>
      <c r="Q2323" s="52"/>
      <c r="R2323" s="52"/>
      <c r="S2323" s="52"/>
      <c r="T2323" s="52"/>
      <c r="U2323" s="52"/>
      <c r="V2323" s="52"/>
      <c r="W2323" s="52"/>
    </row>
    <row r="2324" spans="1:23" hidden="1" x14ac:dyDescent="0.35">
      <c r="A2324" s="52" t="s">
        <v>78</v>
      </c>
      <c r="B2324" s="52" t="s">
        <v>79</v>
      </c>
      <c r="C2324" s="3">
        <v>20</v>
      </c>
      <c r="D2324" s="52" t="s">
        <v>2021</v>
      </c>
      <c r="E2324" s="52" t="s">
        <v>26</v>
      </c>
      <c r="F2324" s="52" t="s">
        <v>81</v>
      </c>
      <c r="G2324" s="52" t="s">
        <v>82</v>
      </c>
      <c r="H2324" s="4">
        <v>1</v>
      </c>
      <c r="I2324" s="2">
        <v>14.65</v>
      </c>
      <c r="J2324" s="52" t="s">
        <v>6382</v>
      </c>
      <c r="K2324" s="71" t="s">
        <v>6383</v>
      </c>
      <c r="L2324" s="52" t="s">
        <v>2063</v>
      </c>
      <c r="M2324" s="72">
        <v>1</v>
      </c>
      <c r="N2324" s="52" t="s">
        <v>2072</v>
      </c>
      <c r="O2324" s="52" t="s">
        <v>2073</v>
      </c>
      <c r="P2324" s="52"/>
      <c r="Q2324" s="52"/>
      <c r="R2324" s="52"/>
      <c r="S2324" s="52"/>
      <c r="T2324" s="52"/>
      <c r="U2324" s="52"/>
      <c r="V2324" s="52"/>
      <c r="W2324" s="52"/>
    </row>
    <row r="2325" spans="1:23" hidden="1" x14ac:dyDescent="0.35">
      <c r="A2325" s="52" t="s">
        <v>78</v>
      </c>
      <c r="B2325" s="52" t="s">
        <v>79</v>
      </c>
      <c r="C2325" s="3">
        <v>20</v>
      </c>
      <c r="D2325" s="52" t="s">
        <v>83</v>
      </c>
      <c r="E2325" s="52" t="s">
        <v>26</v>
      </c>
      <c r="F2325" s="52" t="s">
        <v>81</v>
      </c>
      <c r="G2325" s="52" t="s">
        <v>82</v>
      </c>
      <c r="H2325" s="4">
        <v>1</v>
      </c>
      <c r="I2325" s="2">
        <v>14.65</v>
      </c>
      <c r="J2325" s="52" t="s">
        <v>6384</v>
      </c>
      <c r="K2325" s="71" t="s">
        <v>6385</v>
      </c>
      <c r="L2325" s="52" t="s">
        <v>2063</v>
      </c>
      <c r="M2325" s="72">
        <v>4081</v>
      </c>
      <c r="N2325" s="52" t="s">
        <v>2072</v>
      </c>
      <c r="O2325" s="52" t="s">
        <v>2073</v>
      </c>
      <c r="P2325" s="52"/>
      <c r="Q2325" s="52"/>
      <c r="R2325" s="52"/>
      <c r="S2325" s="52"/>
      <c r="T2325" s="52"/>
      <c r="U2325" s="52"/>
      <c r="V2325" s="52"/>
      <c r="W2325" s="52"/>
    </row>
    <row r="2326" spans="1:23" hidden="1" x14ac:dyDescent="0.35">
      <c r="A2326" s="52" t="s">
        <v>78</v>
      </c>
      <c r="B2326" s="52" t="s">
        <v>79</v>
      </c>
      <c r="C2326" s="3">
        <v>10</v>
      </c>
      <c r="D2326" s="52" t="s">
        <v>80</v>
      </c>
      <c r="E2326" s="52" t="s">
        <v>26</v>
      </c>
      <c r="F2326" s="52" t="s">
        <v>81</v>
      </c>
      <c r="G2326" s="52" t="s">
        <v>82</v>
      </c>
      <c r="H2326" s="4">
        <v>1</v>
      </c>
      <c r="I2326" s="2">
        <v>14.65</v>
      </c>
      <c r="J2326" s="52" t="s">
        <v>6386</v>
      </c>
      <c r="K2326" s="71" t="s">
        <v>6387</v>
      </c>
      <c r="L2326" s="52" t="s">
        <v>2063</v>
      </c>
      <c r="M2326" s="72">
        <v>7942</v>
      </c>
      <c r="N2326" s="52"/>
      <c r="O2326" s="52"/>
      <c r="P2326" s="52"/>
      <c r="Q2326" s="52"/>
      <c r="R2326" s="52"/>
      <c r="S2326" s="52"/>
      <c r="T2326" s="52"/>
      <c r="U2326" s="52"/>
      <c r="V2326" s="52"/>
      <c r="W2326" s="52"/>
    </row>
    <row r="2327" spans="1:23" hidden="1" x14ac:dyDescent="0.35">
      <c r="A2327" s="52" t="s">
        <v>78</v>
      </c>
      <c r="B2327" s="52" t="s">
        <v>79</v>
      </c>
      <c r="C2327" s="3">
        <v>20</v>
      </c>
      <c r="D2327" s="52" t="s">
        <v>2024</v>
      </c>
      <c r="E2327" s="52" t="s">
        <v>26</v>
      </c>
      <c r="F2327" s="52" t="s">
        <v>81</v>
      </c>
      <c r="G2327" s="52" t="s">
        <v>82</v>
      </c>
      <c r="H2327" s="4">
        <v>1</v>
      </c>
      <c r="I2327" s="2">
        <v>14.65</v>
      </c>
      <c r="J2327" s="52" t="s">
        <v>6225</v>
      </c>
      <c r="K2327" s="71" t="s">
        <v>6388</v>
      </c>
      <c r="L2327" s="52" t="s">
        <v>2063</v>
      </c>
      <c r="M2327" s="72">
        <v>5296</v>
      </c>
      <c r="N2327" s="52" t="s">
        <v>2066</v>
      </c>
      <c r="O2327" s="52" t="s">
        <v>2067</v>
      </c>
      <c r="P2327" s="52"/>
      <c r="Q2327" s="52"/>
      <c r="R2327" s="52"/>
      <c r="S2327" s="52"/>
      <c r="T2327" s="52"/>
      <c r="U2327" s="52"/>
      <c r="V2327" s="52"/>
      <c r="W2327" s="52"/>
    </row>
    <row r="2328" spans="1:23" x14ac:dyDescent="0.35">
      <c r="A2328" s="52" t="s">
        <v>78</v>
      </c>
      <c r="B2328" s="52" t="s">
        <v>79</v>
      </c>
      <c r="C2328" s="3">
        <v>20</v>
      </c>
      <c r="D2328" s="52" t="s">
        <v>2023</v>
      </c>
      <c r="E2328" s="52" t="s">
        <v>26</v>
      </c>
      <c r="F2328" s="52" t="s">
        <v>81</v>
      </c>
      <c r="G2328" s="52" t="s">
        <v>82</v>
      </c>
      <c r="H2328" s="4">
        <v>1</v>
      </c>
      <c r="I2328" s="2">
        <v>14.65</v>
      </c>
      <c r="J2328" s="52" t="s">
        <v>6190</v>
      </c>
      <c r="K2328" s="71" t="s">
        <v>6389</v>
      </c>
      <c r="L2328" s="52" t="s">
        <v>2063</v>
      </c>
      <c r="M2328" s="72">
        <v>5459</v>
      </c>
      <c r="N2328" s="52" t="s">
        <v>2076</v>
      </c>
      <c r="O2328" s="52" t="s">
        <v>2077</v>
      </c>
      <c r="P2328" s="52"/>
      <c r="Q2328" s="52"/>
      <c r="R2328" s="52"/>
      <c r="S2328" s="52"/>
      <c r="T2328" s="52"/>
      <c r="U2328" s="52"/>
      <c r="V2328" s="52"/>
      <c r="W2328" s="52"/>
    </row>
    <row r="2329" spans="1:23" hidden="1" x14ac:dyDescent="0.35">
      <c r="A2329" s="52" t="s">
        <v>78</v>
      </c>
      <c r="B2329" s="52" t="s">
        <v>79</v>
      </c>
      <c r="C2329" s="3">
        <v>20</v>
      </c>
      <c r="D2329" s="52" t="s">
        <v>80</v>
      </c>
      <c r="E2329" s="52" t="s">
        <v>26</v>
      </c>
      <c r="F2329" s="52" t="s">
        <v>81</v>
      </c>
      <c r="G2329" s="52" t="s">
        <v>82</v>
      </c>
      <c r="H2329" s="4">
        <v>1</v>
      </c>
      <c r="I2329" s="2">
        <v>14.65</v>
      </c>
      <c r="J2329" s="52" t="s">
        <v>6390</v>
      </c>
      <c r="K2329" s="71" t="s">
        <v>6391</v>
      </c>
      <c r="L2329" s="52" t="s">
        <v>2095</v>
      </c>
      <c r="M2329" s="72">
        <v>4583</v>
      </c>
      <c r="N2329" s="52"/>
      <c r="O2329" s="52"/>
      <c r="P2329" s="52"/>
      <c r="Q2329" s="52"/>
      <c r="R2329" s="52"/>
      <c r="S2329" s="52"/>
      <c r="T2329" s="52"/>
      <c r="U2329" s="52"/>
      <c r="V2329" s="52"/>
      <c r="W2329" s="52"/>
    </row>
    <row r="2330" spans="1:23" x14ac:dyDescent="0.35">
      <c r="A2330" s="52" t="s">
        <v>78</v>
      </c>
      <c r="B2330" s="52" t="s">
        <v>79</v>
      </c>
      <c r="C2330" s="3">
        <v>10</v>
      </c>
      <c r="D2330" s="52" t="s">
        <v>2022</v>
      </c>
      <c r="E2330" s="52" t="s">
        <v>26</v>
      </c>
      <c r="F2330" s="52" t="s">
        <v>81</v>
      </c>
      <c r="G2330" s="52" t="s">
        <v>82</v>
      </c>
      <c r="H2330" s="4">
        <v>1</v>
      </c>
      <c r="I2330" s="2">
        <v>14.65</v>
      </c>
      <c r="J2330" s="52" t="s">
        <v>6392</v>
      </c>
      <c r="K2330" s="71" t="s">
        <v>6393</v>
      </c>
      <c r="L2330" s="52" t="s">
        <v>2063</v>
      </c>
      <c r="M2330" s="72">
        <v>4387</v>
      </c>
      <c r="N2330" s="52" t="s">
        <v>2076</v>
      </c>
      <c r="O2330" s="52" t="s">
        <v>2077</v>
      </c>
      <c r="P2330" s="52"/>
      <c r="Q2330" s="52"/>
      <c r="R2330" s="52"/>
      <c r="S2330" s="52"/>
      <c r="T2330" s="52"/>
      <c r="U2330" s="52"/>
      <c r="V2330" s="52"/>
      <c r="W2330" s="52"/>
    </row>
    <row r="2331" spans="1:23" hidden="1" x14ac:dyDescent="0.35">
      <c r="A2331" s="52" t="s">
        <v>78</v>
      </c>
      <c r="B2331" s="52" t="s">
        <v>79</v>
      </c>
      <c r="C2331" s="3">
        <v>20</v>
      </c>
      <c r="D2331" s="52" t="s">
        <v>87</v>
      </c>
      <c r="E2331" s="52" t="s">
        <v>26</v>
      </c>
      <c r="F2331" s="52" t="s">
        <v>81</v>
      </c>
      <c r="G2331" s="52" t="s">
        <v>82</v>
      </c>
      <c r="H2331" s="4">
        <v>1</v>
      </c>
      <c r="I2331" s="2">
        <v>14.65</v>
      </c>
      <c r="J2331" s="52" t="s">
        <v>6122</v>
      </c>
      <c r="K2331" s="71" t="s">
        <v>6394</v>
      </c>
      <c r="L2331" s="52" t="s">
        <v>2063</v>
      </c>
      <c r="M2331" s="72">
        <v>8341</v>
      </c>
      <c r="N2331" s="52" t="s">
        <v>2066</v>
      </c>
      <c r="O2331" s="52" t="s">
        <v>2067</v>
      </c>
      <c r="P2331" s="52"/>
      <c r="Q2331" s="52"/>
      <c r="R2331" s="52"/>
      <c r="S2331" s="52"/>
      <c r="T2331" s="52"/>
      <c r="U2331" s="52"/>
      <c r="V2331" s="52"/>
      <c r="W2331" s="52"/>
    </row>
    <row r="2332" spans="1:23" hidden="1" x14ac:dyDescent="0.35">
      <c r="A2332" s="52" t="s">
        <v>78</v>
      </c>
      <c r="B2332" s="52" t="s">
        <v>79</v>
      </c>
      <c r="C2332" s="3">
        <v>20</v>
      </c>
      <c r="D2332" s="52" t="s">
        <v>80</v>
      </c>
      <c r="E2332" s="52" t="s">
        <v>26</v>
      </c>
      <c r="F2332" s="52" t="s">
        <v>81</v>
      </c>
      <c r="G2332" s="52" t="s">
        <v>82</v>
      </c>
      <c r="H2332" s="4">
        <v>1</v>
      </c>
      <c r="I2332" s="2">
        <v>14.65</v>
      </c>
      <c r="J2332" s="52" t="s">
        <v>6395</v>
      </c>
      <c r="K2332" s="71" t="s">
        <v>6396</v>
      </c>
      <c r="L2332" s="52" t="s">
        <v>2063</v>
      </c>
      <c r="M2332" s="72">
        <v>8321</v>
      </c>
      <c r="N2332" s="52" t="s">
        <v>2072</v>
      </c>
      <c r="O2332" s="52" t="s">
        <v>2073</v>
      </c>
      <c r="P2332" s="52"/>
      <c r="Q2332" s="52"/>
      <c r="R2332" s="52"/>
      <c r="S2332" s="52"/>
      <c r="T2332" s="52"/>
      <c r="U2332" s="52"/>
      <c r="V2332" s="52"/>
      <c r="W2332" s="52"/>
    </row>
    <row r="2333" spans="1:23" hidden="1" x14ac:dyDescent="0.35">
      <c r="A2333" s="52" t="s">
        <v>78</v>
      </c>
      <c r="B2333" s="52" t="s">
        <v>79</v>
      </c>
      <c r="C2333" s="3">
        <v>10</v>
      </c>
      <c r="D2333" s="52" t="s">
        <v>87</v>
      </c>
      <c r="E2333" s="52" t="s">
        <v>26</v>
      </c>
      <c r="F2333" s="52" t="s">
        <v>81</v>
      </c>
      <c r="G2333" s="52" t="s">
        <v>82</v>
      </c>
      <c r="H2333" s="4">
        <v>1</v>
      </c>
      <c r="I2333" s="2">
        <v>14.65</v>
      </c>
      <c r="J2333" s="52" t="s">
        <v>5776</v>
      </c>
      <c r="K2333" s="71" t="s">
        <v>6397</v>
      </c>
      <c r="L2333" s="52" t="s">
        <v>2063</v>
      </c>
      <c r="M2333" s="72">
        <v>3835</v>
      </c>
      <c r="N2333" s="52" t="s">
        <v>2066</v>
      </c>
      <c r="O2333" s="52" t="s">
        <v>2067</v>
      </c>
      <c r="P2333" s="52"/>
      <c r="Q2333" s="52"/>
      <c r="R2333" s="52"/>
      <c r="S2333" s="52"/>
      <c r="T2333" s="52"/>
      <c r="U2333" s="52"/>
      <c r="V2333" s="52"/>
      <c r="W2333" s="52"/>
    </row>
    <row r="2334" spans="1:23" hidden="1" x14ac:dyDescent="0.35">
      <c r="A2334" s="52" t="s">
        <v>78</v>
      </c>
      <c r="B2334" s="52" t="s">
        <v>79</v>
      </c>
      <c r="C2334" s="3">
        <v>10</v>
      </c>
      <c r="D2334" s="52" t="s">
        <v>2024</v>
      </c>
      <c r="E2334" s="52" t="s">
        <v>26</v>
      </c>
      <c r="F2334" s="52" t="s">
        <v>81</v>
      </c>
      <c r="G2334" s="52" t="s">
        <v>82</v>
      </c>
      <c r="H2334" s="4">
        <v>1</v>
      </c>
      <c r="I2334" s="2">
        <v>14.65</v>
      </c>
      <c r="J2334" s="52" t="s">
        <v>6398</v>
      </c>
      <c r="K2334" s="71" t="s">
        <v>6399</v>
      </c>
      <c r="L2334" s="52" t="s">
        <v>2063</v>
      </c>
      <c r="M2334" s="72">
        <v>2388</v>
      </c>
      <c r="N2334" s="52" t="s">
        <v>2072</v>
      </c>
      <c r="O2334" s="52" t="s">
        <v>2073</v>
      </c>
      <c r="P2334" s="52"/>
      <c r="Q2334" s="52"/>
      <c r="R2334" s="52"/>
      <c r="S2334" s="52"/>
      <c r="T2334" s="52"/>
      <c r="U2334" s="52"/>
      <c r="V2334" s="52"/>
      <c r="W2334" s="52"/>
    </row>
    <row r="2335" spans="1:23" hidden="1" x14ac:dyDescent="0.35">
      <c r="A2335" s="52" t="s">
        <v>78</v>
      </c>
      <c r="B2335" s="52" t="s">
        <v>79</v>
      </c>
      <c r="C2335" s="3">
        <v>211</v>
      </c>
      <c r="D2335" s="52" t="s">
        <v>2023</v>
      </c>
      <c r="E2335" s="52" t="s">
        <v>26</v>
      </c>
      <c r="F2335" s="52" t="s">
        <v>81</v>
      </c>
      <c r="G2335" s="52" t="s">
        <v>82</v>
      </c>
      <c r="H2335" s="4">
        <v>1</v>
      </c>
      <c r="I2335" s="2">
        <v>14.65</v>
      </c>
      <c r="J2335" s="52" t="s">
        <v>6400</v>
      </c>
      <c r="K2335" s="71" t="s">
        <v>6401</v>
      </c>
      <c r="L2335" s="52" t="s">
        <v>2063</v>
      </c>
      <c r="M2335" s="72">
        <v>2774</v>
      </c>
      <c r="N2335" s="52" t="s">
        <v>2066</v>
      </c>
      <c r="O2335" s="52" t="s">
        <v>2067</v>
      </c>
      <c r="P2335" s="52"/>
      <c r="Q2335" s="52"/>
      <c r="R2335" s="52"/>
      <c r="S2335" s="52"/>
      <c r="T2335" s="52"/>
      <c r="U2335" s="52"/>
      <c r="V2335" s="52"/>
      <c r="W2335" s="52"/>
    </row>
    <row r="2336" spans="1:23" hidden="1" x14ac:dyDescent="0.35">
      <c r="A2336" s="52" t="s">
        <v>78</v>
      </c>
      <c r="B2336" s="52" t="s">
        <v>79</v>
      </c>
      <c r="C2336" s="3">
        <v>10</v>
      </c>
      <c r="D2336" s="52" t="s">
        <v>2021</v>
      </c>
      <c r="E2336" s="52" t="s">
        <v>26</v>
      </c>
      <c r="F2336" s="52" t="s">
        <v>81</v>
      </c>
      <c r="G2336" s="52" t="s">
        <v>82</v>
      </c>
      <c r="H2336" s="4">
        <v>1</v>
      </c>
      <c r="I2336" s="2">
        <v>14.65</v>
      </c>
      <c r="J2336" s="52" t="s">
        <v>6402</v>
      </c>
      <c r="K2336" s="71" t="s">
        <v>6403</v>
      </c>
      <c r="L2336" s="52" t="s">
        <v>2095</v>
      </c>
      <c r="M2336" s="72">
        <v>8849</v>
      </c>
      <c r="N2336" s="52"/>
      <c r="O2336" s="52"/>
      <c r="P2336" s="52"/>
      <c r="Q2336" s="52"/>
      <c r="R2336" s="52"/>
      <c r="S2336" s="52"/>
      <c r="T2336" s="52"/>
      <c r="U2336" s="52"/>
      <c r="V2336" s="52"/>
      <c r="W2336" s="52"/>
    </row>
    <row r="2337" spans="1:23" hidden="1" x14ac:dyDescent="0.35">
      <c r="A2337" s="52" t="s">
        <v>78</v>
      </c>
      <c r="B2337" s="52" t="s">
        <v>79</v>
      </c>
      <c r="C2337" s="3">
        <v>10</v>
      </c>
      <c r="D2337" s="52" t="s">
        <v>84</v>
      </c>
      <c r="E2337" s="52" t="s">
        <v>26</v>
      </c>
      <c r="F2337" s="52" t="s">
        <v>81</v>
      </c>
      <c r="G2337" s="52" t="s">
        <v>82</v>
      </c>
      <c r="H2337" s="4">
        <v>1</v>
      </c>
      <c r="I2337" s="2">
        <v>14.65</v>
      </c>
      <c r="J2337" s="52" t="s">
        <v>6364</v>
      </c>
      <c r="K2337" s="71" t="s">
        <v>6404</v>
      </c>
      <c r="L2337" s="52" t="s">
        <v>2063</v>
      </c>
      <c r="M2337" s="72">
        <v>9093</v>
      </c>
      <c r="N2337" s="52" t="s">
        <v>2072</v>
      </c>
      <c r="O2337" s="52" t="s">
        <v>2073</v>
      </c>
      <c r="P2337" s="52"/>
      <c r="Q2337" s="52"/>
      <c r="R2337" s="52"/>
      <c r="S2337" s="52"/>
      <c r="T2337" s="52"/>
      <c r="U2337" s="52"/>
      <c r="V2337" s="52"/>
      <c r="W2337" s="52"/>
    </row>
    <row r="2338" spans="1:23" hidden="1" x14ac:dyDescent="0.35">
      <c r="A2338" s="52" t="s">
        <v>78</v>
      </c>
      <c r="B2338" s="52" t="s">
        <v>79</v>
      </c>
      <c r="C2338" s="3">
        <v>20</v>
      </c>
      <c r="D2338" s="52" t="s">
        <v>2019</v>
      </c>
      <c r="E2338" s="52" t="s">
        <v>26</v>
      </c>
      <c r="F2338" s="52" t="s">
        <v>81</v>
      </c>
      <c r="G2338" s="52" t="s">
        <v>82</v>
      </c>
      <c r="H2338" s="4">
        <v>1</v>
      </c>
      <c r="I2338" s="2">
        <v>14.65</v>
      </c>
      <c r="J2338" s="52" t="s">
        <v>6405</v>
      </c>
      <c r="K2338" s="71" t="s">
        <v>6406</v>
      </c>
      <c r="L2338" s="52" t="s">
        <v>2063</v>
      </c>
      <c r="M2338" s="72">
        <v>6092</v>
      </c>
      <c r="N2338" s="52" t="s">
        <v>2072</v>
      </c>
      <c r="O2338" s="52" t="s">
        <v>2073</v>
      </c>
      <c r="P2338" s="52"/>
      <c r="Q2338" s="52"/>
      <c r="R2338" s="52"/>
      <c r="S2338" s="52"/>
      <c r="T2338" s="52"/>
      <c r="U2338" s="52"/>
      <c r="V2338" s="52"/>
      <c r="W2338" s="52"/>
    </row>
    <row r="2339" spans="1:23" hidden="1" x14ac:dyDescent="0.35">
      <c r="A2339" s="52" t="s">
        <v>78</v>
      </c>
      <c r="B2339" s="52" t="s">
        <v>79</v>
      </c>
      <c r="C2339" s="3">
        <v>10</v>
      </c>
      <c r="D2339" s="52" t="s">
        <v>2019</v>
      </c>
      <c r="E2339" s="52" t="s">
        <v>26</v>
      </c>
      <c r="F2339" s="52" t="s">
        <v>81</v>
      </c>
      <c r="G2339" s="52" t="s">
        <v>82</v>
      </c>
      <c r="H2339" s="4">
        <v>1</v>
      </c>
      <c r="I2339" s="2">
        <v>14.65</v>
      </c>
      <c r="J2339" s="52" t="s">
        <v>6407</v>
      </c>
      <c r="K2339" s="71" t="s">
        <v>6408</v>
      </c>
      <c r="L2339" s="52" t="s">
        <v>2063</v>
      </c>
      <c r="M2339" s="72">
        <v>7997</v>
      </c>
      <c r="N2339" s="52" t="s">
        <v>2066</v>
      </c>
      <c r="O2339" s="52" t="s">
        <v>2067</v>
      </c>
      <c r="P2339" s="52"/>
      <c r="Q2339" s="52"/>
      <c r="R2339" s="52"/>
      <c r="S2339" s="52"/>
      <c r="T2339" s="52"/>
      <c r="U2339" s="52"/>
      <c r="V2339" s="52"/>
      <c r="W2339" s="52"/>
    </row>
    <row r="2340" spans="1:23" hidden="1" x14ac:dyDescent="0.35">
      <c r="A2340" s="52" t="s">
        <v>78</v>
      </c>
      <c r="B2340" s="52" t="s">
        <v>79</v>
      </c>
      <c r="C2340" s="3">
        <v>20</v>
      </c>
      <c r="D2340" s="52" t="s">
        <v>2024</v>
      </c>
      <c r="E2340" s="52" t="s">
        <v>26</v>
      </c>
      <c r="F2340" s="52" t="s">
        <v>81</v>
      </c>
      <c r="G2340" s="52" t="s">
        <v>82</v>
      </c>
      <c r="H2340" s="4">
        <v>1</v>
      </c>
      <c r="I2340" s="2">
        <v>14.65</v>
      </c>
      <c r="J2340" s="52" t="s">
        <v>6409</v>
      </c>
      <c r="K2340" s="71" t="s">
        <v>6410</v>
      </c>
      <c r="L2340" s="52" t="s">
        <v>2063</v>
      </c>
      <c r="M2340" s="72">
        <v>9704</v>
      </c>
      <c r="N2340" s="52" t="s">
        <v>2072</v>
      </c>
      <c r="O2340" s="52" t="s">
        <v>2073</v>
      </c>
      <c r="P2340" s="52"/>
      <c r="Q2340" s="52"/>
      <c r="R2340" s="52"/>
      <c r="S2340" s="52"/>
      <c r="T2340" s="52"/>
      <c r="U2340" s="52"/>
      <c r="V2340" s="52"/>
      <c r="W2340" s="52"/>
    </row>
    <row r="2341" spans="1:23" hidden="1" x14ac:dyDescent="0.35">
      <c r="A2341" s="52" t="s">
        <v>78</v>
      </c>
      <c r="B2341" s="52" t="s">
        <v>79</v>
      </c>
      <c r="C2341" s="3">
        <v>20</v>
      </c>
      <c r="D2341" s="52" t="s">
        <v>2022</v>
      </c>
      <c r="E2341" s="52" t="s">
        <v>26</v>
      </c>
      <c r="F2341" s="52" t="s">
        <v>81</v>
      </c>
      <c r="G2341" s="52" t="s">
        <v>82</v>
      </c>
      <c r="H2341" s="4">
        <v>1</v>
      </c>
      <c r="I2341" s="2">
        <v>14.65</v>
      </c>
      <c r="J2341" s="52" t="s">
        <v>5002</v>
      </c>
      <c r="K2341" s="71" t="s">
        <v>6411</v>
      </c>
      <c r="L2341" s="52" t="s">
        <v>2063</v>
      </c>
      <c r="M2341" s="72">
        <v>9532</v>
      </c>
      <c r="N2341" s="52"/>
      <c r="O2341" s="52"/>
      <c r="P2341" s="52"/>
      <c r="Q2341" s="52"/>
      <c r="R2341" s="52"/>
      <c r="S2341" s="52"/>
      <c r="T2341" s="52"/>
      <c r="U2341" s="52"/>
      <c r="V2341" s="52"/>
      <c r="W2341" s="52"/>
    </row>
    <row r="2342" spans="1:23" hidden="1" x14ac:dyDescent="0.35">
      <c r="A2342" s="52" t="s">
        <v>78</v>
      </c>
      <c r="B2342" s="52" t="s">
        <v>79</v>
      </c>
      <c r="C2342" s="3">
        <v>20</v>
      </c>
      <c r="D2342" s="52" t="s">
        <v>2021</v>
      </c>
      <c r="E2342" s="52" t="s">
        <v>26</v>
      </c>
      <c r="F2342" s="52" t="s">
        <v>81</v>
      </c>
      <c r="G2342" s="52" t="s">
        <v>82</v>
      </c>
      <c r="H2342" s="4">
        <v>1</v>
      </c>
      <c r="I2342" s="2">
        <v>14.65</v>
      </c>
      <c r="J2342" s="52" t="s">
        <v>6292</v>
      </c>
      <c r="K2342" s="71" t="s">
        <v>6412</v>
      </c>
      <c r="L2342" s="52" t="s">
        <v>2063</v>
      </c>
      <c r="M2342" s="72">
        <v>3391</v>
      </c>
      <c r="N2342" s="52" t="s">
        <v>2072</v>
      </c>
      <c r="O2342" s="52" t="s">
        <v>2073</v>
      </c>
      <c r="P2342" s="52"/>
      <c r="Q2342" s="52"/>
      <c r="R2342" s="52"/>
      <c r="S2342" s="52"/>
      <c r="T2342" s="52"/>
      <c r="U2342" s="52"/>
      <c r="V2342" s="52"/>
      <c r="W2342" s="52"/>
    </row>
    <row r="2343" spans="1:23" hidden="1" x14ac:dyDescent="0.35">
      <c r="A2343" s="52" t="s">
        <v>78</v>
      </c>
      <c r="B2343" s="52" t="s">
        <v>79</v>
      </c>
      <c r="C2343" s="3">
        <v>10</v>
      </c>
      <c r="D2343" s="52" t="s">
        <v>83</v>
      </c>
      <c r="E2343" s="52" t="s">
        <v>26</v>
      </c>
      <c r="F2343" s="52" t="s">
        <v>81</v>
      </c>
      <c r="G2343" s="52" t="s">
        <v>82</v>
      </c>
      <c r="H2343" s="4">
        <v>1</v>
      </c>
      <c r="I2343" s="2">
        <v>14.65</v>
      </c>
      <c r="J2343" s="52" t="s">
        <v>6413</v>
      </c>
      <c r="K2343" s="71" t="s">
        <v>6414</v>
      </c>
      <c r="L2343" s="52" t="s">
        <v>2063</v>
      </c>
      <c r="M2343" s="72">
        <v>4368</v>
      </c>
      <c r="N2343" s="52" t="s">
        <v>2072</v>
      </c>
      <c r="O2343" s="52" t="s">
        <v>2073</v>
      </c>
      <c r="P2343" s="52"/>
      <c r="Q2343" s="52"/>
      <c r="R2343" s="52"/>
      <c r="S2343" s="52"/>
      <c r="T2343" s="52"/>
      <c r="U2343" s="52"/>
      <c r="V2343" s="52"/>
      <c r="W2343" s="52"/>
    </row>
    <row r="2344" spans="1:23" hidden="1" x14ac:dyDescent="0.35">
      <c r="A2344" s="52" t="s">
        <v>78</v>
      </c>
      <c r="B2344" s="52" t="s">
        <v>79</v>
      </c>
      <c r="C2344" s="3">
        <v>10</v>
      </c>
      <c r="D2344" s="52" t="s">
        <v>2022</v>
      </c>
      <c r="E2344" s="52" t="s">
        <v>26</v>
      </c>
      <c r="F2344" s="52" t="s">
        <v>81</v>
      </c>
      <c r="G2344" s="52" t="s">
        <v>82</v>
      </c>
      <c r="H2344" s="4">
        <v>1</v>
      </c>
      <c r="I2344" s="2">
        <v>14.65</v>
      </c>
      <c r="J2344" s="52" t="s">
        <v>6415</v>
      </c>
      <c r="K2344" s="71" t="s">
        <v>6416</v>
      </c>
      <c r="L2344" s="52" t="s">
        <v>2063</v>
      </c>
      <c r="M2344" s="72">
        <v>1447</v>
      </c>
      <c r="N2344" s="52" t="s">
        <v>2072</v>
      </c>
      <c r="O2344" s="52" t="s">
        <v>2073</v>
      </c>
      <c r="P2344" s="52"/>
      <c r="Q2344" s="52"/>
      <c r="R2344" s="52"/>
      <c r="S2344" s="52"/>
      <c r="T2344" s="52"/>
      <c r="U2344" s="52"/>
      <c r="V2344" s="52"/>
      <c r="W2344" s="52"/>
    </row>
    <row r="2345" spans="1:23" hidden="1" x14ac:dyDescent="0.35">
      <c r="A2345" s="52" t="s">
        <v>78</v>
      </c>
      <c r="B2345" s="52" t="s">
        <v>79</v>
      </c>
      <c r="C2345" s="3">
        <v>211</v>
      </c>
      <c r="D2345" s="52" t="s">
        <v>87</v>
      </c>
      <c r="E2345" s="52" t="s">
        <v>26</v>
      </c>
      <c r="F2345" s="52" t="s">
        <v>81</v>
      </c>
      <c r="G2345" s="52" t="s">
        <v>82</v>
      </c>
      <c r="H2345" s="4">
        <v>1</v>
      </c>
      <c r="I2345" s="2">
        <v>14.65</v>
      </c>
      <c r="J2345" s="52" t="s">
        <v>6417</v>
      </c>
      <c r="K2345" s="71" t="s">
        <v>6418</v>
      </c>
      <c r="L2345" s="52" t="s">
        <v>2063</v>
      </c>
      <c r="M2345" s="72">
        <v>4415</v>
      </c>
      <c r="N2345" s="52"/>
      <c r="O2345" s="52"/>
      <c r="P2345" s="52"/>
      <c r="Q2345" s="52"/>
      <c r="R2345" s="52"/>
      <c r="S2345" s="52"/>
      <c r="T2345" s="52"/>
      <c r="U2345" s="52"/>
      <c r="V2345" s="52"/>
      <c r="W2345" s="52"/>
    </row>
    <row r="2346" spans="1:23" hidden="1" x14ac:dyDescent="0.35">
      <c r="A2346" s="52" t="s">
        <v>78</v>
      </c>
      <c r="B2346" s="52" t="s">
        <v>79</v>
      </c>
      <c r="C2346" s="3">
        <v>10</v>
      </c>
      <c r="D2346" s="52" t="s">
        <v>2024</v>
      </c>
      <c r="E2346" s="52" t="s">
        <v>26</v>
      </c>
      <c r="F2346" s="52" t="s">
        <v>81</v>
      </c>
      <c r="G2346" s="52" t="s">
        <v>82</v>
      </c>
      <c r="H2346" s="4">
        <v>1</v>
      </c>
      <c r="I2346" s="2">
        <v>14.65</v>
      </c>
      <c r="J2346" s="52" t="s">
        <v>6419</v>
      </c>
      <c r="K2346" s="71" t="s">
        <v>6420</v>
      </c>
      <c r="L2346" s="52" t="s">
        <v>2063</v>
      </c>
      <c r="M2346" s="72">
        <v>6630</v>
      </c>
      <c r="N2346" s="52" t="s">
        <v>2072</v>
      </c>
      <c r="O2346" s="52" t="s">
        <v>2073</v>
      </c>
      <c r="P2346" s="52"/>
      <c r="Q2346" s="52"/>
      <c r="R2346" s="52"/>
      <c r="S2346" s="52"/>
      <c r="T2346" s="52"/>
      <c r="U2346" s="52"/>
      <c r="V2346" s="52"/>
      <c r="W2346" s="52"/>
    </row>
    <row r="2347" spans="1:23" hidden="1" x14ac:dyDescent="0.35">
      <c r="A2347" s="52" t="s">
        <v>78</v>
      </c>
      <c r="B2347" s="52" t="s">
        <v>79</v>
      </c>
      <c r="C2347" s="3">
        <v>10</v>
      </c>
      <c r="D2347" s="52" t="s">
        <v>2020</v>
      </c>
      <c r="E2347" s="52" t="s">
        <v>26</v>
      </c>
      <c r="F2347" s="52" t="s">
        <v>81</v>
      </c>
      <c r="G2347" s="52" t="s">
        <v>82</v>
      </c>
      <c r="H2347" s="4">
        <v>1</v>
      </c>
      <c r="I2347" s="2">
        <v>14.65</v>
      </c>
      <c r="J2347" s="52" t="s">
        <v>6421</v>
      </c>
      <c r="K2347" s="71" t="s">
        <v>6422</v>
      </c>
      <c r="L2347" s="52" t="s">
        <v>2063</v>
      </c>
      <c r="M2347" s="72">
        <v>590</v>
      </c>
      <c r="N2347" s="52" t="s">
        <v>2066</v>
      </c>
      <c r="O2347" s="52" t="s">
        <v>2067</v>
      </c>
      <c r="P2347" s="52"/>
      <c r="Q2347" s="52"/>
      <c r="R2347" s="52"/>
      <c r="S2347" s="52"/>
      <c r="T2347" s="52"/>
      <c r="U2347" s="52"/>
      <c r="V2347" s="52"/>
      <c r="W2347" s="52"/>
    </row>
    <row r="2348" spans="1:23" hidden="1" x14ac:dyDescent="0.35">
      <c r="A2348" s="52" t="s">
        <v>78</v>
      </c>
      <c r="B2348" s="52" t="s">
        <v>79</v>
      </c>
      <c r="C2348" s="3">
        <v>20</v>
      </c>
      <c r="D2348" s="52" t="s">
        <v>2023</v>
      </c>
      <c r="E2348" s="52" t="s">
        <v>26</v>
      </c>
      <c r="F2348" s="52" t="s">
        <v>81</v>
      </c>
      <c r="G2348" s="52" t="s">
        <v>82</v>
      </c>
      <c r="H2348" s="4">
        <v>1</v>
      </c>
      <c r="I2348" s="2">
        <v>14.65</v>
      </c>
      <c r="J2348" s="52" t="s">
        <v>5772</v>
      </c>
      <c r="K2348" s="71" t="s">
        <v>6423</v>
      </c>
      <c r="L2348" s="52" t="s">
        <v>2095</v>
      </c>
      <c r="M2348" s="72">
        <v>3492</v>
      </c>
      <c r="N2348" s="52"/>
      <c r="O2348" s="52"/>
      <c r="P2348" s="52"/>
      <c r="Q2348" s="52"/>
      <c r="R2348" s="52"/>
      <c r="S2348" s="52"/>
      <c r="T2348" s="52"/>
      <c r="U2348" s="52"/>
      <c r="V2348" s="52"/>
      <c r="W2348" s="52"/>
    </row>
    <row r="2349" spans="1:23" x14ac:dyDescent="0.35">
      <c r="A2349" s="52" t="s">
        <v>78</v>
      </c>
      <c r="B2349" s="52" t="s">
        <v>79</v>
      </c>
      <c r="C2349" s="3">
        <v>10</v>
      </c>
      <c r="D2349" s="52" t="s">
        <v>80</v>
      </c>
      <c r="E2349" s="52" t="s">
        <v>26</v>
      </c>
      <c r="F2349" s="52" t="s">
        <v>81</v>
      </c>
      <c r="G2349" s="52" t="s">
        <v>82</v>
      </c>
      <c r="H2349" s="4">
        <v>1</v>
      </c>
      <c r="I2349" s="2">
        <v>14.65</v>
      </c>
      <c r="J2349" s="52" t="s">
        <v>5776</v>
      </c>
      <c r="K2349" s="71" t="s">
        <v>6424</v>
      </c>
      <c r="L2349" s="52" t="s">
        <v>2063</v>
      </c>
      <c r="M2349" s="72">
        <v>1975</v>
      </c>
      <c r="N2349" s="52" t="s">
        <v>2259</v>
      </c>
      <c r="O2349" s="52" t="s">
        <v>2260</v>
      </c>
      <c r="P2349" s="52"/>
      <c r="Q2349" s="52"/>
      <c r="R2349" s="52"/>
      <c r="S2349" s="52"/>
      <c r="T2349" s="52"/>
      <c r="U2349" s="52"/>
      <c r="V2349" s="52"/>
      <c r="W2349" s="52"/>
    </row>
    <row r="2350" spans="1:23" hidden="1" x14ac:dyDescent="0.35">
      <c r="A2350" s="52" t="s">
        <v>78</v>
      </c>
      <c r="B2350" s="52" t="s">
        <v>79</v>
      </c>
      <c r="C2350" s="3">
        <v>10</v>
      </c>
      <c r="D2350" s="52" t="s">
        <v>2019</v>
      </c>
      <c r="E2350" s="52" t="s">
        <v>26</v>
      </c>
      <c r="F2350" s="52" t="s">
        <v>81</v>
      </c>
      <c r="G2350" s="52" t="s">
        <v>82</v>
      </c>
      <c r="H2350" s="4">
        <v>1</v>
      </c>
      <c r="I2350" s="2">
        <v>14.65</v>
      </c>
      <c r="J2350" s="52" t="s">
        <v>4743</v>
      </c>
      <c r="K2350" s="71" t="s">
        <v>6425</v>
      </c>
      <c r="L2350" s="52" t="s">
        <v>2095</v>
      </c>
      <c r="M2350" s="72">
        <v>3086</v>
      </c>
      <c r="N2350" s="52" t="s">
        <v>2072</v>
      </c>
      <c r="O2350" s="52" t="s">
        <v>2073</v>
      </c>
      <c r="P2350" s="52"/>
      <c r="Q2350" s="52"/>
      <c r="R2350" s="52"/>
      <c r="S2350" s="52"/>
      <c r="T2350" s="52"/>
      <c r="U2350" s="52"/>
      <c r="V2350" s="52"/>
      <c r="W2350" s="52"/>
    </row>
    <row r="2351" spans="1:23" hidden="1" x14ac:dyDescent="0.35">
      <c r="A2351" s="52" t="s">
        <v>78</v>
      </c>
      <c r="B2351" s="52" t="s">
        <v>79</v>
      </c>
      <c r="C2351" s="3">
        <v>20</v>
      </c>
      <c r="D2351" s="52" t="s">
        <v>2024</v>
      </c>
      <c r="E2351" s="52" t="s">
        <v>26</v>
      </c>
      <c r="F2351" s="52" t="s">
        <v>81</v>
      </c>
      <c r="G2351" s="52" t="s">
        <v>82</v>
      </c>
      <c r="H2351" s="4">
        <v>1</v>
      </c>
      <c r="I2351" s="2">
        <v>14.65</v>
      </c>
      <c r="J2351" s="52" t="s">
        <v>6294</v>
      </c>
      <c r="K2351" s="71" t="s">
        <v>6426</v>
      </c>
      <c r="L2351" s="52" t="s">
        <v>2063</v>
      </c>
      <c r="M2351" s="72">
        <v>4272</v>
      </c>
      <c r="N2351" s="52" t="s">
        <v>2066</v>
      </c>
      <c r="O2351" s="52" t="s">
        <v>2067</v>
      </c>
      <c r="P2351" s="52"/>
      <c r="Q2351" s="52"/>
      <c r="R2351" s="52"/>
      <c r="S2351" s="52"/>
      <c r="T2351" s="52"/>
      <c r="U2351" s="52"/>
      <c r="V2351" s="52"/>
      <c r="W2351" s="52"/>
    </row>
    <row r="2352" spans="1:23" x14ac:dyDescent="0.35">
      <c r="A2352" s="52" t="s">
        <v>78</v>
      </c>
      <c r="B2352" s="52" t="s">
        <v>79</v>
      </c>
      <c r="C2352" s="3">
        <v>10</v>
      </c>
      <c r="D2352" s="52" t="s">
        <v>87</v>
      </c>
      <c r="E2352" s="52" t="s">
        <v>26</v>
      </c>
      <c r="F2352" s="52" t="s">
        <v>81</v>
      </c>
      <c r="G2352" s="52" t="s">
        <v>82</v>
      </c>
      <c r="H2352" s="4">
        <v>1</v>
      </c>
      <c r="I2352" s="2">
        <v>14.65</v>
      </c>
      <c r="J2352" s="52" t="s">
        <v>5776</v>
      </c>
      <c r="K2352" s="71" t="s">
        <v>6427</v>
      </c>
      <c r="L2352" s="52" t="s">
        <v>2063</v>
      </c>
      <c r="M2352" s="72">
        <v>8943</v>
      </c>
      <c r="N2352" s="52" t="s">
        <v>2259</v>
      </c>
      <c r="O2352" s="52" t="s">
        <v>2260</v>
      </c>
      <c r="P2352" s="52"/>
      <c r="Q2352" s="52"/>
      <c r="R2352" s="52"/>
      <c r="S2352" s="52"/>
      <c r="T2352" s="52"/>
      <c r="U2352" s="52"/>
      <c r="V2352" s="52"/>
      <c r="W2352" s="52"/>
    </row>
    <row r="2353" spans="1:23" hidden="1" x14ac:dyDescent="0.35">
      <c r="A2353" s="52" t="s">
        <v>78</v>
      </c>
      <c r="B2353" s="52" t="s">
        <v>79</v>
      </c>
      <c r="C2353" s="3">
        <v>20</v>
      </c>
      <c r="D2353" s="52" t="s">
        <v>86</v>
      </c>
      <c r="E2353" s="52" t="s">
        <v>26</v>
      </c>
      <c r="F2353" s="52" t="s">
        <v>81</v>
      </c>
      <c r="G2353" s="52" t="s">
        <v>82</v>
      </c>
      <c r="H2353" s="4">
        <v>1</v>
      </c>
      <c r="I2353" s="2">
        <v>14.65</v>
      </c>
      <c r="J2353" s="52" t="s">
        <v>6428</v>
      </c>
      <c r="K2353" s="71" t="s">
        <v>6429</v>
      </c>
      <c r="L2353" s="52" t="s">
        <v>2063</v>
      </c>
      <c r="M2353" s="72">
        <v>4770</v>
      </c>
      <c r="N2353" s="52" t="s">
        <v>2066</v>
      </c>
      <c r="O2353" s="52" t="s">
        <v>2067</v>
      </c>
      <c r="P2353" s="52"/>
      <c r="Q2353" s="52"/>
      <c r="R2353" s="52"/>
      <c r="S2353" s="52"/>
      <c r="T2353" s="52"/>
      <c r="U2353" s="52"/>
      <c r="V2353" s="52"/>
      <c r="W2353" s="52"/>
    </row>
    <row r="2354" spans="1:23" hidden="1" x14ac:dyDescent="0.35">
      <c r="A2354" s="52" t="s">
        <v>78</v>
      </c>
      <c r="B2354" s="52" t="s">
        <v>79</v>
      </c>
      <c r="C2354" s="3">
        <v>20</v>
      </c>
      <c r="D2354" s="52" t="s">
        <v>86</v>
      </c>
      <c r="E2354" s="52" t="s">
        <v>26</v>
      </c>
      <c r="F2354" s="52" t="s">
        <v>81</v>
      </c>
      <c r="G2354" s="52" t="s">
        <v>82</v>
      </c>
      <c r="H2354" s="4">
        <v>1</v>
      </c>
      <c r="I2354" s="2">
        <v>14.65</v>
      </c>
      <c r="J2354" s="52" t="s">
        <v>6430</v>
      </c>
      <c r="K2354" s="71" t="s">
        <v>6431</v>
      </c>
      <c r="L2354" s="52" t="s">
        <v>2063</v>
      </c>
      <c r="M2354" s="72">
        <v>6509</v>
      </c>
      <c r="N2354" s="52" t="s">
        <v>2072</v>
      </c>
      <c r="O2354" s="52" t="s">
        <v>2073</v>
      </c>
      <c r="P2354" s="52"/>
      <c r="Q2354" s="52"/>
      <c r="R2354" s="52"/>
      <c r="S2354" s="52"/>
      <c r="T2354" s="52"/>
      <c r="U2354" s="52"/>
      <c r="V2354" s="52"/>
      <c r="W2354" s="52"/>
    </row>
    <row r="2355" spans="1:23" hidden="1" x14ac:dyDescent="0.35">
      <c r="A2355" s="52" t="s">
        <v>78</v>
      </c>
      <c r="B2355" s="52" t="s">
        <v>79</v>
      </c>
      <c r="C2355" s="3">
        <v>20</v>
      </c>
      <c r="D2355" s="52" t="s">
        <v>87</v>
      </c>
      <c r="E2355" s="52" t="s">
        <v>26</v>
      </c>
      <c r="F2355" s="52" t="s">
        <v>81</v>
      </c>
      <c r="G2355" s="52" t="s">
        <v>82</v>
      </c>
      <c r="H2355" s="4">
        <v>1</v>
      </c>
      <c r="I2355" s="2">
        <v>14.65</v>
      </c>
      <c r="J2355" s="52" t="s">
        <v>6432</v>
      </c>
      <c r="K2355" s="71" t="s">
        <v>6433</v>
      </c>
      <c r="L2355" s="52" t="s">
        <v>2063</v>
      </c>
      <c r="M2355" s="72">
        <v>4828</v>
      </c>
      <c r="N2355" s="52" t="s">
        <v>2072</v>
      </c>
      <c r="O2355" s="52" t="s">
        <v>2073</v>
      </c>
      <c r="P2355" s="52"/>
      <c r="Q2355" s="52"/>
      <c r="R2355" s="52"/>
      <c r="S2355" s="52"/>
      <c r="T2355" s="52"/>
      <c r="U2355" s="52"/>
      <c r="V2355" s="52"/>
      <c r="W2355" s="52"/>
    </row>
    <row r="2356" spans="1:23" hidden="1" x14ac:dyDescent="0.35">
      <c r="A2356" s="52" t="s">
        <v>78</v>
      </c>
      <c r="B2356" s="52" t="s">
        <v>79</v>
      </c>
      <c r="C2356" s="3">
        <v>20</v>
      </c>
      <c r="D2356" s="52" t="s">
        <v>84</v>
      </c>
      <c r="E2356" s="52" t="s">
        <v>26</v>
      </c>
      <c r="F2356" s="52" t="s">
        <v>81</v>
      </c>
      <c r="G2356" s="52" t="s">
        <v>82</v>
      </c>
      <c r="H2356" s="4">
        <v>1</v>
      </c>
      <c r="I2356" s="2">
        <v>14.65</v>
      </c>
      <c r="J2356" s="52" t="s">
        <v>6434</v>
      </c>
      <c r="K2356" s="71" t="s">
        <v>6435</v>
      </c>
      <c r="L2356" s="52" t="s">
        <v>2063</v>
      </c>
      <c r="M2356" s="72">
        <v>7744</v>
      </c>
      <c r="N2356" s="52"/>
      <c r="O2356" s="52"/>
      <c r="P2356" s="52"/>
      <c r="Q2356" s="52"/>
      <c r="R2356" s="52"/>
      <c r="S2356" s="52"/>
      <c r="T2356" s="52"/>
      <c r="U2356" s="52"/>
      <c r="V2356" s="52"/>
      <c r="W2356" s="52"/>
    </row>
    <row r="2357" spans="1:23" x14ac:dyDescent="0.35">
      <c r="A2357" s="52" t="s">
        <v>78</v>
      </c>
      <c r="B2357" s="52" t="s">
        <v>79</v>
      </c>
      <c r="C2357" s="3">
        <v>20</v>
      </c>
      <c r="D2357" s="52" t="s">
        <v>86</v>
      </c>
      <c r="E2357" s="52" t="s">
        <v>26</v>
      </c>
      <c r="F2357" s="52" t="s">
        <v>81</v>
      </c>
      <c r="G2357" s="52" t="s">
        <v>82</v>
      </c>
      <c r="H2357" s="4">
        <v>1</v>
      </c>
      <c r="I2357" s="2">
        <v>14.65</v>
      </c>
      <c r="J2357" s="52" t="s">
        <v>6436</v>
      </c>
      <c r="K2357" s="71" t="s">
        <v>6437</v>
      </c>
      <c r="L2357" s="52" t="s">
        <v>2063</v>
      </c>
      <c r="M2357" s="72">
        <v>2430</v>
      </c>
      <c r="N2357" s="52" t="s">
        <v>2076</v>
      </c>
      <c r="O2357" s="52" t="s">
        <v>2077</v>
      </c>
      <c r="P2357" s="52"/>
      <c r="Q2357" s="52"/>
      <c r="R2357" s="52"/>
      <c r="S2357" s="52"/>
      <c r="T2357" s="52"/>
      <c r="U2357" s="52"/>
      <c r="V2357" s="52"/>
      <c r="W2357" s="52"/>
    </row>
    <row r="2358" spans="1:23" hidden="1" x14ac:dyDescent="0.35">
      <c r="A2358" s="52" t="s">
        <v>78</v>
      </c>
      <c r="B2358" s="52" t="s">
        <v>79</v>
      </c>
      <c r="C2358" s="3">
        <v>10</v>
      </c>
      <c r="D2358" s="52" t="s">
        <v>2020</v>
      </c>
      <c r="E2358" s="52" t="s">
        <v>26</v>
      </c>
      <c r="F2358" s="52" t="s">
        <v>81</v>
      </c>
      <c r="G2358" s="52" t="s">
        <v>82</v>
      </c>
      <c r="H2358" s="4">
        <v>1</v>
      </c>
      <c r="I2358" s="2">
        <v>14.65</v>
      </c>
      <c r="J2358" s="52" t="s">
        <v>6438</v>
      </c>
      <c r="K2358" s="71" t="s">
        <v>6439</v>
      </c>
      <c r="L2358" s="52" t="s">
        <v>2063</v>
      </c>
      <c r="M2358" s="72">
        <v>488</v>
      </c>
      <c r="N2358" s="52" t="s">
        <v>2154</v>
      </c>
      <c r="O2358" s="52" t="s">
        <v>2155</v>
      </c>
      <c r="P2358" s="52"/>
      <c r="Q2358" s="52"/>
      <c r="R2358" s="52"/>
      <c r="S2358" s="52"/>
      <c r="T2358" s="52"/>
      <c r="U2358" s="52"/>
      <c r="V2358" s="52"/>
      <c r="W2358" s="52"/>
    </row>
    <row r="2359" spans="1:23" hidden="1" x14ac:dyDescent="0.35">
      <c r="A2359" s="52" t="s">
        <v>78</v>
      </c>
      <c r="B2359" s="52" t="s">
        <v>79</v>
      </c>
      <c r="C2359" s="3">
        <v>20</v>
      </c>
      <c r="D2359" s="52" t="s">
        <v>2022</v>
      </c>
      <c r="E2359" s="52" t="s">
        <v>26</v>
      </c>
      <c r="F2359" s="52" t="s">
        <v>81</v>
      </c>
      <c r="G2359" s="52" t="s">
        <v>82</v>
      </c>
      <c r="H2359" s="4">
        <v>1</v>
      </c>
      <c r="I2359" s="2">
        <v>14.65</v>
      </c>
      <c r="J2359" s="52" t="s">
        <v>6440</v>
      </c>
      <c r="K2359" s="71" t="s">
        <v>6441</v>
      </c>
      <c r="L2359" s="52" t="s">
        <v>2063</v>
      </c>
      <c r="M2359" s="72">
        <v>8394</v>
      </c>
      <c r="N2359" s="52" t="s">
        <v>2072</v>
      </c>
      <c r="O2359" s="52" t="s">
        <v>2073</v>
      </c>
      <c r="P2359" s="52"/>
      <c r="Q2359" s="52"/>
      <c r="R2359" s="52"/>
      <c r="S2359" s="52"/>
      <c r="T2359" s="52"/>
      <c r="U2359" s="52"/>
      <c r="V2359" s="52"/>
      <c r="W2359" s="52"/>
    </row>
    <row r="2360" spans="1:23" hidden="1" x14ac:dyDescent="0.35">
      <c r="A2360" s="52" t="s">
        <v>78</v>
      </c>
      <c r="B2360" s="52" t="s">
        <v>79</v>
      </c>
      <c r="C2360" s="3">
        <v>10</v>
      </c>
      <c r="D2360" s="52" t="s">
        <v>2024</v>
      </c>
      <c r="E2360" s="52" t="s">
        <v>26</v>
      </c>
      <c r="F2360" s="52" t="s">
        <v>81</v>
      </c>
      <c r="G2360" s="52" t="s">
        <v>82</v>
      </c>
      <c r="H2360" s="4">
        <v>1</v>
      </c>
      <c r="I2360" s="2">
        <v>14.65</v>
      </c>
      <c r="J2360" s="52" t="s">
        <v>5541</v>
      </c>
      <c r="K2360" s="71" t="s">
        <v>6442</v>
      </c>
      <c r="L2360" s="52" t="s">
        <v>2063</v>
      </c>
      <c r="M2360" s="72">
        <v>9184</v>
      </c>
      <c r="N2360" s="52" t="s">
        <v>2066</v>
      </c>
      <c r="O2360" s="52" t="s">
        <v>2067</v>
      </c>
      <c r="P2360" s="52"/>
      <c r="Q2360" s="52"/>
      <c r="R2360" s="52"/>
      <c r="S2360" s="52"/>
      <c r="T2360" s="52"/>
      <c r="U2360" s="52"/>
      <c r="V2360" s="52"/>
      <c r="W2360" s="52"/>
    </row>
    <row r="2361" spans="1:23" hidden="1" x14ac:dyDescent="0.35">
      <c r="A2361" s="52" t="s">
        <v>78</v>
      </c>
      <c r="B2361" s="52" t="s">
        <v>79</v>
      </c>
      <c r="C2361" s="3">
        <v>211</v>
      </c>
      <c r="D2361" s="52" t="s">
        <v>84</v>
      </c>
      <c r="E2361" s="52" t="s">
        <v>26</v>
      </c>
      <c r="F2361" s="52" t="s">
        <v>81</v>
      </c>
      <c r="G2361" s="52" t="s">
        <v>82</v>
      </c>
      <c r="H2361" s="4">
        <v>1</v>
      </c>
      <c r="I2361" s="2">
        <v>14.65</v>
      </c>
      <c r="J2361" s="52" t="s">
        <v>6443</v>
      </c>
      <c r="K2361" s="71" t="s">
        <v>6444</v>
      </c>
      <c r="L2361" s="52" t="s">
        <v>2063</v>
      </c>
      <c r="M2361" s="72">
        <v>5738</v>
      </c>
      <c r="N2361" s="52" t="s">
        <v>2066</v>
      </c>
      <c r="O2361" s="52" t="s">
        <v>2067</v>
      </c>
      <c r="P2361" s="52"/>
      <c r="Q2361" s="52"/>
      <c r="R2361" s="52"/>
      <c r="S2361" s="52"/>
      <c r="T2361" s="52"/>
      <c r="U2361" s="52"/>
      <c r="V2361" s="52"/>
      <c r="W2361" s="52"/>
    </row>
    <row r="2362" spans="1:23" hidden="1" x14ac:dyDescent="0.35">
      <c r="A2362" s="52" t="s">
        <v>78</v>
      </c>
      <c r="B2362" s="52" t="s">
        <v>79</v>
      </c>
      <c r="C2362" s="3">
        <v>20</v>
      </c>
      <c r="D2362" s="52" t="s">
        <v>2023</v>
      </c>
      <c r="E2362" s="52" t="s">
        <v>26</v>
      </c>
      <c r="F2362" s="52" t="s">
        <v>81</v>
      </c>
      <c r="G2362" s="52" t="s">
        <v>82</v>
      </c>
      <c r="H2362" s="4">
        <v>1</v>
      </c>
      <c r="I2362" s="2">
        <v>14.65</v>
      </c>
      <c r="J2362" s="52" t="s">
        <v>6445</v>
      </c>
      <c r="K2362" s="71" t="s">
        <v>6446</v>
      </c>
      <c r="L2362" s="52" t="s">
        <v>2063</v>
      </c>
      <c r="M2362" s="72">
        <v>6406</v>
      </c>
      <c r="N2362" s="52" t="s">
        <v>2066</v>
      </c>
      <c r="O2362" s="52" t="s">
        <v>2067</v>
      </c>
      <c r="P2362" s="52"/>
      <c r="Q2362" s="52"/>
      <c r="R2362" s="52"/>
      <c r="S2362" s="52"/>
      <c r="T2362" s="52"/>
      <c r="U2362" s="52"/>
      <c r="V2362" s="52"/>
      <c r="W2362" s="52"/>
    </row>
    <row r="2363" spans="1:23" x14ac:dyDescent="0.35">
      <c r="A2363" s="52" t="s">
        <v>78</v>
      </c>
      <c r="B2363" s="52" t="s">
        <v>79</v>
      </c>
      <c r="C2363" s="3">
        <v>20</v>
      </c>
      <c r="D2363" s="52" t="s">
        <v>86</v>
      </c>
      <c r="E2363" s="52" t="s">
        <v>26</v>
      </c>
      <c r="F2363" s="52" t="s">
        <v>81</v>
      </c>
      <c r="G2363" s="52" t="s">
        <v>82</v>
      </c>
      <c r="H2363" s="4">
        <v>1</v>
      </c>
      <c r="I2363" s="2">
        <v>14.65</v>
      </c>
      <c r="J2363" s="52" t="s">
        <v>6447</v>
      </c>
      <c r="K2363" s="71" t="s">
        <v>6448</v>
      </c>
      <c r="L2363" s="52" t="s">
        <v>2063</v>
      </c>
      <c r="M2363" s="72">
        <v>8172</v>
      </c>
      <c r="N2363" s="52" t="s">
        <v>2076</v>
      </c>
      <c r="O2363" s="52" t="s">
        <v>2077</v>
      </c>
      <c r="P2363" s="52"/>
      <c r="Q2363" s="52"/>
      <c r="R2363" s="52"/>
      <c r="S2363" s="52"/>
      <c r="T2363" s="52"/>
      <c r="U2363" s="52"/>
      <c r="V2363" s="52"/>
      <c r="W2363" s="52"/>
    </row>
    <row r="2364" spans="1:23" hidden="1" x14ac:dyDescent="0.35">
      <c r="A2364" s="52" t="s">
        <v>78</v>
      </c>
      <c r="B2364" s="52" t="s">
        <v>79</v>
      </c>
      <c r="C2364" s="3">
        <v>10</v>
      </c>
      <c r="D2364" s="52" t="s">
        <v>2022</v>
      </c>
      <c r="E2364" s="52" t="s">
        <v>26</v>
      </c>
      <c r="F2364" s="52" t="s">
        <v>81</v>
      </c>
      <c r="G2364" s="52" t="s">
        <v>82</v>
      </c>
      <c r="H2364" s="4">
        <v>1</v>
      </c>
      <c r="I2364" s="2">
        <v>14.65</v>
      </c>
      <c r="J2364" s="52" t="s">
        <v>6449</v>
      </c>
      <c r="K2364" s="71" t="s">
        <v>6450</v>
      </c>
      <c r="L2364" s="52" t="s">
        <v>2063</v>
      </c>
      <c r="M2364" s="72">
        <v>1167</v>
      </c>
      <c r="N2364" s="52" t="s">
        <v>2072</v>
      </c>
      <c r="O2364" s="52" t="s">
        <v>2073</v>
      </c>
      <c r="P2364" s="52"/>
      <c r="Q2364" s="52"/>
      <c r="R2364" s="52"/>
      <c r="S2364" s="52"/>
      <c r="T2364" s="52"/>
      <c r="U2364" s="52"/>
      <c r="V2364" s="52"/>
      <c r="W2364" s="52"/>
    </row>
    <row r="2365" spans="1:23" hidden="1" x14ac:dyDescent="0.35">
      <c r="A2365" s="52" t="s">
        <v>78</v>
      </c>
      <c r="B2365" s="52" t="s">
        <v>79</v>
      </c>
      <c r="C2365" s="3">
        <v>20</v>
      </c>
      <c r="D2365" s="52" t="s">
        <v>2021</v>
      </c>
      <c r="E2365" s="52" t="s">
        <v>26</v>
      </c>
      <c r="F2365" s="52" t="s">
        <v>81</v>
      </c>
      <c r="G2365" s="52" t="s">
        <v>82</v>
      </c>
      <c r="H2365" s="4">
        <v>1</v>
      </c>
      <c r="I2365" s="2">
        <v>14.65</v>
      </c>
      <c r="J2365" s="52" t="s">
        <v>6451</v>
      </c>
      <c r="K2365" s="71" t="s">
        <v>6452</v>
      </c>
      <c r="L2365" s="52" t="s">
        <v>2063</v>
      </c>
      <c r="M2365" s="72">
        <v>6424</v>
      </c>
      <c r="N2365" s="52" t="s">
        <v>2072</v>
      </c>
      <c r="O2365" s="52" t="s">
        <v>2073</v>
      </c>
      <c r="P2365" s="52"/>
      <c r="Q2365" s="52"/>
      <c r="R2365" s="52"/>
      <c r="S2365" s="52"/>
      <c r="T2365" s="52"/>
      <c r="U2365" s="52"/>
      <c r="V2365" s="52"/>
      <c r="W2365" s="52"/>
    </row>
    <row r="2366" spans="1:23" hidden="1" x14ac:dyDescent="0.35">
      <c r="A2366" s="52" t="s">
        <v>78</v>
      </c>
      <c r="B2366" s="52" t="s">
        <v>79</v>
      </c>
      <c r="C2366" s="3">
        <v>20</v>
      </c>
      <c r="D2366" s="52" t="s">
        <v>85</v>
      </c>
      <c r="E2366" s="52" t="s">
        <v>26</v>
      </c>
      <c r="F2366" s="52" t="s">
        <v>81</v>
      </c>
      <c r="G2366" s="52" t="s">
        <v>82</v>
      </c>
      <c r="H2366" s="4">
        <v>1</v>
      </c>
      <c r="I2366" s="2">
        <v>14.65</v>
      </c>
      <c r="J2366" s="52" t="s">
        <v>6453</v>
      </c>
      <c r="K2366" s="71" t="s">
        <v>6454</v>
      </c>
      <c r="L2366" s="52" t="s">
        <v>2063</v>
      </c>
      <c r="M2366" s="72">
        <v>3838</v>
      </c>
      <c r="N2366" s="52" t="s">
        <v>2158</v>
      </c>
      <c r="O2366" s="52" t="s">
        <v>2159</v>
      </c>
      <c r="P2366" s="52"/>
      <c r="Q2366" s="52"/>
      <c r="R2366" s="52"/>
      <c r="S2366" s="52"/>
      <c r="T2366" s="52"/>
      <c r="U2366" s="52"/>
      <c r="V2366" s="52"/>
      <c r="W2366" s="52"/>
    </row>
    <row r="2367" spans="1:23" hidden="1" x14ac:dyDescent="0.35">
      <c r="A2367" s="52" t="s">
        <v>78</v>
      </c>
      <c r="B2367" s="52" t="s">
        <v>79</v>
      </c>
      <c r="C2367" s="3">
        <v>20</v>
      </c>
      <c r="D2367" s="52" t="s">
        <v>80</v>
      </c>
      <c r="E2367" s="52" t="s">
        <v>26</v>
      </c>
      <c r="F2367" s="52" t="s">
        <v>81</v>
      </c>
      <c r="G2367" s="52" t="s">
        <v>82</v>
      </c>
      <c r="H2367" s="4">
        <v>1</v>
      </c>
      <c r="I2367" s="2">
        <v>14.65</v>
      </c>
      <c r="J2367" s="52" t="s">
        <v>6455</v>
      </c>
      <c r="K2367" s="71" t="s">
        <v>6456</v>
      </c>
      <c r="L2367" s="52" t="s">
        <v>2063</v>
      </c>
      <c r="M2367" s="72">
        <v>5128</v>
      </c>
      <c r="N2367" s="52" t="s">
        <v>2072</v>
      </c>
      <c r="O2367" s="52" t="s">
        <v>2073</v>
      </c>
      <c r="P2367" s="52"/>
      <c r="Q2367" s="52"/>
      <c r="R2367" s="52"/>
      <c r="S2367" s="52"/>
      <c r="T2367" s="52"/>
      <c r="U2367" s="52"/>
      <c r="V2367" s="52"/>
      <c r="W2367" s="52"/>
    </row>
    <row r="2368" spans="1:23" hidden="1" x14ac:dyDescent="0.35">
      <c r="A2368" s="52" t="s">
        <v>78</v>
      </c>
      <c r="B2368" s="52" t="s">
        <v>79</v>
      </c>
      <c r="C2368" s="3">
        <v>20</v>
      </c>
      <c r="D2368" s="52" t="s">
        <v>83</v>
      </c>
      <c r="E2368" s="52" t="s">
        <v>26</v>
      </c>
      <c r="F2368" s="52" t="s">
        <v>81</v>
      </c>
      <c r="G2368" s="52" t="s">
        <v>82</v>
      </c>
      <c r="H2368" s="4">
        <v>1</v>
      </c>
      <c r="I2368" s="2">
        <v>14.65</v>
      </c>
      <c r="J2368" s="52" t="s">
        <v>5487</v>
      </c>
      <c r="K2368" s="71" t="s">
        <v>6457</v>
      </c>
      <c r="L2368" s="52" t="s">
        <v>2063</v>
      </c>
      <c r="M2368" s="72">
        <v>6896</v>
      </c>
      <c r="N2368" s="52" t="s">
        <v>2158</v>
      </c>
      <c r="O2368" s="52" t="s">
        <v>2159</v>
      </c>
      <c r="P2368" s="52"/>
      <c r="Q2368" s="52"/>
      <c r="R2368" s="52"/>
      <c r="S2368" s="52"/>
      <c r="T2368" s="52"/>
      <c r="U2368" s="52"/>
      <c r="V2368" s="52"/>
      <c r="W2368" s="52"/>
    </row>
    <row r="2369" spans="1:23" hidden="1" x14ac:dyDescent="0.35">
      <c r="A2369" s="52" t="s">
        <v>78</v>
      </c>
      <c r="B2369" s="52" t="s">
        <v>79</v>
      </c>
      <c r="C2369" s="3">
        <v>20</v>
      </c>
      <c r="D2369" s="52" t="s">
        <v>2020</v>
      </c>
      <c r="E2369" s="52" t="s">
        <v>26</v>
      </c>
      <c r="F2369" s="52" t="s">
        <v>81</v>
      </c>
      <c r="G2369" s="52" t="s">
        <v>82</v>
      </c>
      <c r="H2369" s="4">
        <v>1</v>
      </c>
      <c r="I2369" s="2">
        <v>14.65</v>
      </c>
      <c r="J2369" s="52" t="s">
        <v>6458</v>
      </c>
      <c r="K2369" s="71" t="s">
        <v>6459</v>
      </c>
      <c r="L2369" s="52" t="s">
        <v>2063</v>
      </c>
      <c r="M2369" s="72">
        <v>8620</v>
      </c>
      <c r="N2369" s="52" t="s">
        <v>2072</v>
      </c>
      <c r="O2369" s="52" t="s">
        <v>2073</v>
      </c>
      <c r="P2369" s="52"/>
      <c r="Q2369" s="52"/>
      <c r="R2369" s="52"/>
      <c r="S2369" s="52"/>
      <c r="T2369" s="52"/>
      <c r="U2369" s="52"/>
      <c r="V2369" s="52"/>
      <c r="W2369" s="52"/>
    </row>
    <row r="2370" spans="1:23" hidden="1" x14ac:dyDescent="0.35">
      <c r="A2370" s="52" t="s">
        <v>78</v>
      </c>
      <c r="B2370" s="52" t="s">
        <v>79</v>
      </c>
      <c r="C2370" s="3">
        <v>211</v>
      </c>
      <c r="D2370" s="52" t="s">
        <v>2019</v>
      </c>
      <c r="E2370" s="52" t="s">
        <v>26</v>
      </c>
      <c r="F2370" s="52" t="s">
        <v>81</v>
      </c>
      <c r="G2370" s="52" t="s">
        <v>82</v>
      </c>
      <c r="H2370" s="4">
        <v>1</v>
      </c>
      <c r="I2370" s="2">
        <v>14.65</v>
      </c>
      <c r="J2370" s="52" t="s">
        <v>6460</v>
      </c>
      <c r="K2370" s="71" t="s">
        <v>6461</v>
      </c>
      <c r="L2370" s="52" t="s">
        <v>2063</v>
      </c>
      <c r="M2370" s="72">
        <v>983</v>
      </c>
      <c r="N2370" s="52" t="s">
        <v>2154</v>
      </c>
      <c r="O2370" s="52" t="s">
        <v>2155</v>
      </c>
      <c r="P2370" s="52"/>
      <c r="Q2370" s="52"/>
      <c r="R2370" s="52"/>
      <c r="S2370" s="52"/>
      <c r="T2370" s="52"/>
      <c r="U2370" s="52"/>
      <c r="V2370" s="52"/>
      <c r="W2370" s="52"/>
    </row>
    <row r="2371" spans="1:23" hidden="1" x14ac:dyDescent="0.35">
      <c r="A2371" s="52" t="s">
        <v>78</v>
      </c>
      <c r="B2371" s="52" t="s">
        <v>79</v>
      </c>
      <c r="C2371" s="3">
        <v>20</v>
      </c>
      <c r="D2371" s="52" t="s">
        <v>2023</v>
      </c>
      <c r="E2371" s="52" t="s">
        <v>26</v>
      </c>
      <c r="F2371" s="52" t="s">
        <v>81</v>
      </c>
      <c r="G2371" s="52" t="s">
        <v>82</v>
      </c>
      <c r="H2371" s="4">
        <v>1</v>
      </c>
      <c r="I2371" s="2">
        <v>14.65</v>
      </c>
      <c r="J2371" s="52" t="s">
        <v>6462</v>
      </c>
      <c r="K2371" s="71" t="s">
        <v>6463</v>
      </c>
      <c r="L2371" s="52" t="s">
        <v>2063</v>
      </c>
      <c r="M2371" s="72">
        <v>8374</v>
      </c>
      <c r="N2371" s="52" t="s">
        <v>2072</v>
      </c>
      <c r="O2371" s="52" t="s">
        <v>2073</v>
      </c>
      <c r="P2371" s="52"/>
      <c r="Q2371" s="52"/>
      <c r="R2371" s="52"/>
      <c r="S2371" s="52"/>
      <c r="T2371" s="52"/>
      <c r="U2371" s="52"/>
      <c r="V2371" s="52"/>
      <c r="W2371" s="52"/>
    </row>
    <row r="2372" spans="1:23" hidden="1" x14ac:dyDescent="0.35">
      <c r="A2372" s="52" t="s">
        <v>78</v>
      </c>
      <c r="B2372" s="52" t="s">
        <v>79</v>
      </c>
      <c r="C2372" s="3">
        <v>20</v>
      </c>
      <c r="D2372" s="52" t="s">
        <v>83</v>
      </c>
      <c r="E2372" s="52" t="s">
        <v>26</v>
      </c>
      <c r="F2372" s="52" t="s">
        <v>81</v>
      </c>
      <c r="G2372" s="52" t="s">
        <v>82</v>
      </c>
      <c r="H2372" s="4">
        <v>1</v>
      </c>
      <c r="I2372" s="2">
        <v>14.65</v>
      </c>
      <c r="J2372" s="52" t="s">
        <v>6464</v>
      </c>
      <c r="K2372" s="71" t="s">
        <v>6465</v>
      </c>
      <c r="L2372" s="52" t="s">
        <v>2063</v>
      </c>
      <c r="M2372" s="72">
        <v>4952</v>
      </c>
      <c r="N2372" s="52" t="s">
        <v>2066</v>
      </c>
      <c r="O2372" s="52" t="s">
        <v>2067</v>
      </c>
      <c r="P2372" s="52"/>
      <c r="Q2372" s="52"/>
      <c r="R2372" s="52"/>
      <c r="S2372" s="52"/>
      <c r="T2372" s="52"/>
      <c r="U2372" s="52"/>
      <c r="V2372" s="52"/>
      <c r="W2372" s="52"/>
    </row>
    <row r="2373" spans="1:23" hidden="1" x14ac:dyDescent="0.35">
      <c r="A2373" s="52" t="s">
        <v>78</v>
      </c>
      <c r="B2373" s="52" t="s">
        <v>79</v>
      </c>
      <c r="C2373" s="3">
        <v>10</v>
      </c>
      <c r="D2373" s="52" t="s">
        <v>2020</v>
      </c>
      <c r="E2373" s="52" t="s">
        <v>26</v>
      </c>
      <c r="F2373" s="52" t="s">
        <v>81</v>
      </c>
      <c r="G2373" s="52" t="s">
        <v>82</v>
      </c>
      <c r="H2373" s="4">
        <v>1</v>
      </c>
      <c r="I2373" s="2">
        <v>14.65</v>
      </c>
      <c r="J2373" s="52" t="s">
        <v>6466</v>
      </c>
      <c r="K2373" s="71" t="s">
        <v>6467</v>
      </c>
      <c r="L2373" s="52" t="s">
        <v>2063</v>
      </c>
      <c r="M2373" s="72">
        <v>6507</v>
      </c>
      <c r="N2373" s="52" t="s">
        <v>2072</v>
      </c>
      <c r="O2373" s="52" t="s">
        <v>2073</v>
      </c>
      <c r="P2373" s="52"/>
      <c r="Q2373" s="52"/>
      <c r="R2373" s="52"/>
      <c r="S2373" s="52"/>
      <c r="T2373" s="52"/>
      <c r="U2373" s="52"/>
      <c r="V2373" s="52"/>
      <c r="W2373" s="52"/>
    </row>
    <row r="2374" spans="1:23" x14ac:dyDescent="0.35">
      <c r="A2374" s="52" t="s">
        <v>78</v>
      </c>
      <c r="B2374" s="52" t="s">
        <v>79</v>
      </c>
      <c r="C2374" s="3">
        <v>10</v>
      </c>
      <c r="D2374" s="52" t="s">
        <v>2020</v>
      </c>
      <c r="E2374" s="52" t="s">
        <v>26</v>
      </c>
      <c r="F2374" s="52" t="s">
        <v>81</v>
      </c>
      <c r="G2374" s="52" t="s">
        <v>82</v>
      </c>
      <c r="H2374" s="4">
        <v>1</v>
      </c>
      <c r="I2374" s="2">
        <v>14.65</v>
      </c>
      <c r="J2374" s="52" t="s">
        <v>6468</v>
      </c>
      <c r="K2374" s="71" t="s">
        <v>6469</v>
      </c>
      <c r="L2374" s="52" t="s">
        <v>2063</v>
      </c>
      <c r="M2374" s="72">
        <v>8621</v>
      </c>
      <c r="N2374" s="52" t="s">
        <v>2076</v>
      </c>
      <c r="O2374" s="52" t="s">
        <v>2077</v>
      </c>
      <c r="P2374" s="52"/>
      <c r="Q2374" s="52"/>
      <c r="R2374" s="52"/>
      <c r="S2374" s="52"/>
      <c r="T2374" s="52"/>
      <c r="U2374" s="52"/>
      <c r="V2374" s="52"/>
      <c r="W2374" s="52"/>
    </row>
    <row r="2375" spans="1:23" hidden="1" x14ac:dyDescent="0.35">
      <c r="A2375" s="52" t="s">
        <v>78</v>
      </c>
      <c r="B2375" s="52" t="s">
        <v>79</v>
      </c>
      <c r="C2375" s="3">
        <v>10</v>
      </c>
      <c r="D2375" s="52" t="s">
        <v>85</v>
      </c>
      <c r="E2375" s="52" t="s">
        <v>26</v>
      </c>
      <c r="F2375" s="52" t="s">
        <v>81</v>
      </c>
      <c r="G2375" s="52" t="s">
        <v>82</v>
      </c>
      <c r="H2375" s="4">
        <v>1</v>
      </c>
      <c r="I2375" s="2">
        <v>14.65</v>
      </c>
      <c r="J2375" s="52" t="s">
        <v>6470</v>
      </c>
      <c r="K2375" s="71" t="s">
        <v>6471</v>
      </c>
      <c r="L2375" s="52" t="s">
        <v>2063</v>
      </c>
      <c r="M2375" s="72">
        <v>5962</v>
      </c>
      <c r="N2375" s="52" t="s">
        <v>2072</v>
      </c>
      <c r="O2375" s="52" t="s">
        <v>2073</v>
      </c>
      <c r="P2375" s="52"/>
      <c r="Q2375" s="52"/>
      <c r="R2375" s="52"/>
      <c r="S2375" s="52"/>
      <c r="T2375" s="52"/>
      <c r="U2375" s="52"/>
      <c r="V2375" s="52"/>
      <c r="W2375" s="52"/>
    </row>
    <row r="2376" spans="1:23" hidden="1" x14ac:dyDescent="0.35">
      <c r="A2376" s="52" t="s">
        <v>78</v>
      </c>
      <c r="B2376" s="52" t="s">
        <v>79</v>
      </c>
      <c r="C2376" s="3">
        <v>20</v>
      </c>
      <c r="D2376" s="52" t="s">
        <v>80</v>
      </c>
      <c r="E2376" s="52" t="s">
        <v>26</v>
      </c>
      <c r="F2376" s="52" t="s">
        <v>81</v>
      </c>
      <c r="G2376" s="52" t="s">
        <v>82</v>
      </c>
      <c r="H2376" s="4">
        <v>1</v>
      </c>
      <c r="I2376" s="2">
        <v>14.65</v>
      </c>
      <c r="J2376" s="52" t="s">
        <v>6472</v>
      </c>
      <c r="K2376" s="71" t="s">
        <v>6473</v>
      </c>
      <c r="L2376" s="52" t="s">
        <v>2063</v>
      </c>
      <c r="M2376" s="72">
        <v>5649</v>
      </c>
      <c r="N2376" s="52"/>
      <c r="O2376" s="52"/>
      <c r="P2376" s="52"/>
      <c r="Q2376" s="52"/>
      <c r="R2376" s="52"/>
      <c r="S2376" s="52"/>
      <c r="T2376" s="52"/>
      <c r="U2376" s="52"/>
      <c r="V2376" s="52"/>
      <c r="W2376" s="52"/>
    </row>
    <row r="2377" spans="1:23" hidden="1" x14ac:dyDescent="0.35">
      <c r="A2377" s="52" t="s">
        <v>78</v>
      </c>
      <c r="B2377" s="52" t="s">
        <v>79</v>
      </c>
      <c r="C2377" s="3">
        <v>20</v>
      </c>
      <c r="D2377" s="52" t="s">
        <v>2024</v>
      </c>
      <c r="E2377" s="52" t="s">
        <v>26</v>
      </c>
      <c r="F2377" s="52" t="s">
        <v>81</v>
      </c>
      <c r="G2377" s="52" t="s">
        <v>82</v>
      </c>
      <c r="H2377" s="4">
        <v>1</v>
      </c>
      <c r="I2377" s="2">
        <v>14.65</v>
      </c>
      <c r="J2377" s="52" t="s">
        <v>6474</v>
      </c>
      <c r="K2377" s="71" t="s">
        <v>6475</v>
      </c>
      <c r="L2377" s="52" t="s">
        <v>2063</v>
      </c>
      <c r="M2377" s="72">
        <v>8992</v>
      </c>
      <c r="N2377" s="52" t="s">
        <v>2072</v>
      </c>
      <c r="O2377" s="52" t="s">
        <v>2073</v>
      </c>
      <c r="P2377" s="52"/>
      <c r="Q2377" s="52"/>
      <c r="R2377" s="52"/>
      <c r="S2377" s="52"/>
      <c r="T2377" s="52"/>
      <c r="U2377" s="52"/>
      <c r="V2377" s="52"/>
      <c r="W2377" s="52"/>
    </row>
    <row r="2378" spans="1:23" hidden="1" x14ac:dyDescent="0.35">
      <c r="A2378" s="52" t="s">
        <v>78</v>
      </c>
      <c r="B2378" s="52" t="s">
        <v>79</v>
      </c>
      <c r="C2378" s="3">
        <v>20</v>
      </c>
      <c r="D2378" s="52" t="s">
        <v>87</v>
      </c>
      <c r="E2378" s="52" t="s">
        <v>26</v>
      </c>
      <c r="F2378" s="52" t="s">
        <v>81</v>
      </c>
      <c r="G2378" s="52" t="s">
        <v>82</v>
      </c>
      <c r="H2378" s="4">
        <v>1</v>
      </c>
      <c r="I2378" s="2">
        <v>14.65</v>
      </c>
      <c r="J2378" s="52" t="s">
        <v>6476</v>
      </c>
      <c r="K2378" s="71" t="s">
        <v>6477</v>
      </c>
      <c r="L2378" s="52" t="s">
        <v>2063</v>
      </c>
      <c r="M2378" s="72">
        <v>5058</v>
      </c>
      <c r="N2378" s="52" t="s">
        <v>2072</v>
      </c>
      <c r="O2378" s="52" t="s">
        <v>2073</v>
      </c>
      <c r="P2378" s="52"/>
      <c r="Q2378" s="52"/>
      <c r="R2378" s="52"/>
      <c r="S2378" s="52"/>
      <c r="T2378" s="52"/>
      <c r="U2378" s="52"/>
      <c r="V2378" s="52"/>
      <c r="W2378" s="52"/>
    </row>
    <row r="2379" spans="1:23" hidden="1" x14ac:dyDescent="0.35">
      <c r="A2379" s="52" t="s">
        <v>78</v>
      </c>
      <c r="B2379" s="52" t="s">
        <v>79</v>
      </c>
      <c r="C2379" s="3">
        <v>20</v>
      </c>
      <c r="D2379" s="52" t="s">
        <v>2024</v>
      </c>
      <c r="E2379" s="52" t="s">
        <v>26</v>
      </c>
      <c r="F2379" s="52" t="s">
        <v>81</v>
      </c>
      <c r="G2379" s="52" t="s">
        <v>82</v>
      </c>
      <c r="H2379" s="4">
        <v>1</v>
      </c>
      <c r="I2379" s="2">
        <v>14.65</v>
      </c>
      <c r="J2379" s="52" t="s">
        <v>5727</v>
      </c>
      <c r="K2379" s="71" t="s">
        <v>6478</v>
      </c>
      <c r="L2379" s="52" t="s">
        <v>2063</v>
      </c>
      <c r="M2379" s="72">
        <v>2282</v>
      </c>
      <c r="N2379" s="52" t="s">
        <v>2072</v>
      </c>
      <c r="O2379" s="52" t="s">
        <v>2073</v>
      </c>
      <c r="P2379" s="52"/>
      <c r="Q2379" s="52"/>
      <c r="R2379" s="52"/>
      <c r="S2379" s="52"/>
      <c r="T2379" s="52"/>
      <c r="U2379" s="52"/>
      <c r="V2379" s="52"/>
      <c r="W2379" s="52"/>
    </row>
    <row r="2380" spans="1:23" hidden="1" x14ac:dyDescent="0.35">
      <c r="A2380" s="52" t="s">
        <v>78</v>
      </c>
      <c r="B2380" s="52" t="s">
        <v>79</v>
      </c>
      <c r="C2380" s="3">
        <v>10</v>
      </c>
      <c r="D2380" s="52" t="s">
        <v>2023</v>
      </c>
      <c r="E2380" s="52" t="s">
        <v>26</v>
      </c>
      <c r="F2380" s="52" t="s">
        <v>81</v>
      </c>
      <c r="G2380" s="52" t="s">
        <v>82</v>
      </c>
      <c r="H2380" s="4">
        <v>1</v>
      </c>
      <c r="I2380" s="2">
        <v>14.65</v>
      </c>
      <c r="J2380" s="52" t="s">
        <v>6479</v>
      </c>
      <c r="K2380" s="71" t="s">
        <v>6480</v>
      </c>
      <c r="L2380" s="52" t="s">
        <v>2063</v>
      </c>
      <c r="M2380" s="72">
        <v>1660</v>
      </c>
      <c r="N2380" s="52" t="s">
        <v>2066</v>
      </c>
      <c r="O2380" s="52" t="s">
        <v>2067</v>
      </c>
      <c r="P2380" s="52"/>
      <c r="Q2380" s="52"/>
      <c r="R2380" s="52"/>
      <c r="S2380" s="52"/>
      <c r="T2380" s="52"/>
      <c r="U2380" s="52"/>
      <c r="V2380" s="52"/>
      <c r="W2380" s="52"/>
    </row>
    <row r="2381" spans="1:23" hidden="1" x14ac:dyDescent="0.35">
      <c r="A2381" s="52" t="s">
        <v>78</v>
      </c>
      <c r="B2381" s="52" t="s">
        <v>79</v>
      </c>
      <c r="C2381" s="3">
        <v>20</v>
      </c>
      <c r="D2381" s="52" t="s">
        <v>83</v>
      </c>
      <c r="E2381" s="52" t="s">
        <v>26</v>
      </c>
      <c r="F2381" s="52" t="s">
        <v>81</v>
      </c>
      <c r="G2381" s="52" t="s">
        <v>82</v>
      </c>
      <c r="H2381" s="4">
        <v>1</v>
      </c>
      <c r="I2381" s="2">
        <v>14.65</v>
      </c>
      <c r="J2381" s="52" t="s">
        <v>6481</v>
      </c>
      <c r="K2381" s="71" t="s">
        <v>6482</v>
      </c>
      <c r="L2381" s="52" t="s">
        <v>2063</v>
      </c>
      <c r="M2381" s="72">
        <v>3179</v>
      </c>
      <c r="N2381" s="52" t="s">
        <v>2072</v>
      </c>
      <c r="O2381" s="52" t="s">
        <v>2073</v>
      </c>
      <c r="P2381" s="52"/>
      <c r="Q2381" s="52"/>
      <c r="R2381" s="52"/>
      <c r="S2381" s="52"/>
      <c r="T2381" s="52"/>
      <c r="U2381" s="52"/>
      <c r="V2381" s="52"/>
      <c r="W2381" s="52"/>
    </row>
    <row r="2382" spans="1:23" hidden="1" x14ac:dyDescent="0.35">
      <c r="A2382" s="52" t="s">
        <v>78</v>
      </c>
      <c r="B2382" s="52" t="s">
        <v>79</v>
      </c>
      <c r="C2382" s="3">
        <v>10</v>
      </c>
      <c r="D2382" s="52" t="s">
        <v>2024</v>
      </c>
      <c r="E2382" s="52" t="s">
        <v>26</v>
      </c>
      <c r="F2382" s="52" t="s">
        <v>81</v>
      </c>
      <c r="G2382" s="52" t="s">
        <v>82</v>
      </c>
      <c r="H2382" s="4">
        <v>1</v>
      </c>
      <c r="I2382" s="2">
        <v>14.65</v>
      </c>
      <c r="J2382" s="52" t="s">
        <v>6483</v>
      </c>
      <c r="K2382" s="71" t="s">
        <v>6484</v>
      </c>
      <c r="L2382" s="52" t="s">
        <v>2063</v>
      </c>
      <c r="M2382" s="72">
        <v>8518</v>
      </c>
      <c r="N2382" s="52" t="s">
        <v>2072</v>
      </c>
      <c r="O2382" s="52" t="s">
        <v>2073</v>
      </c>
      <c r="P2382" s="52"/>
      <c r="Q2382" s="52"/>
      <c r="R2382" s="52"/>
      <c r="S2382" s="52"/>
      <c r="T2382" s="52"/>
      <c r="U2382" s="52"/>
      <c r="V2382" s="52"/>
      <c r="W2382" s="52"/>
    </row>
    <row r="2383" spans="1:23" hidden="1" x14ac:dyDescent="0.35">
      <c r="A2383" s="52" t="s">
        <v>78</v>
      </c>
      <c r="B2383" s="52" t="s">
        <v>79</v>
      </c>
      <c r="C2383" s="3">
        <v>10</v>
      </c>
      <c r="D2383" s="52" t="s">
        <v>80</v>
      </c>
      <c r="E2383" s="52" t="s">
        <v>26</v>
      </c>
      <c r="F2383" s="52" t="s">
        <v>81</v>
      </c>
      <c r="G2383" s="52" t="s">
        <v>82</v>
      </c>
      <c r="H2383" s="4">
        <v>1</v>
      </c>
      <c r="I2383" s="2">
        <v>14.65</v>
      </c>
      <c r="J2383" s="52" t="s">
        <v>6342</v>
      </c>
      <c r="K2383" s="71" t="s">
        <v>6485</v>
      </c>
      <c r="L2383" s="52" t="s">
        <v>2063</v>
      </c>
      <c r="M2383" s="72">
        <v>1981</v>
      </c>
      <c r="N2383" s="52" t="s">
        <v>2072</v>
      </c>
      <c r="O2383" s="52" t="s">
        <v>2073</v>
      </c>
      <c r="P2383" s="52"/>
      <c r="Q2383" s="52"/>
      <c r="R2383" s="52"/>
      <c r="S2383" s="52"/>
      <c r="T2383" s="52"/>
      <c r="U2383" s="52"/>
      <c r="V2383" s="52"/>
      <c r="W2383" s="52"/>
    </row>
    <row r="2384" spans="1:23" hidden="1" x14ac:dyDescent="0.35">
      <c r="A2384" s="52" t="s">
        <v>78</v>
      </c>
      <c r="B2384" s="52" t="s">
        <v>79</v>
      </c>
      <c r="C2384" s="3">
        <v>20</v>
      </c>
      <c r="D2384" s="52" t="s">
        <v>2019</v>
      </c>
      <c r="E2384" s="52" t="s">
        <v>26</v>
      </c>
      <c r="F2384" s="52" t="s">
        <v>81</v>
      </c>
      <c r="G2384" s="52" t="s">
        <v>82</v>
      </c>
      <c r="H2384" s="4">
        <v>1</v>
      </c>
      <c r="I2384" s="2">
        <v>14.65</v>
      </c>
      <c r="J2384" s="52" t="s">
        <v>5901</v>
      </c>
      <c r="K2384" s="71" t="s">
        <v>6486</v>
      </c>
      <c r="L2384" s="52" t="s">
        <v>2063</v>
      </c>
      <c r="M2384" s="72">
        <v>1559</v>
      </c>
      <c r="N2384" s="52"/>
      <c r="O2384" s="52"/>
      <c r="P2384" s="52"/>
      <c r="Q2384" s="52"/>
      <c r="R2384" s="52"/>
      <c r="S2384" s="52"/>
      <c r="T2384" s="52"/>
      <c r="U2384" s="52"/>
      <c r="V2384" s="52"/>
      <c r="W2384" s="52"/>
    </row>
    <row r="2385" spans="1:23" hidden="1" x14ac:dyDescent="0.35">
      <c r="A2385" s="52" t="s">
        <v>78</v>
      </c>
      <c r="B2385" s="52" t="s">
        <v>79</v>
      </c>
      <c r="C2385" s="3">
        <v>10</v>
      </c>
      <c r="D2385" s="52" t="s">
        <v>85</v>
      </c>
      <c r="E2385" s="52" t="s">
        <v>26</v>
      </c>
      <c r="F2385" s="52" t="s">
        <v>81</v>
      </c>
      <c r="G2385" s="52" t="s">
        <v>82</v>
      </c>
      <c r="H2385" s="4">
        <v>1</v>
      </c>
      <c r="I2385" s="2">
        <v>14.65</v>
      </c>
      <c r="J2385" s="52" t="s">
        <v>6487</v>
      </c>
      <c r="K2385" s="71" t="s">
        <v>6488</v>
      </c>
      <c r="L2385" s="52" t="s">
        <v>2095</v>
      </c>
      <c r="M2385" s="72">
        <v>2525</v>
      </c>
      <c r="N2385" s="52"/>
      <c r="O2385" s="52"/>
      <c r="P2385" s="52"/>
      <c r="Q2385" s="52"/>
      <c r="R2385" s="52"/>
      <c r="S2385" s="52"/>
      <c r="T2385" s="52"/>
      <c r="U2385" s="52"/>
      <c r="V2385" s="52"/>
      <c r="W2385" s="52"/>
    </row>
    <row r="2386" spans="1:23" x14ac:dyDescent="0.35">
      <c r="A2386" s="52" t="s">
        <v>78</v>
      </c>
      <c r="B2386" s="52" t="s">
        <v>79</v>
      </c>
      <c r="C2386" s="3">
        <v>211</v>
      </c>
      <c r="D2386" s="52" t="s">
        <v>2023</v>
      </c>
      <c r="E2386" s="52" t="s">
        <v>26</v>
      </c>
      <c r="F2386" s="52" t="s">
        <v>81</v>
      </c>
      <c r="G2386" s="52" t="s">
        <v>82</v>
      </c>
      <c r="H2386" s="4">
        <v>1</v>
      </c>
      <c r="I2386" s="2">
        <v>14.65</v>
      </c>
      <c r="J2386" s="52" t="s">
        <v>6489</v>
      </c>
      <c r="K2386" s="71" t="s">
        <v>6490</v>
      </c>
      <c r="L2386" s="52" t="s">
        <v>2063</v>
      </c>
      <c r="M2386" s="72">
        <v>4642</v>
      </c>
      <c r="N2386" s="52" t="s">
        <v>2259</v>
      </c>
      <c r="O2386" s="52" t="s">
        <v>2260</v>
      </c>
      <c r="P2386" s="52"/>
      <c r="Q2386" s="52"/>
      <c r="R2386" s="52"/>
      <c r="S2386" s="52"/>
      <c r="T2386" s="52"/>
      <c r="U2386" s="52"/>
      <c r="V2386" s="52"/>
      <c r="W2386" s="52"/>
    </row>
    <row r="2387" spans="1:23" hidden="1" x14ac:dyDescent="0.35">
      <c r="A2387" s="52" t="s">
        <v>78</v>
      </c>
      <c r="B2387" s="52" t="s">
        <v>79</v>
      </c>
      <c r="C2387" s="3">
        <v>20</v>
      </c>
      <c r="D2387" s="52" t="s">
        <v>2023</v>
      </c>
      <c r="E2387" s="52" t="s">
        <v>26</v>
      </c>
      <c r="F2387" s="52" t="s">
        <v>81</v>
      </c>
      <c r="G2387" s="52" t="s">
        <v>82</v>
      </c>
      <c r="H2387" s="4">
        <v>1</v>
      </c>
      <c r="I2387" s="2">
        <v>14.65</v>
      </c>
      <c r="J2387" s="52" t="s">
        <v>6491</v>
      </c>
      <c r="K2387" s="71" t="s">
        <v>6492</v>
      </c>
      <c r="L2387" s="52" t="s">
        <v>2063</v>
      </c>
      <c r="M2387" s="72">
        <v>5889</v>
      </c>
      <c r="N2387" s="52" t="s">
        <v>2072</v>
      </c>
      <c r="O2387" s="52" t="s">
        <v>2073</v>
      </c>
      <c r="P2387" s="52"/>
      <c r="Q2387" s="52"/>
      <c r="R2387" s="52"/>
      <c r="S2387" s="52"/>
      <c r="T2387" s="52"/>
      <c r="U2387" s="52"/>
      <c r="V2387" s="52"/>
      <c r="W2387" s="52"/>
    </row>
    <row r="2388" spans="1:23" hidden="1" x14ac:dyDescent="0.35">
      <c r="A2388" s="52" t="s">
        <v>78</v>
      </c>
      <c r="B2388" s="52" t="s">
        <v>79</v>
      </c>
      <c r="C2388" s="3">
        <v>20</v>
      </c>
      <c r="D2388" s="52" t="s">
        <v>2021</v>
      </c>
      <c r="E2388" s="52" t="s">
        <v>26</v>
      </c>
      <c r="F2388" s="52" t="s">
        <v>81</v>
      </c>
      <c r="G2388" s="52" t="s">
        <v>82</v>
      </c>
      <c r="H2388" s="4">
        <v>1</v>
      </c>
      <c r="I2388" s="2">
        <v>14.65</v>
      </c>
      <c r="J2388" s="52" t="s">
        <v>6223</v>
      </c>
      <c r="K2388" s="71" t="s">
        <v>6493</v>
      </c>
      <c r="L2388" s="52" t="s">
        <v>2063</v>
      </c>
      <c r="M2388" s="72">
        <v>4496</v>
      </c>
      <c r="N2388" s="52"/>
      <c r="O2388" s="52"/>
      <c r="P2388" s="52"/>
      <c r="Q2388" s="52"/>
      <c r="R2388" s="52"/>
      <c r="S2388" s="52"/>
      <c r="T2388" s="52"/>
      <c r="U2388" s="52"/>
      <c r="V2388" s="52"/>
      <c r="W2388" s="52"/>
    </row>
    <row r="2389" spans="1:23" x14ac:dyDescent="0.35">
      <c r="A2389" s="52" t="s">
        <v>78</v>
      </c>
      <c r="B2389" s="52" t="s">
        <v>79</v>
      </c>
      <c r="C2389" s="3">
        <v>211</v>
      </c>
      <c r="D2389" s="52" t="s">
        <v>80</v>
      </c>
      <c r="E2389" s="52" t="s">
        <v>26</v>
      </c>
      <c r="F2389" s="52" t="s">
        <v>81</v>
      </c>
      <c r="G2389" s="52" t="s">
        <v>82</v>
      </c>
      <c r="H2389" s="4">
        <v>1</v>
      </c>
      <c r="I2389" s="2">
        <v>14.65</v>
      </c>
      <c r="J2389" s="52" t="s">
        <v>4709</v>
      </c>
      <c r="K2389" s="71" t="s">
        <v>6494</v>
      </c>
      <c r="L2389" s="52" t="s">
        <v>2063</v>
      </c>
      <c r="M2389" s="72">
        <v>9285</v>
      </c>
      <c r="N2389" s="52" t="s">
        <v>2259</v>
      </c>
      <c r="O2389" s="52" t="s">
        <v>2260</v>
      </c>
      <c r="P2389" s="52"/>
      <c r="Q2389" s="52"/>
      <c r="R2389" s="52"/>
      <c r="S2389" s="52"/>
      <c r="T2389" s="52"/>
      <c r="U2389" s="52"/>
      <c r="V2389" s="52"/>
      <c r="W2389" s="52"/>
    </row>
    <row r="2390" spans="1:23" x14ac:dyDescent="0.35">
      <c r="A2390" s="52" t="s">
        <v>78</v>
      </c>
      <c r="B2390" s="52" t="s">
        <v>79</v>
      </c>
      <c r="C2390" s="3">
        <v>20</v>
      </c>
      <c r="D2390" s="52" t="s">
        <v>2022</v>
      </c>
      <c r="E2390" s="52" t="s">
        <v>26</v>
      </c>
      <c r="F2390" s="52" t="s">
        <v>81</v>
      </c>
      <c r="G2390" s="52" t="s">
        <v>82</v>
      </c>
      <c r="H2390" s="4">
        <v>1</v>
      </c>
      <c r="I2390" s="2">
        <v>14.65</v>
      </c>
      <c r="J2390" s="52" t="s">
        <v>5917</v>
      </c>
      <c r="K2390" s="71" t="s">
        <v>6495</v>
      </c>
      <c r="L2390" s="52" t="s">
        <v>2063</v>
      </c>
      <c r="M2390" s="72">
        <v>1729</v>
      </c>
      <c r="N2390" s="52" t="s">
        <v>2259</v>
      </c>
      <c r="O2390" s="52" t="s">
        <v>2260</v>
      </c>
      <c r="P2390" s="52" t="s">
        <v>2072</v>
      </c>
      <c r="Q2390" s="52" t="s">
        <v>2073</v>
      </c>
      <c r="R2390" s="52"/>
      <c r="S2390" s="52"/>
      <c r="T2390" s="52"/>
      <c r="U2390" s="52"/>
      <c r="V2390" s="52"/>
      <c r="W2390" s="52"/>
    </row>
    <row r="2391" spans="1:23" hidden="1" x14ac:dyDescent="0.35">
      <c r="A2391" s="52" t="s">
        <v>78</v>
      </c>
      <c r="B2391" s="52" t="s">
        <v>79</v>
      </c>
      <c r="C2391" s="3">
        <v>20</v>
      </c>
      <c r="D2391" s="52" t="s">
        <v>84</v>
      </c>
      <c r="E2391" s="52" t="s">
        <v>26</v>
      </c>
      <c r="F2391" s="52" t="s">
        <v>81</v>
      </c>
      <c r="G2391" s="52" t="s">
        <v>82</v>
      </c>
      <c r="H2391" s="4">
        <v>1</v>
      </c>
      <c r="I2391" s="2">
        <v>14.65</v>
      </c>
      <c r="J2391" s="52" t="s">
        <v>6496</v>
      </c>
      <c r="K2391" s="71" t="s">
        <v>6497</v>
      </c>
      <c r="L2391" s="52" t="s">
        <v>2063</v>
      </c>
      <c r="M2391" s="72">
        <v>6879</v>
      </c>
      <c r="N2391" s="52"/>
      <c r="O2391" s="52"/>
      <c r="P2391" s="52"/>
      <c r="Q2391" s="52"/>
      <c r="R2391" s="52"/>
      <c r="S2391" s="52"/>
      <c r="T2391" s="52"/>
      <c r="U2391" s="52"/>
      <c r="V2391" s="52"/>
      <c r="W2391" s="52"/>
    </row>
    <row r="2392" spans="1:23" hidden="1" x14ac:dyDescent="0.35">
      <c r="A2392" s="52" t="s">
        <v>78</v>
      </c>
      <c r="B2392" s="52" t="s">
        <v>79</v>
      </c>
      <c r="C2392" s="3">
        <v>20</v>
      </c>
      <c r="D2392" s="52" t="s">
        <v>84</v>
      </c>
      <c r="E2392" s="52" t="s">
        <v>26</v>
      </c>
      <c r="F2392" s="52" t="s">
        <v>81</v>
      </c>
      <c r="G2392" s="52" t="s">
        <v>82</v>
      </c>
      <c r="H2392" s="4">
        <v>1</v>
      </c>
      <c r="I2392" s="2">
        <v>14.65</v>
      </c>
      <c r="J2392" s="52" t="s">
        <v>5893</v>
      </c>
      <c r="K2392" s="71" t="s">
        <v>6498</v>
      </c>
      <c r="L2392" s="52" t="s">
        <v>2063</v>
      </c>
      <c r="M2392" s="72">
        <v>4908</v>
      </c>
      <c r="N2392" s="52"/>
      <c r="O2392" s="52"/>
      <c r="P2392" s="52"/>
      <c r="Q2392" s="52"/>
      <c r="R2392" s="52"/>
      <c r="S2392" s="52"/>
      <c r="T2392" s="52"/>
      <c r="U2392" s="52"/>
      <c r="V2392" s="52"/>
      <c r="W2392" s="52"/>
    </row>
    <row r="2393" spans="1:23" hidden="1" x14ac:dyDescent="0.35">
      <c r="A2393" s="52" t="s">
        <v>78</v>
      </c>
      <c r="B2393" s="52" t="s">
        <v>79</v>
      </c>
      <c r="C2393" s="3">
        <v>20</v>
      </c>
      <c r="D2393" s="52" t="s">
        <v>85</v>
      </c>
      <c r="E2393" s="52" t="s">
        <v>26</v>
      </c>
      <c r="F2393" s="52" t="s">
        <v>81</v>
      </c>
      <c r="G2393" s="52" t="s">
        <v>82</v>
      </c>
      <c r="H2393" s="4">
        <v>1</v>
      </c>
      <c r="I2393" s="2">
        <v>14.65</v>
      </c>
      <c r="J2393" s="52" t="s">
        <v>6499</v>
      </c>
      <c r="K2393" s="71" t="s">
        <v>6500</v>
      </c>
      <c r="L2393" s="52" t="s">
        <v>2063</v>
      </c>
      <c r="M2393" s="72">
        <v>4620</v>
      </c>
      <c r="N2393" s="52" t="s">
        <v>2066</v>
      </c>
      <c r="O2393" s="52" t="s">
        <v>2067</v>
      </c>
      <c r="P2393" s="52"/>
      <c r="Q2393" s="52"/>
      <c r="R2393" s="52"/>
      <c r="S2393" s="52"/>
      <c r="T2393" s="52"/>
      <c r="U2393" s="52"/>
      <c r="V2393" s="52"/>
      <c r="W2393" s="52"/>
    </row>
    <row r="2394" spans="1:23" hidden="1" x14ac:dyDescent="0.35">
      <c r="A2394" s="52" t="s">
        <v>78</v>
      </c>
      <c r="B2394" s="52" t="s">
        <v>79</v>
      </c>
      <c r="C2394" s="3">
        <v>10</v>
      </c>
      <c r="D2394" s="52" t="s">
        <v>2019</v>
      </c>
      <c r="E2394" s="52" t="s">
        <v>26</v>
      </c>
      <c r="F2394" s="52" t="s">
        <v>81</v>
      </c>
      <c r="G2394" s="52" t="s">
        <v>82</v>
      </c>
      <c r="H2394" s="4">
        <v>1</v>
      </c>
      <c r="I2394" s="2">
        <v>14.65</v>
      </c>
      <c r="J2394" s="52" t="s">
        <v>6501</v>
      </c>
      <c r="K2394" s="71" t="s">
        <v>6502</v>
      </c>
      <c r="L2394" s="52" t="s">
        <v>2063</v>
      </c>
      <c r="M2394" s="72">
        <v>6489</v>
      </c>
      <c r="N2394" s="52"/>
      <c r="O2394" s="52"/>
      <c r="P2394" s="52"/>
      <c r="Q2394" s="52"/>
      <c r="R2394" s="52"/>
      <c r="S2394" s="52"/>
      <c r="T2394" s="52"/>
      <c r="U2394" s="52"/>
      <c r="V2394" s="52"/>
      <c r="W2394" s="52"/>
    </row>
    <row r="2395" spans="1:23" hidden="1" x14ac:dyDescent="0.35">
      <c r="A2395" s="52" t="s">
        <v>78</v>
      </c>
      <c r="B2395" s="52" t="s">
        <v>79</v>
      </c>
      <c r="C2395" s="3">
        <v>20</v>
      </c>
      <c r="D2395" s="52" t="s">
        <v>83</v>
      </c>
      <c r="E2395" s="52" t="s">
        <v>26</v>
      </c>
      <c r="F2395" s="52" t="s">
        <v>81</v>
      </c>
      <c r="G2395" s="52" t="s">
        <v>82</v>
      </c>
      <c r="H2395" s="4">
        <v>1</v>
      </c>
      <c r="I2395" s="2">
        <v>14.65</v>
      </c>
      <c r="J2395" s="52" t="s">
        <v>6503</v>
      </c>
      <c r="K2395" s="71" t="s">
        <v>6504</v>
      </c>
      <c r="L2395" s="52" t="s">
        <v>2063</v>
      </c>
      <c r="M2395" s="72">
        <v>9967</v>
      </c>
      <c r="N2395" s="52" t="s">
        <v>2072</v>
      </c>
      <c r="O2395" s="52" t="s">
        <v>2073</v>
      </c>
      <c r="P2395" s="52"/>
      <c r="Q2395" s="52"/>
      <c r="R2395" s="52"/>
      <c r="S2395" s="52"/>
      <c r="T2395" s="52"/>
      <c r="U2395" s="52"/>
      <c r="V2395" s="52"/>
      <c r="W2395" s="52"/>
    </row>
    <row r="2396" spans="1:23" hidden="1" x14ac:dyDescent="0.35">
      <c r="A2396" s="52" t="s">
        <v>78</v>
      </c>
      <c r="B2396" s="52" t="s">
        <v>79</v>
      </c>
      <c r="C2396" s="3">
        <v>20</v>
      </c>
      <c r="D2396" s="52" t="s">
        <v>2024</v>
      </c>
      <c r="E2396" s="52" t="s">
        <v>26</v>
      </c>
      <c r="F2396" s="52" t="s">
        <v>81</v>
      </c>
      <c r="G2396" s="52" t="s">
        <v>82</v>
      </c>
      <c r="H2396" s="4">
        <v>1</v>
      </c>
      <c r="I2396" s="2">
        <v>14.65</v>
      </c>
      <c r="J2396" s="52" t="s">
        <v>6202</v>
      </c>
      <c r="K2396" s="71" t="s">
        <v>6505</v>
      </c>
      <c r="L2396" s="52" t="s">
        <v>2063</v>
      </c>
      <c r="M2396" s="72">
        <v>4601</v>
      </c>
      <c r="N2396" s="52" t="s">
        <v>2072</v>
      </c>
      <c r="O2396" s="52" t="s">
        <v>2073</v>
      </c>
      <c r="P2396" s="52"/>
      <c r="Q2396" s="52"/>
      <c r="R2396" s="52"/>
      <c r="S2396" s="52"/>
      <c r="T2396" s="52"/>
      <c r="U2396" s="52"/>
      <c r="V2396" s="52"/>
      <c r="W2396" s="52"/>
    </row>
    <row r="2397" spans="1:23" hidden="1" x14ac:dyDescent="0.35">
      <c r="A2397" s="52" t="s">
        <v>78</v>
      </c>
      <c r="B2397" s="52" t="s">
        <v>79</v>
      </c>
      <c r="C2397" s="3">
        <v>211</v>
      </c>
      <c r="D2397" s="52" t="s">
        <v>80</v>
      </c>
      <c r="E2397" s="52" t="s">
        <v>26</v>
      </c>
      <c r="F2397" s="52" t="s">
        <v>81</v>
      </c>
      <c r="G2397" s="52" t="s">
        <v>82</v>
      </c>
      <c r="H2397" s="4">
        <v>1</v>
      </c>
      <c r="I2397" s="2">
        <v>14.65</v>
      </c>
      <c r="J2397" s="52" t="s">
        <v>6506</v>
      </c>
      <c r="K2397" s="71" t="s">
        <v>6507</v>
      </c>
      <c r="L2397" s="52" t="s">
        <v>2063</v>
      </c>
      <c r="M2397" s="72">
        <v>957</v>
      </c>
      <c r="N2397" s="52" t="s">
        <v>2158</v>
      </c>
      <c r="O2397" s="52" t="s">
        <v>2159</v>
      </c>
      <c r="P2397" s="52"/>
      <c r="Q2397" s="52"/>
      <c r="R2397" s="52"/>
      <c r="S2397" s="52"/>
      <c r="T2397" s="52"/>
      <c r="U2397" s="52"/>
      <c r="V2397" s="52"/>
      <c r="W2397" s="52"/>
    </row>
    <row r="2398" spans="1:23" hidden="1" x14ac:dyDescent="0.35">
      <c r="A2398" s="52" t="s">
        <v>78</v>
      </c>
      <c r="B2398" s="52" t="s">
        <v>79</v>
      </c>
      <c r="C2398" s="3">
        <v>20</v>
      </c>
      <c r="D2398" s="52" t="s">
        <v>87</v>
      </c>
      <c r="E2398" s="52" t="s">
        <v>26</v>
      </c>
      <c r="F2398" s="52" t="s">
        <v>81</v>
      </c>
      <c r="G2398" s="52" t="s">
        <v>82</v>
      </c>
      <c r="H2398" s="4">
        <v>1</v>
      </c>
      <c r="I2398" s="2">
        <v>14.65</v>
      </c>
      <c r="J2398" s="52" t="s">
        <v>5560</v>
      </c>
      <c r="K2398" s="71" t="s">
        <v>6508</v>
      </c>
      <c r="L2398" s="52" t="s">
        <v>2063</v>
      </c>
      <c r="M2398" s="72">
        <v>9050</v>
      </c>
      <c r="N2398" s="52"/>
      <c r="O2398" s="52"/>
      <c r="P2398" s="52"/>
      <c r="Q2398" s="52"/>
      <c r="R2398" s="52"/>
      <c r="S2398" s="52"/>
      <c r="T2398" s="52"/>
      <c r="U2398" s="52"/>
      <c r="V2398" s="52"/>
      <c r="W2398" s="52"/>
    </row>
    <row r="2399" spans="1:23" hidden="1" x14ac:dyDescent="0.35">
      <c r="A2399" s="52" t="s">
        <v>78</v>
      </c>
      <c r="B2399" s="52" t="s">
        <v>79</v>
      </c>
      <c r="C2399" s="3">
        <v>20</v>
      </c>
      <c r="D2399" s="52" t="s">
        <v>2020</v>
      </c>
      <c r="E2399" s="52" t="s">
        <v>26</v>
      </c>
      <c r="F2399" s="52" t="s">
        <v>81</v>
      </c>
      <c r="G2399" s="52" t="s">
        <v>82</v>
      </c>
      <c r="H2399" s="4">
        <v>1</v>
      </c>
      <c r="I2399" s="2">
        <v>14.65</v>
      </c>
      <c r="J2399" s="52" t="s">
        <v>6509</v>
      </c>
      <c r="K2399" s="71" t="s">
        <v>6510</v>
      </c>
      <c r="L2399" s="52" t="s">
        <v>2063</v>
      </c>
      <c r="M2399" s="72">
        <v>3186</v>
      </c>
      <c r="N2399" s="52" t="s">
        <v>2072</v>
      </c>
      <c r="O2399" s="52" t="s">
        <v>2073</v>
      </c>
      <c r="P2399" s="52"/>
      <c r="Q2399" s="52"/>
      <c r="R2399" s="52"/>
      <c r="S2399" s="52"/>
      <c r="T2399" s="52"/>
      <c r="U2399" s="52"/>
      <c r="V2399" s="52"/>
      <c r="W2399" s="52"/>
    </row>
    <row r="2400" spans="1:23" x14ac:dyDescent="0.35">
      <c r="A2400" s="52" t="s">
        <v>78</v>
      </c>
      <c r="B2400" s="52" t="s">
        <v>79</v>
      </c>
      <c r="C2400" s="3">
        <v>20</v>
      </c>
      <c r="D2400" s="52" t="s">
        <v>80</v>
      </c>
      <c r="E2400" s="52" t="s">
        <v>26</v>
      </c>
      <c r="F2400" s="52" t="s">
        <v>81</v>
      </c>
      <c r="G2400" s="52" t="s">
        <v>82</v>
      </c>
      <c r="H2400" s="4">
        <v>1</v>
      </c>
      <c r="I2400" s="2">
        <v>14.65</v>
      </c>
      <c r="J2400" s="52" t="s">
        <v>5978</v>
      </c>
      <c r="K2400" s="71" t="s">
        <v>6511</v>
      </c>
      <c r="L2400" s="52" t="s">
        <v>2063</v>
      </c>
      <c r="M2400" s="72">
        <v>5243</v>
      </c>
      <c r="N2400" s="52" t="s">
        <v>2076</v>
      </c>
      <c r="O2400" s="52" t="s">
        <v>2077</v>
      </c>
      <c r="P2400" s="52"/>
      <c r="Q2400" s="52"/>
      <c r="R2400" s="52"/>
      <c r="S2400" s="52"/>
      <c r="T2400" s="52"/>
      <c r="U2400" s="52"/>
      <c r="V2400" s="52"/>
      <c r="W2400" s="52"/>
    </row>
    <row r="2401" spans="1:23" hidden="1" x14ac:dyDescent="0.35">
      <c r="A2401" s="52" t="s">
        <v>78</v>
      </c>
      <c r="B2401" s="52" t="s">
        <v>79</v>
      </c>
      <c r="C2401" s="3">
        <v>20</v>
      </c>
      <c r="D2401" s="52" t="s">
        <v>2019</v>
      </c>
      <c r="E2401" s="52" t="s">
        <v>26</v>
      </c>
      <c r="F2401" s="52" t="s">
        <v>81</v>
      </c>
      <c r="G2401" s="52" t="s">
        <v>82</v>
      </c>
      <c r="H2401" s="4">
        <v>1</v>
      </c>
      <c r="I2401" s="2">
        <v>14.65</v>
      </c>
      <c r="J2401" s="52" t="s">
        <v>6512</v>
      </c>
      <c r="K2401" s="71" t="s">
        <v>6513</v>
      </c>
      <c r="L2401" s="52" t="s">
        <v>2063</v>
      </c>
      <c r="M2401" s="72">
        <v>6797</v>
      </c>
      <c r="N2401" s="52" t="s">
        <v>2072</v>
      </c>
      <c r="O2401" s="52" t="s">
        <v>2073</v>
      </c>
      <c r="P2401" s="52"/>
      <c r="Q2401" s="52"/>
      <c r="R2401" s="52"/>
      <c r="S2401" s="52"/>
      <c r="T2401" s="52"/>
      <c r="U2401" s="52"/>
      <c r="V2401" s="52"/>
      <c r="W2401" s="52"/>
    </row>
    <row r="2402" spans="1:23" hidden="1" x14ac:dyDescent="0.35">
      <c r="A2402" s="52" t="s">
        <v>78</v>
      </c>
      <c r="B2402" s="52" t="s">
        <v>79</v>
      </c>
      <c r="C2402" s="3">
        <v>20</v>
      </c>
      <c r="D2402" s="52" t="s">
        <v>83</v>
      </c>
      <c r="E2402" s="52" t="s">
        <v>26</v>
      </c>
      <c r="F2402" s="52" t="s">
        <v>81</v>
      </c>
      <c r="G2402" s="52" t="s">
        <v>82</v>
      </c>
      <c r="H2402" s="4">
        <v>1</v>
      </c>
      <c r="I2402" s="2">
        <v>14.65</v>
      </c>
      <c r="J2402" s="52" t="s">
        <v>6514</v>
      </c>
      <c r="K2402" s="71" t="s">
        <v>6515</v>
      </c>
      <c r="L2402" s="52" t="s">
        <v>2063</v>
      </c>
      <c r="M2402" s="72">
        <v>9181</v>
      </c>
      <c r="N2402" s="52" t="s">
        <v>2154</v>
      </c>
      <c r="O2402" s="52" t="s">
        <v>2155</v>
      </c>
      <c r="P2402" s="52"/>
      <c r="Q2402" s="52"/>
      <c r="R2402" s="52"/>
      <c r="S2402" s="52"/>
      <c r="T2402" s="52"/>
      <c r="U2402" s="52"/>
      <c r="V2402" s="52"/>
      <c r="W2402" s="52"/>
    </row>
    <row r="2403" spans="1:23" hidden="1" x14ac:dyDescent="0.35">
      <c r="A2403" s="52" t="s">
        <v>78</v>
      </c>
      <c r="B2403" s="52" t="s">
        <v>79</v>
      </c>
      <c r="C2403" s="3">
        <v>20</v>
      </c>
      <c r="D2403" s="52" t="s">
        <v>80</v>
      </c>
      <c r="E2403" s="52" t="s">
        <v>26</v>
      </c>
      <c r="F2403" s="52" t="s">
        <v>81</v>
      </c>
      <c r="G2403" s="52" t="s">
        <v>82</v>
      </c>
      <c r="H2403" s="4">
        <v>1</v>
      </c>
      <c r="I2403" s="2">
        <v>14.65</v>
      </c>
      <c r="J2403" s="52" t="s">
        <v>5040</v>
      </c>
      <c r="K2403" s="71" t="s">
        <v>6516</v>
      </c>
      <c r="L2403" s="52" t="s">
        <v>2063</v>
      </c>
      <c r="M2403" s="72">
        <v>8445</v>
      </c>
      <c r="N2403" s="52"/>
      <c r="O2403" s="52"/>
      <c r="P2403" s="52"/>
      <c r="Q2403" s="52"/>
      <c r="R2403" s="52"/>
      <c r="S2403" s="52"/>
      <c r="T2403" s="52"/>
      <c r="U2403" s="52"/>
      <c r="V2403" s="52"/>
      <c r="W2403" s="52"/>
    </row>
    <row r="2404" spans="1:23" hidden="1" x14ac:dyDescent="0.35">
      <c r="A2404" s="52" t="s">
        <v>78</v>
      </c>
      <c r="B2404" s="52" t="s">
        <v>79</v>
      </c>
      <c r="C2404" s="3">
        <v>10</v>
      </c>
      <c r="D2404" s="52" t="s">
        <v>86</v>
      </c>
      <c r="E2404" s="52" t="s">
        <v>26</v>
      </c>
      <c r="F2404" s="52" t="s">
        <v>81</v>
      </c>
      <c r="G2404" s="52" t="s">
        <v>82</v>
      </c>
      <c r="H2404" s="4">
        <v>1</v>
      </c>
      <c r="I2404" s="2">
        <v>14.65</v>
      </c>
      <c r="J2404" s="52" t="s">
        <v>5963</v>
      </c>
      <c r="K2404" s="71" t="s">
        <v>6517</v>
      </c>
      <c r="L2404" s="52" t="s">
        <v>2063</v>
      </c>
      <c r="M2404" s="72">
        <v>5782</v>
      </c>
      <c r="N2404" s="52" t="s">
        <v>2072</v>
      </c>
      <c r="O2404" s="52" t="s">
        <v>2073</v>
      </c>
      <c r="P2404" s="52"/>
      <c r="Q2404" s="52"/>
      <c r="R2404" s="52"/>
      <c r="S2404" s="52"/>
      <c r="T2404" s="52"/>
      <c r="U2404" s="52"/>
      <c r="V2404" s="52"/>
      <c r="W2404" s="52"/>
    </row>
    <row r="2405" spans="1:23" hidden="1" x14ac:dyDescent="0.35">
      <c r="A2405" s="52" t="s">
        <v>78</v>
      </c>
      <c r="B2405" s="52" t="s">
        <v>79</v>
      </c>
      <c r="C2405" s="3">
        <v>20</v>
      </c>
      <c r="D2405" s="52" t="s">
        <v>80</v>
      </c>
      <c r="E2405" s="52" t="s">
        <v>26</v>
      </c>
      <c r="F2405" s="52" t="s">
        <v>81</v>
      </c>
      <c r="G2405" s="52" t="s">
        <v>82</v>
      </c>
      <c r="H2405" s="4">
        <v>1</v>
      </c>
      <c r="I2405" s="2">
        <v>14.65</v>
      </c>
      <c r="J2405" s="52" t="s">
        <v>6518</v>
      </c>
      <c r="K2405" s="71" t="s">
        <v>6519</v>
      </c>
      <c r="L2405" s="52" t="s">
        <v>2063</v>
      </c>
      <c r="M2405" s="72">
        <v>7671</v>
      </c>
      <c r="N2405" s="52" t="s">
        <v>2066</v>
      </c>
      <c r="O2405" s="52" t="s">
        <v>2067</v>
      </c>
      <c r="P2405" s="52"/>
      <c r="Q2405" s="52"/>
      <c r="R2405" s="52"/>
      <c r="S2405" s="52"/>
      <c r="T2405" s="52"/>
      <c r="U2405" s="52"/>
      <c r="V2405" s="52"/>
      <c r="W2405" s="52"/>
    </row>
    <row r="2406" spans="1:23" hidden="1" x14ac:dyDescent="0.35">
      <c r="A2406" s="52" t="s">
        <v>78</v>
      </c>
      <c r="B2406" s="52" t="s">
        <v>79</v>
      </c>
      <c r="C2406" s="3">
        <v>20</v>
      </c>
      <c r="D2406" s="52" t="s">
        <v>80</v>
      </c>
      <c r="E2406" s="52" t="s">
        <v>26</v>
      </c>
      <c r="F2406" s="52" t="s">
        <v>81</v>
      </c>
      <c r="G2406" s="52" t="s">
        <v>82</v>
      </c>
      <c r="H2406" s="4">
        <v>1</v>
      </c>
      <c r="I2406" s="2">
        <v>14.65</v>
      </c>
      <c r="J2406" s="52" t="s">
        <v>6520</v>
      </c>
      <c r="K2406" s="71" t="s">
        <v>6521</v>
      </c>
      <c r="L2406" s="52" t="s">
        <v>2063</v>
      </c>
      <c r="M2406" s="72">
        <v>5196</v>
      </c>
      <c r="N2406" s="52" t="s">
        <v>2154</v>
      </c>
      <c r="O2406" s="52" t="s">
        <v>2155</v>
      </c>
      <c r="P2406" s="52"/>
      <c r="Q2406" s="52"/>
      <c r="R2406" s="52"/>
      <c r="S2406" s="52"/>
      <c r="T2406" s="52"/>
      <c r="U2406" s="52"/>
      <c r="V2406" s="52"/>
      <c r="W2406" s="52"/>
    </row>
    <row r="2407" spans="1:23" hidden="1" x14ac:dyDescent="0.35">
      <c r="A2407" s="52" t="s">
        <v>78</v>
      </c>
      <c r="B2407" s="52" t="s">
        <v>79</v>
      </c>
      <c r="C2407" s="3">
        <v>20</v>
      </c>
      <c r="D2407" s="52" t="s">
        <v>85</v>
      </c>
      <c r="E2407" s="52" t="s">
        <v>26</v>
      </c>
      <c r="F2407" s="52" t="s">
        <v>81</v>
      </c>
      <c r="G2407" s="52" t="s">
        <v>82</v>
      </c>
      <c r="H2407" s="4">
        <v>1</v>
      </c>
      <c r="I2407" s="2">
        <v>14.65</v>
      </c>
      <c r="J2407" s="52" t="s">
        <v>6522</v>
      </c>
      <c r="K2407" s="71" t="s">
        <v>6523</v>
      </c>
      <c r="L2407" s="52" t="s">
        <v>2063</v>
      </c>
      <c r="M2407" s="72">
        <v>257</v>
      </c>
      <c r="N2407" s="52" t="s">
        <v>2072</v>
      </c>
      <c r="O2407" s="52" t="s">
        <v>2073</v>
      </c>
      <c r="P2407" s="52"/>
      <c r="Q2407" s="52"/>
      <c r="R2407" s="52"/>
      <c r="S2407" s="52"/>
      <c r="T2407" s="52"/>
      <c r="U2407" s="52"/>
      <c r="V2407" s="52"/>
      <c r="W2407" s="52"/>
    </row>
    <row r="2408" spans="1:23" x14ac:dyDescent="0.35">
      <c r="A2408" s="52" t="s">
        <v>78</v>
      </c>
      <c r="B2408" s="52" t="s">
        <v>79</v>
      </c>
      <c r="C2408" s="3">
        <v>20</v>
      </c>
      <c r="D2408" s="52" t="s">
        <v>80</v>
      </c>
      <c r="E2408" s="52" t="s">
        <v>26</v>
      </c>
      <c r="F2408" s="52" t="s">
        <v>81</v>
      </c>
      <c r="G2408" s="52" t="s">
        <v>82</v>
      </c>
      <c r="H2408" s="4">
        <v>1</v>
      </c>
      <c r="I2408" s="2">
        <v>14.65</v>
      </c>
      <c r="J2408" s="52" t="s">
        <v>6524</v>
      </c>
      <c r="K2408" s="71" t="s">
        <v>6525</v>
      </c>
      <c r="L2408" s="52" t="s">
        <v>2063</v>
      </c>
      <c r="M2408" s="72">
        <v>822</v>
      </c>
      <c r="N2408" s="52" t="s">
        <v>2259</v>
      </c>
      <c r="O2408" s="52" t="s">
        <v>2260</v>
      </c>
      <c r="P2408" s="52"/>
      <c r="Q2408" s="52"/>
      <c r="R2408" s="52"/>
      <c r="S2408" s="52"/>
      <c r="T2408" s="52"/>
      <c r="U2408" s="52"/>
      <c r="V2408" s="52"/>
      <c r="W2408" s="52"/>
    </row>
    <row r="2409" spans="1:23" hidden="1" x14ac:dyDescent="0.35">
      <c r="A2409" s="52" t="s">
        <v>78</v>
      </c>
      <c r="B2409" s="52" t="s">
        <v>79</v>
      </c>
      <c r="C2409" s="3">
        <v>20</v>
      </c>
      <c r="D2409" s="52" t="s">
        <v>2019</v>
      </c>
      <c r="E2409" s="52" t="s">
        <v>26</v>
      </c>
      <c r="F2409" s="52" t="s">
        <v>81</v>
      </c>
      <c r="G2409" s="52" t="s">
        <v>82</v>
      </c>
      <c r="H2409" s="4">
        <v>1</v>
      </c>
      <c r="I2409" s="2">
        <v>14.65</v>
      </c>
      <c r="J2409" s="52" t="s">
        <v>6526</v>
      </c>
      <c r="K2409" s="71" t="s">
        <v>6527</v>
      </c>
      <c r="L2409" s="52" t="s">
        <v>2063</v>
      </c>
      <c r="M2409" s="72">
        <v>8797</v>
      </c>
      <c r="N2409" s="52" t="s">
        <v>2072</v>
      </c>
      <c r="O2409" s="52" t="s">
        <v>2073</v>
      </c>
      <c r="P2409" s="52"/>
      <c r="Q2409" s="52"/>
      <c r="R2409" s="52"/>
      <c r="S2409" s="52"/>
      <c r="T2409" s="52"/>
      <c r="U2409" s="52"/>
      <c r="V2409" s="52"/>
      <c r="W2409" s="52"/>
    </row>
    <row r="2410" spans="1:23" hidden="1" x14ac:dyDescent="0.35">
      <c r="A2410" s="52" t="s">
        <v>78</v>
      </c>
      <c r="B2410" s="52" t="s">
        <v>79</v>
      </c>
      <c r="C2410" s="3">
        <v>20</v>
      </c>
      <c r="D2410" s="52" t="s">
        <v>2023</v>
      </c>
      <c r="E2410" s="52" t="s">
        <v>26</v>
      </c>
      <c r="F2410" s="52" t="s">
        <v>81</v>
      </c>
      <c r="G2410" s="52" t="s">
        <v>82</v>
      </c>
      <c r="H2410" s="4">
        <v>1</v>
      </c>
      <c r="I2410" s="2">
        <v>14.65</v>
      </c>
      <c r="J2410" s="52" t="s">
        <v>6528</v>
      </c>
      <c r="K2410" s="71" t="s">
        <v>6529</v>
      </c>
      <c r="L2410" s="52" t="s">
        <v>2063</v>
      </c>
      <c r="M2410" s="72">
        <v>4417</v>
      </c>
      <c r="N2410" s="52"/>
      <c r="O2410" s="52"/>
      <c r="P2410" s="52"/>
      <c r="Q2410" s="52"/>
      <c r="R2410" s="52"/>
      <c r="S2410" s="52"/>
      <c r="T2410" s="52"/>
      <c r="U2410" s="52"/>
      <c r="V2410" s="52"/>
      <c r="W2410" s="52"/>
    </row>
    <row r="2411" spans="1:23" hidden="1" x14ac:dyDescent="0.35">
      <c r="A2411" s="52" t="s">
        <v>78</v>
      </c>
      <c r="B2411" s="52" t="s">
        <v>79</v>
      </c>
      <c r="C2411" s="3">
        <v>20</v>
      </c>
      <c r="D2411" s="52" t="s">
        <v>2020</v>
      </c>
      <c r="E2411" s="52" t="s">
        <v>26</v>
      </c>
      <c r="F2411" s="52" t="s">
        <v>81</v>
      </c>
      <c r="G2411" s="52" t="s">
        <v>82</v>
      </c>
      <c r="H2411" s="4">
        <v>1</v>
      </c>
      <c r="I2411" s="2">
        <v>14.65</v>
      </c>
      <c r="J2411" s="52" t="s">
        <v>6530</v>
      </c>
      <c r="K2411" s="71" t="s">
        <v>6531</v>
      </c>
      <c r="L2411" s="52" t="s">
        <v>2063</v>
      </c>
      <c r="M2411" s="72">
        <v>7480</v>
      </c>
      <c r="N2411" s="52"/>
      <c r="O2411" s="52"/>
      <c r="P2411" s="52"/>
      <c r="Q2411" s="52"/>
      <c r="R2411" s="52"/>
      <c r="S2411" s="52"/>
      <c r="T2411" s="52"/>
      <c r="U2411" s="52"/>
      <c r="V2411" s="52"/>
      <c r="W2411" s="52"/>
    </row>
    <row r="2412" spans="1:23" x14ac:dyDescent="0.35">
      <c r="A2412" s="52" t="s">
        <v>78</v>
      </c>
      <c r="B2412" s="52" t="s">
        <v>79</v>
      </c>
      <c r="C2412" s="3">
        <v>20</v>
      </c>
      <c r="D2412" s="52" t="s">
        <v>86</v>
      </c>
      <c r="E2412" s="52" t="s">
        <v>26</v>
      </c>
      <c r="F2412" s="52" t="s">
        <v>81</v>
      </c>
      <c r="G2412" s="52" t="s">
        <v>82</v>
      </c>
      <c r="H2412" s="4">
        <v>1</v>
      </c>
      <c r="I2412" s="2">
        <v>14.65</v>
      </c>
      <c r="J2412" s="52" t="s">
        <v>6532</v>
      </c>
      <c r="K2412" s="71" t="s">
        <v>6533</v>
      </c>
      <c r="L2412" s="52" t="s">
        <v>2063</v>
      </c>
      <c r="M2412" s="72">
        <v>8847</v>
      </c>
      <c r="N2412" s="52" t="s">
        <v>2259</v>
      </c>
      <c r="O2412" s="52" t="s">
        <v>2260</v>
      </c>
      <c r="P2412" s="52"/>
      <c r="Q2412" s="52"/>
      <c r="R2412" s="52"/>
      <c r="S2412" s="52"/>
      <c r="T2412" s="52"/>
      <c r="U2412" s="52"/>
      <c r="V2412" s="52"/>
      <c r="W2412" s="52"/>
    </row>
    <row r="2413" spans="1:23" hidden="1" x14ac:dyDescent="0.35">
      <c r="A2413" s="52" t="s">
        <v>78</v>
      </c>
      <c r="B2413" s="52" t="s">
        <v>79</v>
      </c>
      <c r="C2413" s="3">
        <v>20</v>
      </c>
      <c r="D2413" s="52" t="s">
        <v>2020</v>
      </c>
      <c r="E2413" s="52" t="s">
        <v>26</v>
      </c>
      <c r="F2413" s="52" t="s">
        <v>81</v>
      </c>
      <c r="G2413" s="52" t="s">
        <v>82</v>
      </c>
      <c r="H2413" s="4">
        <v>1</v>
      </c>
      <c r="I2413" s="2">
        <v>14.65</v>
      </c>
      <c r="J2413" s="52" t="s">
        <v>6534</v>
      </c>
      <c r="K2413" s="71" t="s">
        <v>6535</v>
      </c>
      <c r="L2413" s="52" t="s">
        <v>2063</v>
      </c>
      <c r="M2413" s="72">
        <v>5600</v>
      </c>
      <c r="N2413" s="52" t="s">
        <v>2195</v>
      </c>
      <c r="O2413" s="52" t="s">
        <v>2196</v>
      </c>
      <c r="P2413" s="52"/>
      <c r="Q2413" s="52"/>
      <c r="R2413" s="52"/>
      <c r="S2413" s="52"/>
      <c r="T2413" s="52"/>
      <c r="U2413" s="52"/>
      <c r="V2413" s="52"/>
      <c r="W2413" s="52"/>
    </row>
    <row r="2414" spans="1:23" hidden="1" x14ac:dyDescent="0.35">
      <c r="A2414" s="52" t="s">
        <v>78</v>
      </c>
      <c r="B2414" s="52" t="s">
        <v>79</v>
      </c>
      <c r="C2414" s="3">
        <v>20</v>
      </c>
      <c r="D2414" s="52" t="s">
        <v>2023</v>
      </c>
      <c r="E2414" s="52" t="s">
        <v>26</v>
      </c>
      <c r="F2414" s="52" t="s">
        <v>81</v>
      </c>
      <c r="G2414" s="52" t="s">
        <v>82</v>
      </c>
      <c r="H2414" s="4">
        <v>1</v>
      </c>
      <c r="I2414" s="2">
        <v>14.65</v>
      </c>
      <c r="J2414" s="52" t="s">
        <v>6536</v>
      </c>
      <c r="K2414" s="71" t="s">
        <v>6537</v>
      </c>
      <c r="L2414" s="52" t="s">
        <v>2063</v>
      </c>
      <c r="M2414" s="72">
        <v>5650</v>
      </c>
      <c r="N2414" s="52" t="s">
        <v>2066</v>
      </c>
      <c r="O2414" s="52" t="s">
        <v>2067</v>
      </c>
      <c r="P2414" s="52"/>
      <c r="Q2414" s="52"/>
      <c r="R2414" s="52"/>
      <c r="S2414" s="52"/>
      <c r="T2414" s="52"/>
      <c r="U2414" s="52"/>
      <c r="V2414" s="52"/>
      <c r="W2414" s="52"/>
    </row>
    <row r="2415" spans="1:23" hidden="1" x14ac:dyDescent="0.35">
      <c r="A2415" s="52" t="s">
        <v>78</v>
      </c>
      <c r="B2415" s="52" t="s">
        <v>79</v>
      </c>
      <c r="C2415" s="3">
        <v>20</v>
      </c>
      <c r="D2415" s="52" t="s">
        <v>2021</v>
      </c>
      <c r="E2415" s="52" t="s">
        <v>26</v>
      </c>
      <c r="F2415" s="52" t="s">
        <v>81</v>
      </c>
      <c r="G2415" s="52" t="s">
        <v>82</v>
      </c>
      <c r="H2415" s="4">
        <v>1</v>
      </c>
      <c r="I2415" s="2">
        <v>14.65</v>
      </c>
      <c r="J2415" s="52" t="s">
        <v>6538</v>
      </c>
      <c r="K2415" s="71" t="s">
        <v>6539</v>
      </c>
      <c r="L2415" s="52" t="s">
        <v>2063</v>
      </c>
      <c r="M2415" s="72">
        <v>1768</v>
      </c>
      <c r="N2415" s="52" t="s">
        <v>2154</v>
      </c>
      <c r="O2415" s="52" t="s">
        <v>2155</v>
      </c>
      <c r="P2415" s="52"/>
      <c r="Q2415" s="52"/>
      <c r="R2415" s="52"/>
      <c r="S2415" s="52"/>
      <c r="T2415" s="52"/>
      <c r="U2415" s="52"/>
      <c r="V2415" s="52"/>
      <c r="W2415" s="52"/>
    </row>
    <row r="2416" spans="1:23" x14ac:dyDescent="0.35">
      <c r="A2416" s="52" t="s">
        <v>78</v>
      </c>
      <c r="B2416" s="52" t="s">
        <v>79</v>
      </c>
      <c r="C2416" s="3">
        <v>212</v>
      </c>
      <c r="D2416" s="52" t="s">
        <v>84</v>
      </c>
      <c r="E2416" s="52" t="s">
        <v>26</v>
      </c>
      <c r="F2416" s="52" t="s">
        <v>81</v>
      </c>
      <c r="G2416" s="52" t="s">
        <v>82</v>
      </c>
      <c r="H2416" s="4">
        <v>1</v>
      </c>
      <c r="I2416" s="2">
        <v>14.65</v>
      </c>
      <c r="J2416" s="52" t="s">
        <v>5437</v>
      </c>
      <c r="K2416" s="71" t="s">
        <v>6540</v>
      </c>
      <c r="L2416" s="52" t="s">
        <v>2063</v>
      </c>
      <c r="M2416" s="72">
        <v>3696</v>
      </c>
      <c r="N2416" s="52" t="s">
        <v>2076</v>
      </c>
      <c r="O2416" s="52" t="s">
        <v>2077</v>
      </c>
      <c r="P2416" s="52"/>
      <c r="Q2416" s="52"/>
      <c r="R2416" s="52"/>
      <c r="S2416" s="52"/>
      <c r="T2416" s="52"/>
      <c r="U2416" s="52"/>
      <c r="V2416" s="52"/>
      <c r="W2416" s="52"/>
    </row>
    <row r="2417" spans="1:23" x14ac:dyDescent="0.35">
      <c r="A2417" s="52" t="s">
        <v>78</v>
      </c>
      <c r="B2417" s="52" t="s">
        <v>79</v>
      </c>
      <c r="C2417" s="3">
        <v>20</v>
      </c>
      <c r="D2417" s="52" t="s">
        <v>2019</v>
      </c>
      <c r="E2417" s="52" t="s">
        <v>26</v>
      </c>
      <c r="F2417" s="52" t="s">
        <v>81</v>
      </c>
      <c r="G2417" s="52" t="s">
        <v>82</v>
      </c>
      <c r="H2417" s="4">
        <v>1</v>
      </c>
      <c r="I2417" s="2">
        <v>14.65</v>
      </c>
      <c r="J2417" s="52" t="s">
        <v>5560</v>
      </c>
      <c r="K2417" s="71" t="s">
        <v>6541</v>
      </c>
      <c r="L2417" s="52" t="s">
        <v>2063</v>
      </c>
      <c r="M2417" s="72">
        <v>5037</v>
      </c>
      <c r="N2417" s="52" t="s">
        <v>2259</v>
      </c>
      <c r="O2417" s="52" t="s">
        <v>2260</v>
      </c>
      <c r="P2417" s="52"/>
      <c r="Q2417" s="52"/>
      <c r="R2417" s="52"/>
      <c r="S2417" s="52"/>
      <c r="T2417" s="52"/>
      <c r="U2417" s="52"/>
      <c r="V2417" s="52"/>
      <c r="W2417" s="52"/>
    </row>
    <row r="2418" spans="1:23" hidden="1" x14ac:dyDescent="0.35">
      <c r="A2418" s="52" t="s">
        <v>78</v>
      </c>
      <c r="B2418" s="52" t="s">
        <v>79</v>
      </c>
      <c r="C2418" s="3">
        <v>20</v>
      </c>
      <c r="D2418" s="52" t="s">
        <v>2022</v>
      </c>
      <c r="E2418" s="52" t="s">
        <v>26</v>
      </c>
      <c r="F2418" s="52" t="s">
        <v>81</v>
      </c>
      <c r="G2418" s="52" t="s">
        <v>82</v>
      </c>
      <c r="H2418" s="4">
        <v>1</v>
      </c>
      <c r="I2418" s="2">
        <v>14.65</v>
      </c>
      <c r="J2418" s="52" t="s">
        <v>6542</v>
      </c>
      <c r="K2418" s="71" t="s">
        <v>6543</v>
      </c>
      <c r="L2418" s="52" t="s">
        <v>2063</v>
      </c>
      <c r="M2418" s="72">
        <v>2417</v>
      </c>
      <c r="N2418" s="52" t="s">
        <v>2066</v>
      </c>
      <c r="O2418" s="52" t="s">
        <v>2067</v>
      </c>
      <c r="P2418" s="52"/>
      <c r="Q2418" s="52"/>
      <c r="R2418" s="52"/>
      <c r="S2418" s="52"/>
      <c r="T2418" s="52"/>
      <c r="U2418" s="52"/>
      <c r="V2418" s="52"/>
      <c r="W2418" s="52"/>
    </row>
    <row r="2419" spans="1:23" hidden="1" x14ac:dyDescent="0.35">
      <c r="A2419" s="52" t="s">
        <v>78</v>
      </c>
      <c r="B2419" s="52" t="s">
        <v>79</v>
      </c>
      <c r="C2419" s="3">
        <v>20</v>
      </c>
      <c r="D2419" s="52" t="s">
        <v>2024</v>
      </c>
      <c r="E2419" s="52" t="s">
        <v>26</v>
      </c>
      <c r="F2419" s="52" t="s">
        <v>81</v>
      </c>
      <c r="G2419" s="52" t="s">
        <v>82</v>
      </c>
      <c r="H2419" s="4">
        <v>1</v>
      </c>
      <c r="I2419" s="2">
        <v>14.65</v>
      </c>
      <c r="J2419" s="52" t="s">
        <v>6544</v>
      </c>
      <c r="K2419" s="71" t="s">
        <v>6545</v>
      </c>
      <c r="L2419" s="52" t="s">
        <v>2063</v>
      </c>
      <c r="M2419" s="72">
        <v>9945</v>
      </c>
      <c r="N2419" s="52"/>
      <c r="O2419" s="52"/>
      <c r="P2419" s="52"/>
      <c r="Q2419" s="52"/>
      <c r="R2419" s="52"/>
      <c r="S2419" s="52"/>
      <c r="T2419" s="52"/>
      <c r="U2419" s="52"/>
      <c r="V2419" s="52"/>
      <c r="W2419" s="52"/>
    </row>
    <row r="2420" spans="1:23" hidden="1" x14ac:dyDescent="0.35">
      <c r="A2420" s="52" t="s">
        <v>78</v>
      </c>
      <c r="B2420" s="52" t="s">
        <v>79</v>
      </c>
      <c r="C2420" s="3">
        <v>10</v>
      </c>
      <c r="D2420" s="52" t="s">
        <v>83</v>
      </c>
      <c r="E2420" s="52" t="s">
        <v>26</v>
      </c>
      <c r="F2420" s="52" t="s">
        <v>81</v>
      </c>
      <c r="G2420" s="52" t="s">
        <v>82</v>
      </c>
      <c r="H2420" s="4">
        <v>1</v>
      </c>
      <c r="I2420" s="2">
        <v>14.65</v>
      </c>
      <c r="J2420" s="52" t="s">
        <v>6546</v>
      </c>
      <c r="K2420" s="71" t="s">
        <v>6547</v>
      </c>
      <c r="L2420" s="52" t="s">
        <v>2063</v>
      </c>
      <c r="M2420" s="72">
        <v>9408</v>
      </c>
      <c r="N2420" s="52" t="s">
        <v>2072</v>
      </c>
      <c r="O2420" s="52" t="s">
        <v>2073</v>
      </c>
      <c r="P2420" s="52"/>
      <c r="Q2420" s="52"/>
      <c r="R2420" s="52"/>
      <c r="S2420" s="52"/>
      <c r="T2420" s="52"/>
      <c r="U2420" s="52"/>
      <c r="V2420" s="52"/>
      <c r="W2420" s="52"/>
    </row>
    <row r="2421" spans="1:23" hidden="1" x14ac:dyDescent="0.35">
      <c r="A2421" s="52" t="s">
        <v>78</v>
      </c>
      <c r="B2421" s="52" t="s">
        <v>79</v>
      </c>
      <c r="C2421" s="3">
        <v>10</v>
      </c>
      <c r="D2421" s="52" t="s">
        <v>2019</v>
      </c>
      <c r="E2421" s="52" t="s">
        <v>26</v>
      </c>
      <c r="F2421" s="52" t="s">
        <v>81</v>
      </c>
      <c r="G2421" s="52" t="s">
        <v>82</v>
      </c>
      <c r="H2421" s="4">
        <v>1</v>
      </c>
      <c r="I2421" s="2">
        <v>14.65</v>
      </c>
      <c r="J2421" s="52" t="s">
        <v>5068</v>
      </c>
      <c r="K2421" s="71" t="s">
        <v>6548</v>
      </c>
      <c r="L2421" s="52" t="s">
        <v>2063</v>
      </c>
      <c r="M2421" s="72">
        <v>6665</v>
      </c>
      <c r="N2421" s="52"/>
      <c r="O2421" s="52"/>
      <c r="P2421" s="52"/>
      <c r="Q2421" s="52"/>
      <c r="R2421" s="52"/>
      <c r="S2421" s="52"/>
      <c r="T2421" s="52"/>
      <c r="U2421" s="52"/>
      <c r="V2421" s="52"/>
      <c r="W2421" s="52"/>
    </row>
    <row r="2422" spans="1:23" x14ac:dyDescent="0.35">
      <c r="A2422" s="52" t="s">
        <v>78</v>
      </c>
      <c r="B2422" s="52" t="s">
        <v>79</v>
      </c>
      <c r="C2422" s="3">
        <v>10</v>
      </c>
      <c r="D2422" s="52" t="s">
        <v>2021</v>
      </c>
      <c r="E2422" s="52" t="s">
        <v>26</v>
      </c>
      <c r="F2422" s="52" t="s">
        <v>81</v>
      </c>
      <c r="G2422" s="52" t="s">
        <v>82</v>
      </c>
      <c r="H2422" s="4">
        <v>1</v>
      </c>
      <c r="I2422" s="2">
        <v>14.65</v>
      </c>
      <c r="J2422" s="52" t="s">
        <v>6549</v>
      </c>
      <c r="K2422" s="71" t="s">
        <v>6550</v>
      </c>
      <c r="L2422" s="52" t="s">
        <v>2063</v>
      </c>
      <c r="M2422" s="72">
        <v>4678</v>
      </c>
      <c r="N2422" s="52" t="s">
        <v>2259</v>
      </c>
      <c r="O2422" s="52" t="s">
        <v>2260</v>
      </c>
      <c r="P2422" s="52"/>
      <c r="Q2422" s="52"/>
      <c r="R2422" s="52"/>
      <c r="S2422" s="52"/>
      <c r="T2422" s="52"/>
      <c r="U2422" s="52"/>
      <c r="V2422" s="52"/>
      <c r="W2422" s="52"/>
    </row>
    <row r="2423" spans="1:23" hidden="1" x14ac:dyDescent="0.35">
      <c r="A2423" s="52" t="s">
        <v>78</v>
      </c>
      <c r="B2423" s="52" t="s">
        <v>79</v>
      </c>
      <c r="C2423" s="3">
        <v>20</v>
      </c>
      <c r="D2423" s="52" t="s">
        <v>2022</v>
      </c>
      <c r="E2423" s="52" t="s">
        <v>26</v>
      </c>
      <c r="F2423" s="52" t="s">
        <v>81</v>
      </c>
      <c r="G2423" s="52" t="s">
        <v>82</v>
      </c>
      <c r="H2423" s="4">
        <v>1</v>
      </c>
      <c r="I2423" s="2">
        <v>14.65</v>
      </c>
      <c r="J2423" s="52" t="s">
        <v>6551</v>
      </c>
      <c r="K2423" s="71" t="s">
        <v>6552</v>
      </c>
      <c r="L2423" s="52" t="s">
        <v>2063</v>
      </c>
      <c r="M2423" s="72">
        <v>7193</v>
      </c>
      <c r="N2423" s="52" t="s">
        <v>2072</v>
      </c>
      <c r="O2423" s="52" t="s">
        <v>2073</v>
      </c>
      <c r="P2423" s="52"/>
      <c r="Q2423" s="52"/>
      <c r="R2423" s="52"/>
      <c r="S2423" s="52"/>
      <c r="T2423" s="52"/>
      <c r="U2423" s="52"/>
      <c r="V2423" s="52"/>
      <c r="W2423" s="52"/>
    </row>
    <row r="2424" spans="1:23" hidden="1" x14ac:dyDescent="0.35">
      <c r="A2424" s="52" t="s">
        <v>78</v>
      </c>
      <c r="B2424" s="52" t="s">
        <v>79</v>
      </c>
      <c r="C2424" s="3">
        <v>20</v>
      </c>
      <c r="D2424" s="52" t="s">
        <v>2021</v>
      </c>
      <c r="E2424" s="52" t="s">
        <v>26</v>
      </c>
      <c r="F2424" s="52" t="s">
        <v>81</v>
      </c>
      <c r="G2424" s="52" t="s">
        <v>82</v>
      </c>
      <c r="H2424" s="4">
        <v>1</v>
      </c>
      <c r="I2424" s="2">
        <v>14.65</v>
      </c>
      <c r="J2424" s="52" t="s">
        <v>6553</v>
      </c>
      <c r="K2424" s="71" t="s">
        <v>6554</v>
      </c>
      <c r="L2424" s="52" t="s">
        <v>2063</v>
      </c>
      <c r="M2424" s="72">
        <v>5373</v>
      </c>
      <c r="N2424" s="52"/>
      <c r="O2424" s="52"/>
      <c r="P2424" s="52"/>
      <c r="Q2424" s="52"/>
      <c r="R2424" s="52"/>
      <c r="S2424" s="52"/>
      <c r="T2424" s="52"/>
      <c r="U2424" s="52"/>
      <c r="V2424" s="52"/>
      <c r="W2424" s="52"/>
    </row>
    <row r="2425" spans="1:23" hidden="1" x14ac:dyDescent="0.35">
      <c r="A2425" s="52" t="s">
        <v>78</v>
      </c>
      <c r="B2425" s="52" t="s">
        <v>79</v>
      </c>
      <c r="C2425" s="3">
        <v>20</v>
      </c>
      <c r="D2425" s="52" t="s">
        <v>80</v>
      </c>
      <c r="E2425" s="52" t="s">
        <v>26</v>
      </c>
      <c r="F2425" s="52" t="s">
        <v>81</v>
      </c>
      <c r="G2425" s="52" t="s">
        <v>82</v>
      </c>
      <c r="H2425" s="4">
        <v>1</v>
      </c>
      <c r="I2425" s="2">
        <v>14.65</v>
      </c>
      <c r="J2425" s="52" t="s">
        <v>5570</v>
      </c>
      <c r="K2425" s="71" t="s">
        <v>6555</v>
      </c>
      <c r="L2425" s="52" t="s">
        <v>2063</v>
      </c>
      <c r="M2425" s="72">
        <v>3087</v>
      </c>
      <c r="N2425" s="52" t="s">
        <v>2072</v>
      </c>
      <c r="O2425" s="52" t="s">
        <v>2073</v>
      </c>
      <c r="P2425" s="52"/>
      <c r="Q2425" s="52"/>
      <c r="R2425" s="52"/>
      <c r="S2425" s="52"/>
      <c r="T2425" s="52"/>
      <c r="U2425" s="52"/>
      <c r="V2425" s="52"/>
      <c r="W2425" s="52"/>
    </row>
    <row r="2426" spans="1:23" hidden="1" x14ac:dyDescent="0.35">
      <c r="A2426" s="52" t="s">
        <v>78</v>
      </c>
      <c r="B2426" s="52" t="s">
        <v>79</v>
      </c>
      <c r="C2426" s="3">
        <v>211</v>
      </c>
      <c r="D2426" s="52" t="s">
        <v>2020</v>
      </c>
      <c r="E2426" s="52" t="s">
        <v>26</v>
      </c>
      <c r="F2426" s="52" t="s">
        <v>81</v>
      </c>
      <c r="G2426" s="52" t="s">
        <v>82</v>
      </c>
      <c r="H2426" s="4">
        <v>1</v>
      </c>
      <c r="I2426" s="2">
        <v>14.65</v>
      </c>
      <c r="J2426" s="52" t="s">
        <v>5483</v>
      </c>
      <c r="K2426" s="71" t="s">
        <v>6556</v>
      </c>
      <c r="L2426" s="52" t="s">
        <v>2095</v>
      </c>
      <c r="M2426" s="72">
        <v>5453</v>
      </c>
      <c r="N2426" s="52" t="s">
        <v>2066</v>
      </c>
      <c r="O2426" s="52" t="s">
        <v>2067</v>
      </c>
      <c r="P2426" s="52"/>
      <c r="Q2426" s="52"/>
      <c r="R2426" s="52"/>
      <c r="S2426" s="52"/>
      <c r="T2426" s="52"/>
      <c r="U2426" s="52"/>
      <c r="V2426" s="52"/>
      <c r="W2426" s="52"/>
    </row>
    <row r="2427" spans="1:23" x14ac:dyDescent="0.35">
      <c r="A2427" s="52" t="s">
        <v>78</v>
      </c>
      <c r="B2427" s="52" t="s">
        <v>79</v>
      </c>
      <c r="C2427" s="3">
        <v>20</v>
      </c>
      <c r="D2427" s="52" t="s">
        <v>2019</v>
      </c>
      <c r="E2427" s="52" t="s">
        <v>26</v>
      </c>
      <c r="F2427" s="52" t="s">
        <v>81</v>
      </c>
      <c r="G2427" s="52" t="s">
        <v>82</v>
      </c>
      <c r="H2427" s="4">
        <v>1</v>
      </c>
      <c r="I2427" s="2">
        <v>14.65</v>
      </c>
      <c r="J2427" s="52" t="s">
        <v>6557</v>
      </c>
      <c r="K2427" s="71" t="s">
        <v>6558</v>
      </c>
      <c r="L2427" s="52" t="s">
        <v>2063</v>
      </c>
      <c r="M2427" s="72">
        <v>928</v>
      </c>
      <c r="N2427" s="52" t="s">
        <v>2076</v>
      </c>
      <c r="O2427" s="52" t="s">
        <v>2077</v>
      </c>
      <c r="P2427" s="52"/>
      <c r="Q2427" s="52"/>
      <c r="R2427" s="52"/>
      <c r="S2427" s="52"/>
      <c r="T2427" s="52"/>
      <c r="U2427" s="52"/>
      <c r="V2427" s="52"/>
      <c r="W2427" s="52"/>
    </row>
    <row r="2428" spans="1:23" hidden="1" x14ac:dyDescent="0.35">
      <c r="A2428" s="52" t="s">
        <v>78</v>
      </c>
      <c r="B2428" s="52" t="s">
        <v>79</v>
      </c>
      <c r="C2428" s="3">
        <v>20</v>
      </c>
      <c r="D2428" s="52" t="s">
        <v>86</v>
      </c>
      <c r="E2428" s="52" t="s">
        <v>26</v>
      </c>
      <c r="F2428" s="52" t="s">
        <v>81</v>
      </c>
      <c r="G2428" s="52" t="s">
        <v>82</v>
      </c>
      <c r="H2428" s="4">
        <v>1</v>
      </c>
      <c r="I2428" s="2">
        <v>14.65</v>
      </c>
      <c r="J2428" s="52" t="s">
        <v>6559</v>
      </c>
      <c r="K2428" s="71" t="s">
        <v>6560</v>
      </c>
      <c r="L2428" s="52" t="s">
        <v>2063</v>
      </c>
      <c r="M2428" s="72">
        <v>5601</v>
      </c>
      <c r="N2428" s="52"/>
      <c r="O2428" s="52"/>
      <c r="P2428" s="52"/>
      <c r="Q2428" s="52"/>
      <c r="R2428" s="52"/>
      <c r="S2428" s="52"/>
      <c r="T2428" s="52"/>
      <c r="U2428" s="52"/>
      <c r="V2428" s="52"/>
      <c r="W2428" s="52"/>
    </row>
    <row r="2429" spans="1:23" hidden="1" x14ac:dyDescent="0.35">
      <c r="A2429" s="52" t="s">
        <v>78</v>
      </c>
      <c r="B2429" s="52" t="s">
        <v>79</v>
      </c>
      <c r="C2429" s="3">
        <v>10</v>
      </c>
      <c r="D2429" s="52" t="s">
        <v>84</v>
      </c>
      <c r="E2429" s="52" t="s">
        <v>26</v>
      </c>
      <c r="F2429" s="52" t="s">
        <v>81</v>
      </c>
      <c r="G2429" s="52" t="s">
        <v>82</v>
      </c>
      <c r="H2429" s="4">
        <v>1</v>
      </c>
      <c r="I2429" s="2">
        <v>14.65</v>
      </c>
      <c r="J2429" s="52" t="s">
        <v>5807</v>
      </c>
      <c r="K2429" s="71" t="s">
        <v>6561</v>
      </c>
      <c r="L2429" s="52" t="s">
        <v>2063</v>
      </c>
      <c r="M2429" s="72">
        <v>8241</v>
      </c>
      <c r="N2429" s="52" t="s">
        <v>2072</v>
      </c>
      <c r="O2429" s="52" t="s">
        <v>2073</v>
      </c>
      <c r="P2429" s="52"/>
      <c r="Q2429" s="52"/>
      <c r="R2429" s="52"/>
      <c r="S2429" s="52"/>
      <c r="T2429" s="52"/>
      <c r="U2429" s="52"/>
      <c r="V2429" s="52"/>
      <c r="W2429" s="52"/>
    </row>
    <row r="2430" spans="1:23" hidden="1" x14ac:dyDescent="0.35">
      <c r="A2430" s="52" t="s">
        <v>78</v>
      </c>
      <c r="B2430" s="52" t="s">
        <v>79</v>
      </c>
      <c r="C2430" s="3">
        <v>20</v>
      </c>
      <c r="D2430" s="52" t="s">
        <v>84</v>
      </c>
      <c r="E2430" s="52" t="s">
        <v>26</v>
      </c>
      <c r="F2430" s="52" t="s">
        <v>81</v>
      </c>
      <c r="G2430" s="52" t="s">
        <v>82</v>
      </c>
      <c r="H2430" s="4">
        <v>1</v>
      </c>
      <c r="I2430" s="2">
        <v>14.65</v>
      </c>
      <c r="J2430" s="52" t="s">
        <v>5447</v>
      </c>
      <c r="K2430" s="71" t="s">
        <v>6562</v>
      </c>
      <c r="L2430" s="52" t="s">
        <v>2063</v>
      </c>
      <c r="M2430" s="72">
        <v>9569</v>
      </c>
      <c r="N2430" s="52"/>
      <c r="O2430" s="52"/>
      <c r="P2430" s="52"/>
      <c r="Q2430" s="52"/>
      <c r="R2430" s="52"/>
      <c r="S2430" s="52"/>
      <c r="T2430" s="52"/>
      <c r="U2430" s="52"/>
      <c r="V2430" s="52"/>
      <c r="W2430" s="52"/>
    </row>
    <row r="2431" spans="1:23" hidden="1" x14ac:dyDescent="0.35">
      <c r="A2431" s="52" t="s">
        <v>78</v>
      </c>
      <c r="B2431" s="52" t="s">
        <v>79</v>
      </c>
      <c r="C2431" s="3">
        <v>10</v>
      </c>
      <c r="D2431" s="52" t="s">
        <v>87</v>
      </c>
      <c r="E2431" s="52" t="s">
        <v>26</v>
      </c>
      <c r="F2431" s="52" t="s">
        <v>81</v>
      </c>
      <c r="G2431" s="52" t="s">
        <v>82</v>
      </c>
      <c r="H2431" s="4">
        <v>1</v>
      </c>
      <c r="I2431" s="2">
        <v>14.65</v>
      </c>
      <c r="J2431" s="52" t="s">
        <v>6563</v>
      </c>
      <c r="K2431" s="71" t="s">
        <v>6564</v>
      </c>
      <c r="L2431" s="52" t="s">
        <v>2063</v>
      </c>
      <c r="M2431" s="72">
        <v>9254</v>
      </c>
      <c r="N2431" s="52"/>
      <c r="O2431" s="52"/>
      <c r="P2431" s="52"/>
      <c r="Q2431" s="52"/>
      <c r="R2431" s="52"/>
      <c r="S2431" s="52"/>
      <c r="T2431" s="52"/>
      <c r="U2431" s="52"/>
      <c r="V2431" s="52"/>
      <c r="W2431" s="52"/>
    </row>
    <row r="2432" spans="1:23" hidden="1" x14ac:dyDescent="0.35">
      <c r="A2432" s="52" t="s">
        <v>78</v>
      </c>
      <c r="B2432" s="52" t="s">
        <v>79</v>
      </c>
      <c r="C2432" s="3">
        <v>20</v>
      </c>
      <c r="D2432" s="52" t="s">
        <v>83</v>
      </c>
      <c r="E2432" s="52" t="s">
        <v>26</v>
      </c>
      <c r="F2432" s="52" t="s">
        <v>81</v>
      </c>
      <c r="G2432" s="52" t="s">
        <v>82</v>
      </c>
      <c r="H2432" s="4">
        <v>1</v>
      </c>
      <c r="I2432" s="2">
        <v>14.65</v>
      </c>
      <c r="J2432" s="52" t="s">
        <v>6320</v>
      </c>
      <c r="K2432" s="71" t="s">
        <v>6565</v>
      </c>
      <c r="L2432" s="52" t="s">
        <v>2063</v>
      </c>
      <c r="M2432" s="72">
        <v>9366</v>
      </c>
      <c r="N2432" s="52" t="s">
        <v>2072</v>
      </c>
      <c r="O2432" s="52" t="s">
        <v>2073</v>
      </c>
      <c r="P2432" s="52"/>
      <c r="Q2432" s="52"/>
      <c r="R2432" s="52"/>
      <c r="S2432" s="52"/>
      <c r="T2432" s="52"/>
      <c r="U2432" s="52"/>
      <c r="V2432" s="52"/>
      <c r="W2432" s="52"/>
    </row>
    <row r="2433" spans="1:23" hidden="1" x14ac:dyDescent="0.35">
      <c r="A2433" s="52" t="s">
        <v>78</v>
      </c>
      <c r="B2433" s="52" t="s">
        <v>79</v>
      </c>
      <c r="C2433" s="3">
        <v>20</v>
      </c>
      <c r="D2433" s="52" t="s">
        <v>86</v>
      </c>
      <c r="E2433" s="52" t="s">
        <v>26</v>
      </c>
      <c r="F2433" s="52" t="s">
        <v>81</v>
      </c>
      <c r="G2433" s="52" t="s">
        <v>82</v>
      </c>
      <c r="H2433" s="4">
        <v>1</v>
      </c>
      <c r="I2433" s="2">
        <v>14.65</v>
      </c>
      <c r="J2433" s="52" t="s">
        <v>6566</v>
      </c>
      <c r="K2433" s="71" t="s">
        <v>6567</v>
      </c>
      <c r="L2433" s="52" t="s">
        <v>2063</v>
      </c>
      <c r="M2433" s="72">
        <v>7814</v>
      </c>
      <c r="N2433" s="52" t="s">
        <v>2072</v>
      </c>
      <c r="O2433" s="52" t="s">
        <v>2073</v>
      </c>
      <c r="P2433" s="52"/>
      <c r="Q2433" s="52"/>
      <c r="R2433" s="52"/>
      <c r="S2433" s="52"/>
      <c r="T2433" s="52"/>
      <c r="U2433" s="52"/>
      <c r="V2433" s="52"/>
      <c r="W2433" s="52"/>
    </row>
    <row r="2434" spans="1:23" hidden="1" x14ac:dyDescent="0.35">
      <c r="A2434" s="52" t="s">
        <v>78</v>
      </c>
      <c r="B2434" s="52" t="s">
        <v>79</v>
      </c>
      <c r="C2434" s="3">
        <v>10</v>
      </c>
      <c r="D2434" s="52" t="s">
        <v>86</v>
      </c>
      <c r="E2434" s="52" t="s">
        <v>26</v>
      </c>
      <c r="F2434" s="52" t="s">
        <v>81</v>
      </c>
      <c r="G2434" s="52" t="s">
        <v>82</v>
      </c>
      <c r="H2434" s="4">
        <v>1</v>
      </c>
      <c r="I2434" s="2">
        <v>14.65</v>
      </c>
      <c r="J2434" s="52" t="s">
        <v>6568</v>
      </c>
      <c r="K2434" s="71" t="s">
        <v>6569</v>
      </c>
      <c r="L2434" s="52" t="s">
        <v>2063</v>
      </c>
      <c r="M2434" s="72">
        <v>947</v>
      </c>
      <c r="N2434" s="52" t="s">
        <v>2072</v>
      </c>
      <c r="O2434" s="52" t="s">
        <v>2073</v>
      </c>
      <c r="P2434" s="52"/>
      <c r="Q2434" s="52"/>
      <c r="R2434" s="52"/>
      <c r="S2434" s="52"/>
      <c r="T2434" s="52"/>
      <c r="U2434" s="52"/>
      <c r="V2434" s="52"/>
      <c r="W2434" s="52"/>
    </row>
    <row r="2435" spans="1:23" hidden="1" x14ac:dyDescent="0.35">
      <c r="A2435" s="52" t="s">
        <v>78</v>
      </c>
      <c r="B2435" s="52" t="s">
        <v>79</v>
      </c>
      <c r="C2435" s="3">
        <v>20</v>
      </c>
      <c r="D2435" s="52" t="s">
        <v>2021</v>
      </c>
      <c r="E2435" s="52" t="s">
        <v>26</v>
      </c>
      <c r="F2435" s="52" t="s">
        <v>81</v>
      </c>
      <c r="G2435" s="52" t="s">
        <v>82</v>
      </c>
      <c r="H2435" s="4">
        <v>1</v>
      </c>
      <c r="I2435" s="2">
        <v>14.65</v>
      </c>
      <c r="J2435" s="52" t="s">
        <v>6570</v>
      </c>
      <c r="K2435" s="71" t="s">
        <v>6571</v>
      </c>
      <c r="L2435" s="52" t="s">
        <v>2063</v>
      </c>
      <c r="M2435" s="72">
        <v>2927</v>
      </c>
      <c r="N2435" s="52" t="s">
        <v>2072</v>
      </c>
      <c r="O2435" s="52" t="s">
        <v>2073</v>
      </c>
      <c r="P2435" s="52"/>
      <c r="Q2435" s="52"/>
      <c r="R2435" s="52"/>
      <c r="S2435" s="52"/>
      <c r="T2435" s="52"/>
      <c r="U2435" s="52"/>
      <c r="V2435" s="52"/>
      <c r="W2435" s="52"/>
    </row>
    <row r="2436" spans="1:23" hidden="1" x14ac:dyDescent="0.35">
      <c r="A2436" s="52" t="s">
        <v>78</v>
      </c>
      <c r="B2436" s="52" t="s">
        <v>79</v>
      </c>
      <c r="C2436" s="3">
        <v>10</v>
      </c>
      <c r="D2436" s="52" t="s">
        <v>2023</v>
      </c>
      <c r="E2436" s="52" t="s">
        <v>26</v>
      </c>
      <c r="F2436" s="52" t="s">
        <v>81</v>
      </c>
      <c r="G2436" s="52" t="s">
        <v>82</v>
      </c>
      <c r="H2436" s="4">
        <v>1</v>
      </c>
      <c r="I2436" s="2">
        <v>14.65</v>
      </c>
      <c r="J2436" s="52" t="s">
        <v>6572</v>
      </c>
      <c r="K2436" s="71" t="s">
        <v>6573</v>
      </c>
      <c r="L2436" s="52" t="s">
        <v>2063</v>
      </c>
      <c r="M2436" s="72">
        <v>3792</v>
      </c>
      <c r="N2436" s="52" t="s">
        <v>2072</v>
      </c>
      <c r="O2436" s="52" t="s">
        <v>2073</v>
      </c>
      <c r="P2436" s="52"/>
      <c r="Q2436" s="52"/>
      <c r="R2436" s="52"/>
      <c r="S2436" s="52"/>
      <c r="T2436" s="52"/>
      <c r="U2436" s="52"/>
      <c r="V2436" s="52"/>
      <c r="W2436" s="52"/>
    </row>
    <row r="2437" spans="1:23" hidden="1" x14ac:dyDescent="0.35">
      <c r="A2437" s="52" t="s">
        <v>78</v>
      </c>
      <c r="B2437" s="52" t="s">
        <v>79</v>
      </c>
      <c r="C2437" s="3">
        <v>10</v>
      </c>
      <c r="D2437" s="52" t="s">
        <v>2022</v>
      </c>
      <c r="E2437" s="52" t="s">
        <v>26</v>
      </c>
      <c r="F2437" s="52" t="s">
        <v>81</v>
      </c>
      <c r="G2437" s="52" t="s">
        <v>82</v>
      </c>
      <c r="H2437" s="4">
        <v>1</v>
      </c>
      <c r="I2437" s="2">
        <v>14.65</v>
      </c>
      <c r="J2437" s="52" t="s">
        <v>5836</v>
      </c>
      <c r="K2437" s="71" t="s">
        <v>6574</v>
      </c>
      <c r="L2437" s="52" t="s">
        <v>2063</v>
      </c>
      <c r="M2437" s="72">
        <v>8274</v>
      </c>
      <c r="N2437" s="52" t="s">
        <v>2072</v>
      </c>
      <c r="O2437" s="52" t="s">
        <v>2073</v>
      </c>
      <c r="P2437" s="52"/>
      <c r="Q2437" s="52"/>
      <c r="R2437" s="52"/>
      <c r="S2437" s="52"/>
      <c r="T2437" s="52"/>
      <c r="U2437" s="52"/>
      <c r="V2437" s="52"/>
      <c r="W2437" s="52"/>
    </row>
    <row r="2438" spans="1:23" hidden="1" x14ac:dyDescent="0.35">
      <c r="A2438" s="52" t="s">
        <v>78</v>
      </c>
      <c r="B2438" s="52" t="s">
        <v>79</v>
      </c>
      <c r="C2438" s="3">
        <v>10</v>
      </c>
      <c r="D2438" s="52" t="s">
        <v>85</v>
      </c>
      <c r="E2438" s="52" t="s">
        <v>26</v>
      </c>
      <c r="F2438" s="52" t="s">
        <v>81</v>
      </c>
      <c r="G2438" s="52" t="s">
        <v>82</v>
      </c>
      <c r="H2438" s="4">
        <v>1</v>
      </c>
      <c r="I2438" s="2">
        <v>14.65</v>
      </c>
      <c r="J2438" s="52" t="s">
        <v>6575</v>
      </c>
      <c r="K2438" s="71" t="s">
        <v>6576</v>
      </c>
      <c r="L2438" s="52" t="s">
        <v>2063</v>
      </c>
      <c r="M2438" s="72">
        <v>9615</v>
      </c>
      <c r="N2438" s="52" t="s">
        <v>2066</v>
      </c>
      <c r="O2438" s="52" t="s">
        <v>2067</v>
      </c>
      <c r="P2438" s="52"/>
      <c r="Q2438" s="52"/>
      <c r="R2438" s="52"/>
      <c r="S2438" s="52"/>
      <c r="T2438" s="52"/>
      <c r="U2438" s="52"/>
      <c r="V2438" s="52"/>
      <c r="W2438" s="52"/>
    </row>
    <row r="2439" spans="1:23" hidden="1" x14ac:dyDescent="0.35">
      <c r="A2439" s="52" t="s">
        <v>78</v>
      </c>
      <c r="B2439" s="52" t="s">
        <v>79</v>
      </c>
      <c r="C2439" s="3">
        <v>10</v>
      </c>
      <c r="D2439" s="52" t="s">
        <v>86</v>
      </c>
      <c r="E2439" s="52" t="s">
        <v>26</v>
      </c>
      <c r="F2439" s="52" t="s">
        <v>81</v>
      </c>
      <c r="G2439" s="52" t="s">
        <v>82</v>
      </c>
      <c r="H2439" s="4">
        <v>1</v>
      </c>
      <c r="I2439" s="2">
        <v>14.65</v>
      </c>
      <c r="J2439" s="52" t="s">
        <v>6577</v>
      </c>
      <c r="K2439" s="71" t="s">
        <v>6578</v>
      </c>
      <c r="L2439" s="52" t="s">
        <v>2063</v>
      </c>
      <c r="M2439" s="72">
        <v>5991</v>
      </c>
      <c r="N2439" s="52"/>
      <c r="O2439" s="52"/>
      <c r="P2439" s="52"/>
      <c r="Q2439" s="52"/>
      <c r="R2439" s="52"/>
      <c r="S2439" s="52"/>
      <c r="T2439" s="52"/>
      <c r="U2439" s="52"/>
      <c r="V2439" s="52"/>
      <c r="W2439" s="52"/>
    </row>
    <row r="2440" spans="1:23" hidden="1" x14ac:dyDescent="0.35">
      <c r="A2440" s="52" t="s">
        <v>78</v>
      </c>
      <c r="B2440" s="52" t="s">
        <v>79</v>
      </c>
      <c r="C2440" s="3">
        <v>20</v>
      </c>
      <c r="D2440" s="52" t="s">
        <v>2019</v>
      </c>
      <c r="E2440" s="52" t="s">
        <v>26</v>
      </c>
      <c r="F2440" s="52" t="s">
        <v>81</v>
      </c>
      <c r="G2440" s="52" t="s">
        <v>82</v>
      </c>
      <c r="H2440" s="4">
        <v>1</v>
      </c>
      <c r="I2440" s="2">
        <v>14.65</v>
      </c>
      <c r="J2440" s="52" t="s">
        <v>6579</v>
      </c>
      <c r="K2440" s="71" t="s">
        <v>6580</v>
      </c>
      <c r="L2440" s="52" t="s">
        <v>2063</v>
      </c>
      <c r="M2440" s="72">
        <v>8886</v>
      </c>
      <c r="N2440" s="52" t="s">
        <v>2072</v>
      </c>
      <c r="O2440" s="52" t="s">
        <v>2073</v>
      </c>
      <c r="P2440" s="52"/>
      <c r="Q2440" s="52"/>
      <c r="R2440" s="52"/>
      <c r="S2440" s="52"/>
      <c r="T2440" s="52"/>
      <c r="U2440" s="52"/>
      <c r="V2440" s="52"/>
      <c r="W2440" s="52"/>
    </row>
    <row r="2441" spans="1:23" hidden="1" x14ac:dyDescent="0.35">
      <c r="A2441" s="52" t="s">
        <v>78</v>
      </c>
      <c r="B2441" s="52" t="s">
        <v>79</v>
      </c>
      <c r="C2441" s="3">
        <v>10</v>
      </c>
      <c r="D2441" s="52" t="s">
        <v>86</v>
      </c>
      <c r="E2441" s="52" t="s">
        <v>26</v>
      </c>
      <c r="F2441" s="52" t="s">
        <v>81</v>
      </c>
      <c r="G2441" s="52" t="s">
        <v>82</v>
      </c>
      <c r="H2441" s="4">
        <v>1</v>
      </c>
      <c r="I2441" s="2">
        <v>14.65</v>
      </c>
      <c r="J2441" s="52" t="s">
        <v>6581</v>
      </c>
      <c r="K2441" s="71" t="s">
        <v>6582</v>
      </c>
      <c r="L2441" s="52" t="s">
        <v>2063</v>
      </c>
      <c r="M2441" s="72">
        <v>6991</v>
      </c>
      <c r="N2441" s="52"/>
      <c r="O2441" s="52"/>
      <c r="P2441" s="52"/>
      <c r="Q2441" s="52"/>
      <c r="R2441" s="52"/>
      <c r="S2441" s="52"/>
      <c r="T2441" s="52"/>
      <c r="U2441" s="52"/>
      <c r="V2441" s="52"/>
      <c r="W2441" s="52"/>
    </row>
    <row r="2442" spans="1:23" hidden="1" x14ac:dyDescent="0.35">
      <c r="A2442" s="52" t="s">
        <v>78</v>
      </c>
      <c r="B2442" s="52" t="s">
        <v>79</v>
      </c>
      <c r="C2442" s="3">
        <v>10</v>
      </c>
      <c r="D2442" s="52" t="s">
        <v>2024</v>
      </c>
      <c r="E2442" s="52" t="s">
        <v>26</v>
      </c>
      <c r="F2442" s="52" t="s">
        <v>81</v>
      </c>
      <c r="G2442" s="52" t="s">
        <v>82</v>
      </c>
      <c r="H2442" s="4">
        <v>1</v>
      </c>
      <c r="I2442" s="2">
        <v>14.65</v>
      </c>
      <c r="J2442" s="52" t="s">
        <v>5665</v>
      </c>
      <c r="K2442" s="71" t="s">
        <v>6583</v>
      </c>
      <c r="L2442" s="52" t="s">
        <v>2095</v>
      </c>
      <c r="M2442" s="72">
        <v>8568</v>
      </c>
      <c r="N2442" s="52"/>
      <c r="O2442" s="52"/>
      <c r="P2442" s="52"/>
      <c r="Q2442" s="52"/>
      <c r="R2442" s="52"/>
      <c r="S2442" s="52"/>
      <c r="T2442" s="52"/>
      <c r="U2442" s="52"/>
      <c r="V2442" s="52"/>
      <c r="W2442" s="52"/>
    </row>
    <row r="2443" spans="1:23" hidden="1" x14ac:dyDescent="0.35">
      <c r="A2443" s="52" t="s">
        <v>78</v>
      </c>
      <c r="B2443" s="52" t="s">
        <v>79</v>
      </c>
      <c r="C2443" s="3">
        <v>211</v>
      </c>
      <c r="D2443" s="52" t="s">
        <v>84</v>
      </c>
      <c r="E2443" s="52" t="s">
        <v>26</v>
      </c>
      <c r="F2443" s="52" t="s">
        <v>81</v>
      </c>
      <c r="G2443" s="52" t="s">
        <v>82</v>
      </c>
      <c r="H2443" s="4">
        <v>1</v>
      </c>
      <c r="I2443" s="2">
        <v>14.65</v>
      </c>
      <c r="J2443" s="52" t="s">
        <v>6584</v>
      </c>
      <c r="K2443" s="71" t="s">
        <v>6585</v>
      </c>
      <c r="L2443" s="52" t="s">
        <v>2063</v>
      </c>
      <c r="M2443" s="72">
        <v>737</v>
      </c>
      <c r="N2443" s="52" t="s">
        <v>2066</v>
      </c>
      <c r="O2443" s="52" t="s">
        <v>2067</v>
      </c>
      <c r="P2443" s="52"/>
      <c r="Q2443" s="52"/>
      <c r="R2443" s="52"/>
      <c r="S2443" s="52"/>
      <c r="T2443" s="52"/>
      <c r="U2443" s="52"/>
      <c r="V2443" s="52"/>
      <c r="W2443" s="52"/>
    </row>
    <row r="2444" spans="1:23" hidden="1" x14ac:dyDescent="0.35">
      <c r="A2444" s="52" t="s">
        <v>78</v>
      </c>
      <c r="B2444" s="52" t="s">
        <v>79</v>
      </c>
      <c r="C2444" s="3">
        <v>10</v>
      </c>
      <c r="D2444" s="52" t="s">
        <v>83</v>
      </c>
      <c r="E2444" s="52" t="s">
        <v>26</v>
      </c>
      <c r="F2444" s="52" t="s">
        <v>81</v>
      </c>
      <c r="G2444" s="52" t="s">
        <v>82</v>
      </c>
      <c r="H2444" s="4">
        <v>1</v>
      </c>
      <c r="I2444" s="2">
        <v>14.65</v>
      </c>
      <c r="J2444" s="52" t="s">
        <v>6586</v>
      </c>
      <c r="K2444" s="71" t="s">
        <v>6587</v>
      </c>
      <c r="L2444" s="52" t="s">
        <v>2063</v>
      </c>
      <c r="M2444" s="72">
        <v>7053</v>
      </c>
      <c r="N2444" s="52" t="s">
        <v>2158</v>
      </c>
      <c r="O2444" s="52" t="s">
        <v>2159</v>
      </c>
      <c r="P2444" s="52"/>
      <c r="Q2444" s="52"/>
      <c r="R2444" s="52"/>
      <c r="S2444" s="52"/>
      <c r="T2444" s="52"/>
      <c r="U2444" s="52"/>
      <c r="V2444" s="52"/>
      <c r="W2444" s="52"/>
    </row>
    <row r="2445" spans="1:23" hidden="1" x14ac:dyDescent="0.35">
      <c r="A2445" s="52" t="s">
        <v>78</v>
      </c>
      <c r="B2445" s="52" t="s">
        <v>79</v>
      </c>
      <c r="C2445" s="3">
        <v>20</v>
      </c>
      <c r="D2445" s="52" t="s">
        <v>2023</v>
      </c>
      <c r="E2445" s="52" t="s">
        <v>26</v>
      </c>
      <c r="F2445" s="52" t="s">
        <v>81</v>
      </c>
      <c r="G2445" s="52" t="s">
        <v>82</v>
      </c>
      <c r="H2445" s="4">
        <v>1</v>
      </c>
      <c r="I2445" s="2">
        <v>14.65</v>
      </c>
      <c r="J2445" s="52" t="s">
        <v>6588</v>
      </c>
      <c r="K2445" s="71" t="s">
        <v>6589</v>
      </c>
      <c r="L2445" s="52" t="s">
        <v>2063</v>
      </c>
      <c r="M2445" s="72">
        <v>4999</v>
      </c>
      <c r="N2445" s="52" t="s">
        <v>2072</v>
      </c>
      <c r="O2445" s="52" t="s">
        <v>2073</v>
      </c>
      <c r="P2445" s="52"/>
      <c r="Q2445" s="52"/>
      <c r="R2445" s="52"/>
      <c r="S2445" s="52"/>
      <c r="T2445" s="52"/>
      <c r="U2445" s="52"/>
      <c r="V2445" s="52"/>
      <c r="W2445" s="52"/>
    </row>
    <row r="2446" spans="1:23" hidden="1" x14ac:dyDescent="0.35">
      <c r="A2446" s="52" t="s">
        <v>78</v>
      </c>
      <c r="B2446" s="52" t="s">
        <v>79</v>
      </c>
      <c r="C2446" s="3">
        <v>20</v>
      </c>
      <c r="D2446" s="52" t="s">
        <v>80</v>
      </c>
      <c r="E2446" s="52" t="s">
        <v>26</v>
      </c>
      <c r="F2446" s="52" t="s">
        <v>81</v>
      </c>
      <c r="G2446" s="52" t="s">
        <v>82</v>
      </c>
      <c r="H2446" s="4">
        <v>1</v>
      </c>
      <c r="I2446" s="2">
        <v>14.65</v>
      </c>
      <c r="J2446" s="52" t="s">
        <v>6472</v>
      </c>
      <c r="K2446" s="71" t="s">
        <v>6590</v>
      </c>
      <c r="L2446" s="52" t="s">
        <v>2063</v>
      </c>
      <c r="M2446" s="72">
        <v>9018</v>
      </c>
      <c r="N2446" s="52"/>
      <c r="O2446" s="52"/>
      <c r="P2446" s="52"/>
      <c r="Q2446" s="52"/>
      <c r="R2446" s="52"/>
      <c r="S2446" s="52"/>
      <c r="T2446" s="52"/>
      <c r="U2446" s="52"/>
      <c r="V2446" s="52"/>
      <c r="W2446" s="52"/>
    </row>
    <row r="2447" spans="1:23" x14ac:dyDescent="0.35">
      <c r="A2447" s="52" t="s">
        <v>78</v>
      </c>
      <c r="B2447" s="52" t="s">
        <v>79</v>
      </c>
      <c r="C2447" s="3">
        <v>10</v>
      </c>
      <c r="D2447" s="52" t="s">
        <v>2024</v>
      </c>
      <c r="E2447" s="52" t="s">
        <v>26</v>
      </c>
      <c r="F2447" s="52" t="s">
        <v>81</v>
      </c>
      <c r="G2447" s="52" t="s">
        <v>82</v>
      </c>
      <c r="H2447" s="4">
        <v>1</v>
      </c>
      <c r="I2447" s="2">
        <v>14.65</v>
      </c>
      <c r="J2447" s="52" t="s">
        <v>6591</v>
      </c>
      <c r="K2447" s="71" t="s">
        <v>6592</v>
      </c>
      <c r="L2447" s="52" t="s">
        <v>2063</v>
      </c>
      <c r="M2447" s="72">
        <v>9097</v>
      </c>
      <c r="N2447" s="52" t="s">
        <v>2076</v>
      </c>
      <c r="O2447" s="52" t="s">
        <v>2077</v>
      </c>
      <c r="P2447" s="52"/>
      <c r="Q2447" s="52"/>
      <c r="R2447" s="52"/>
      <c r="S2447" s="52"/>
      <c r="T2447" s="52"/>
      <c r="U2447" s="52"/>
      <c r="V2447" s="52"/>
      <c r="W2447" s="52"/>
    </row>
    <row r="2448" spans="1:23" hidden="1" x14ac:dyDescent="0.35">
      <c r="A2448" s="52" t="s">
        <v>78</v>
      </c>
      <c r="B2448" s="52" t="s">
        <v>79</v>
      </c>
      <c r="C2448" s="3">
        <v>212</v>
      </c>
      <c r="D2448" s="52" t="s">
        <v>2023</v>
      </c>
      <c r="E2448" s="52" t="s">
        <v>26</v>
      </c>
      <c r="F2448" s="52" t="s">
        <v>81</v>
      </c>
      <c r="G2448" s="52" t="s">
        <v>82</v>
      </c>
      <c r="H2448" s="4">
        <v>1</v>
      </c>
      <c r="I2448" s="2">
        <v>14.65</v>
      </c>
      <c r="J2448" s="52" t="s">
        <v>6593</v>
      </c>
      <c r="K2448" s="71" t="s">
        <v>6594</v>
      </c>
      <c r="L2448" s="52" t="s">
        <v>2063</v>
      </c>
      <c r="M2448" s="72">
        <v>3790</v>
      </c>
      <c r="N2448" s="52" t="s">
        <v>2072</v>
      </c>
      <c r="O2448" s="52" t="s">
        <v>2073</v>
      </c>
      <c r="P2448" s="52"/>
      <c r="Q2448" s="52"/>
      <c r="R2448" s="52"/>
      <c r="S2448" s="52"/>
      <c r="T2448" s="52"/>
      <c r="U2448" s="52"/>
      <c r="V2448" s="52"/>
      <c r="W2448" s="52"/>
    </row>
    <row r="2449" spans="1:23" hidden="1" x14ac:dyDescent="0.35">
      <c r="A2449" s="52" t="s">
        <v>78</v>
      </c>
      <c r="B2449" s="52" t="s">
        <v>79</v>
      </c>
      <c r="C2449" s="3">
        <v>20</v>
      </c>
      <c r="D2449" s="52" t="s">
        <v>85</v>
      </c>
      <c r="E2449" s="52" t="s">
        <v>26</v>
      </c>
      <c r="F2449" s="52" t="s">
        <v>81</v>
      </c>
      <c r="G2449" s="52" t="s">
        <v>82</v>
      </c>
      <c r="H2449" s="4">
        <v>1</v>
      </c>
      <c r="I2449" s="2">
        <v>14.65</v>
      </c>
      <c r="J2449" s="52" t="s">
        <v>6595</v>
      </c>
      <c r="K2449" s="71" t="s">
        <v>6596</v>
      </c>
      <c r="L2449" s="52" t="s">
        <v>2063</v>
      </c>
      <c r="M2449" s="72">
        <v>1491</v>
      </c>
      <c r="N2449" s="52"/>
      <c r="O2449" s="52"/>
      <c r="P2449" s="52"/>
      <c r="Q2449" s="52"/>
      <c r="R2449" s="52"/>
      <c r="S2449" s="52"/>
      <c r="T2449" s="52"/>
      <c r="U2449" s="52"/>
      <c r="V2449" s="52"/>
      <c r="W2449" s="52"/>
    </row>
    <row r="2450" spans="1:23" hidden="1" x14ac:dyDescent="0.35">
      <c r="A2450" s="52" t="s">
        <v>78</v>
      </c>
      <c r="B2450" s="52" t="s">
        <v>79</v>
      </c>
      <c r="C2450" s="3">
        <v>20</v>
      </c>
      <c r="D2450" s="52" t="s">
        <v>80</v>
      </c>
      <c r="E2450" s="52" t="s">
        <v>26</v>
      </c>
      <c r="F2450" s="52" t="s">
        <v>81</v>
      </c>
      <c r="G2450" s="52" t="s">
        <v>82</v>
      </c>
      <c r="H2450" s="4">
        <v>1</v>
      </c>
      <c r="I2450" s="2">
        <v>14.65</v>
      </c>
      <c r="J2450" s="52" t="s">
        <v>6597</v>
      </c>
      <c r="K2450" s="71" t="s">
        <v>6598</v>
      </c>
      <c r="L2450" s="52" t="s">
        <v>2063</v>
      </c>
      <c r="M2450" s="72">
        <v>9957</v>
      </c>
      <c r="N2450" s="52" t="s">
        <v>2072</v>
      </c>
      <c r="O2450" s="52" t="s">
        <v>2073</v>
      </c>
      <c r="P2450" s="52"/>
      <c r="Q2450" s="52"/>
      <c r="R2450" s="52"/>
      <c r="S2450" s="52"/>
      <c r="T2450" s="52"/>
      <c r="U2450" s="52"/>
      <c r="V2450" s="52"/>
      <c r="W2450" s="52"/>
    </row>
    <row r="2451" spans="1:23" x14ac:dyDescent="0.35">
      <c r="A2451" s="52" t="s">
        <v>78</v>
      </c>
      <c r="B2451" s="52" t="s">
        <v>79</v>
      </c>
      <c r="C2451" s="3">
        <v>20</v>
      </c>
      <c r="D2451" s="52" t="s">
        <v>87</v>
      </c>
      <c r="E2451" s="52" t="s">
        <v>26</v>
      </c>
      <c r="F2451" s="52" t="s">
        <v>81</v>
      </c>
      <c r="G2451" s="52" t="s">
        <v>82</v>
      </c>
      <c r="H2451" s="4">
        <v>1</v>
      </c>
      <c r="I2451" s="2">
        <v>14.65</v>
      </c>
      <c r="J2451" s="52" t="s">
        <v>6599</v>
      </c>
      <c r="K2451" s="71" t="s">
        <v>6600</v>
      </c>
      <c r="L2451" s="52" t="s">
        <v>2063</v>
      </c>
      <c r="M2451" s="72">
        <v>3608</v>
      </c>
      <c r="N2451" s="52" t="s">
        <v>2076</v>
      </c>
      <c r="O2451" s="52" t="s">
        <v>2077</v>
      </c>
      <c r="P2451" s="52" t="s">
        <v>3402</v>
      </c>
      <c r="Q2451" s="52" t="s">
        <v>3403</v>
      </c>
      <c r="R2451" s="52"/>
      <c r="S2451" s="52"/>
      <c r="T2451" s="52"/>
      <c r="U2451" s="52"/>
      <c r="V2451" s="52"/>
      <c r="W2451" s="52"/>
    </row>
    <row r="2452" spans="1:23" hidden="1" x14ac:dyDescent="0.35">
      <c r="A2452" s="52" t="s">
        <v>78</v>
      </c>
      <c r="B2452" s="52" t="s">
        <v>79</v>
      </c>
      <c r="C2452" s="3">
        <v>20</v>
      </c>
      <c r="D2452" s="52" t="s">
        <v>2024</v>
      </c>
      <c r="E2452" s="52" t="s">
        <v>26</v>
      </c>
      <c r="F2452" s="52" t="s">
        <v>81</v>
      </c>
      <c r="G2452" s="52" t="s">
        <v>82</v>
      </c>
      <c r="H2452" s="4">
        <v>1</v>
      </c>
      <c r="I2452" s="2">
        <v>14.65</v>
      </c>
      <c r="J2452" s="52" t="s">
        <v>5435</v>
      </c>
      <c r="K2452" s="71" t="s">
        <v>6601</v>
      </c>
      <c r="L2452" s="52" t="s">
        <v>2063</v>
      </c>
      <c r="M2452" s="72">
        <v>8601</v>
      </c>
      <c r="N2452" s="52" t="s">
        <v>2072</v>
      </c>
      <c r="O2452" s="52" t="s">
        <v>2073</v>
      </c>
      <c r="P2452" s="52"/>
      <c r="Q2452" s="52"/>
      <c r="R2452" s="52"/>
      <c r="S2452" s="52"/>
      <c r="T2452" s="52"/>
      <c r="U2452" s="52"/>
      <c r="V2452" s="52"/>
      <c r="W2452" s="52"/>
    </row>
    <row r="2453" spans="1:23" hidden="1" x14ac:dyDescent="0.35">
      <c r="A2453" s="52" t="s">
        <v>78</v>
      </c>
      <c r="B2453" s="52" t="s">
        <v>79</v>
      </c>
      <c r="C2453" s="3">
        <v>20</v>
      </c>
      <c r="D2453" s="52" t="s">
        <v>2021</v>
      </c>
      <c r="E2453" s="52" t="s">
        <v>26</v>
      </c>
      <c r="F2453" s="52" t="s">
        <v>81</v>
      </c>
      <c r="G2453" s="52" t="s">
        <v>82</v>
      </c>
      <c r="H2453" s="4">
        <v>1</v>
      </c>
      <c r="I2453" s="2">
        <v>14.65</v>
      </c>
      <c r="J2453" s="52" t="s">
        <v>6602</v>
      </c>
      <c r="K2453" s="71" t="s">
        <v>6603</v>
      </c>
      <c r="L2453" s="52" t="s">
        <v>2063</v>
      </c>
      <c r="M2453" s="72">
        <v>3548</v>
      </c>
      <c r="N2453" s="52" t="s">
        <v>2066</v>
      </c>
      <c r="O2453" s="52" t="s">
        <v>2067</v>
      </c>
      <c r="P2453" s="52"/>
      <c r="Q2453" s="52"/>
      <c r="R2453" s="52"/>
      <c r="S2453" s="52"/>
      <c r="T2453" s="52"/>
      <c r="U2453" s="52"/>
      <c r="V2453" s="52"/>
      <c r="W2453" s="52"/>
    </row>
    <row r="2454" spans="1:23" hidden="1" x14ac:dyDescent="0.35">
      <c r="A2454" s="52" t="s">
        <v>78</v>
      </c>
      <c r="B2454" s="52" t="s">
        <v>79</v>
      </c>
      <c r="C2454" s="3">
        <v>10</v>
      </c>
      <c r="D2454" s="52" t="s">
        <v>2022</v>
      </c>
      <c r="E2454" s="52" t="s">
        <v>26</v>
      </c>
      <c r="F2454" s="52" t="s">
        <v>81</v>
      </c>
      <c r="G2454" s="52" t="s">
        <v>82</v>
      </c>
      <c r="H2454" s="4">
        <v>1</v>
      </c>
      <c r="I2454" s="2">
        <v>14.65</v>
      </c>
      <c r="J2454" s="52" t="s">
        <v>5697</v>
      </c>
      <c r="K2454" s="71" t="s">
        <v>6604</v>
      </c>
      <c r="L2454" s="52" t="s">
        <v>2063</v>
      </c>
      <c r="M2454" s="72">
        <v>6698</v>
      </c>
      <c r="N2454" s="52"/>
      <c r="O2454" s="52"/>
      <c r="P2454" s="52"/>
      <c r="Q2454" s="52"/>
      <c r="R2454" s="52"/>
      <c r="S2454" s="52"/>
      <c r="T2454" s="52"/>
      <c r="U2454" s="52"/>
      <c r="V2454" s="52"/>
      <c r="W2454" s="52"/>
    </row>
    <row r="2455" spans="1:23" hidden="1" x14ac:dyDescent="0.35">
      <c r="A2455" s="52" t="s">
        <v>78</v>
      </c>
      <c r="B2455" s="52" t="s">
        <v>79</v>
      </c>
      <c r="C2455" s="3">
        <v>211</v>
      </c>
      <c r="D2455" s="52" t="s">
        <v>85</v>
      </c>
      <c r="E2455" s="52" t="s">
        <v>26</v>
      </c>
      <c r="F2455" s="52" t="s">
        <v>81</v>
      </c>
      <c r="G2455" s="52" t="s">
        <v>82</v>
      </c>
      <c r="H2455" s="4">
        <v>1</v>
      </c>
      <c r="I2455" s="2">
        <v>14.65</v>
      </c>
      <c r="J2455" s="52" t="s">
        <v>5830</v>
      </c>
      <c r="K2455" s="71" t="s">
        <v>6605</v>
      </c>
      <c r="L2455" s="52" t="s">
        <v>2063</v>
      </c>
      <c r="M2455" s="72">
        <v>4136</v>
      </c>
      <c r="N2455" s="52"/>
      <c r="O2455" s="52"/>
      <c r="P2455" s="52"/>
      <c r="Q2455" s="52"/>
      <c r="R2455" s="52"/>
      <c r="S2455" s="52"/>
      <c r="T2455" s="52"/>
      <c r="U2455" s="52"/>
      <c r="V2455" s="52"/>
      <c r="W2455" s="52"/>
    </row>
    <row r="2456" spans="1:23" hidden="1" x14ac:dyDescent="0.35">
      <c r="A2456" s="52" t="s">
        <v>78</v>
      </c>
      <c r="B2456" s="52" t="s">
        <v>79</v>
      </c>
      <c r="C2456" s="3">
        <v>211</v>
      </c>
      <c r="D2456" s="52" t="s">
        <v>80</v>
      </c>
      <c r="E2456" s="52" t="s">
        <v>26</v>
      </c>
      <c r="F2456" s="52" t="s">
        <v>81</v>
      </c>
      <c r="G2456" s="52" t="s">
        <v>82</v>
      </c>
      <c r="H2456" s="4">
        <v>1</v>
      </c>
      <c r="I2456" s="2">
        <v>14.65</v>
      </c>
      <c r="J2456" s="52" t="s">
        <v>4709</v>
      </c>
      <c r="K2456" s="71" t="s">
        <v>6606</v>
      </c>
      <c r="L2456" s="52" t="s">
        <v>2063</v>
      </c>
      <c r="M2456" s="72">
        <v>3098</v>
      </c>
      <c r="N2456" s="52" t="s">
        <v>3580</v>
      </c>
      <c r="O2456" s="52" t="s">
        <v>3581</v>
      </c>
      <c r="P2456" s="52"/>
      <c r="Q2456" s="52"/>
      <c r="R2456" s="52"/>
      <c r="S2456" s="52"/>
      <c r="T2456" s="52"/>
      <c r="U2456" s="52"/>
      <c r="V2456" s="52"/>
      <c r="W2456" s="52"/>
    </row>
    <row r="2457" spans="1:23" hidden="1" x14ac:dyDescent="0.35">
      <c r="A2457" s="52" t="s">
        <v>78</v>
      </c>
      <c r="B2457" s="52" t="s">
        <v>79</v>
      </c>
      <c r="C2457" s="3">
        <v>20</v>
      </c>
      <c r="D2457" s="52" t="s">
        <v>2022</v>
      </c>
      <c r="E2457" s="52" t="s">
        <v>26</v>
      </c>
      <c r="F2457" s="52" t="s">
        <v>81</v>
      </c>
      <c r="G2457" s="52" t="s">
        <v>82</v>
      </c>
      <c r="H2457" s="4">
        <v>1</v>
      </c>
      <c r="I2457" s="2">
        <v>14.65</v>
      </c>
      <c r="J2457" s="52" t="s">
        <v>6607</v>
      </c>
      <c r="K2457" s="71" t="s">
        <v>6608</v>
      </c>
      <c r="L2457" s="52" t="s">
        <v>2063</v>
      </c>
      <c r="M2457" s="72">
        <v>4247</v>
      </c>
      <c r="N2457" s="52" t="s">
        <v>2072</v>
      </c>
      <c r="O2457" s="52" t="s">
        <v>2073</v>
      </c>
      <c r="P2457" s="52"/>
      <c r="Q2457" s="52"/>
      <c r="R2457" s="52"/>
      <c r="S2457" s="52"/>
      <c r="T2457" s="52"/>
      <c r="U2457" s="52"/>
      <c r="V2457" s="52"/>
      <c r="W2457" s="52"/>
    </row>
    <row r="2458" spans="1:23" hidden="1" x14ac:dyDescent="0.35">
      <c r="A2458" s="52" t="s">
        <v>78</v>
      </c>
      <c r="B2458" s="52" t="s">
        <v>79</v>
      </c>
      <c r="C2458" s="3">
        <v>20</v>
      </c>
      <c r="D2458" s="52" t="s">
        <v>2024</v>
      </c>
      <c r="E2458" s="52" t="s">
        <v>26</v>
      </c>
      <c r="F2458" s="52" t="s">
        <v>81</v>
      </c>
      <c r="G2458" s="52" t="s">
        <v>82</v>
      </c>
      <c r="H2458" s="4">
        <v>1</v>
      </c>
      <c r="I2458" s="2">
        <v>14.65</v>
      </c>
      <c r="J2458" s="52" t="s">
        <v>6609</v>
      </c>
      <c r="K2458" s="71" t="s">
        <v>6610</v>
      </c>
      <c r="L2458" s="52" t="s">
        <v>2063</v>
      </c>
      <c r="M2458" s="72">
        <v>5961</v>
      </c>
      <c r="N2458" s="52" t="s">
        <v>2072</v>
      </c>
      <c r="O2458" s="52" t="s">
        <v>2073</v>
      </c>
      <c r="P2458" s="52"/>
      <c r="Q2458" s="52"/>
      <c r="R2458" s="52"/>
      <c r="S2458" s="52"/>
      <c r="T2458" s="52"/>
      <c r="U2458" s="52"/>
      <c r="V2458" s="52"/>
      <c r="W2458" s="52"/>
    </row>
    <row r="2459" spans="1:23" hidden="1" x14ac:dyDescent="0.35">
      <c r="A2459" s="52" t="s">
        <v>78</v>
      </c>
      <c r="B2459" s="52" t="s">
        <v>79</v>
      </c>
      <c r="C2459" s="3">
        <v>20</v>
      </c>
      <c r="D2459" s="52" t="s">
        <v>2023</v>
      </c>
      <c r="E2459" s="52" t="s">
        <v>26</v>
      </c>
      <c r="F2459" s="52" t="s">
        <v>81</v>
      </c>
      <c r="G2459" s="52" t="s">
        <v>82</v>
      </c>
      <c r="H2459" s="4">
        <v>1</v>
      </c>
      <c r="I2459" s="2">
        <v>14.65</v>
      </c>
      <c r="J2459" s="52" t="s">
        <v>6611</v>
      </c>
      <c r="K2459" s="71" t="s">
        <v>6612</v>
      </c>
      <c r="L2459" s="52" t="s">
        <v>2063</v>
      </c>
      <c r="M2459" s="72">
        <v>2151</v>
      </c>
      <c r="N2459" s="52" t="s">
        <v>2304</v>
      </c>
      <c r="O2459" s="52" t="s">
        <v>2305</v>
      </c>
      <c r="P2459" s="52"/>
      <c r="Q2459" s="52"/>
      <c r="R2459" s="52"/>
      <c r="S2459" s="52"/>
      <c r="T2459" s="52"/>
      <c r="U2459" s="52"/>
      <c r="V2459" s="52"/>
      <c r="W2459" s="52"/>
    </row>
    <row r="2460" spans="1:23" x14ac:dyDescent="0.35">
      <c r="A2460" s="52" t="s">
        <v>78</v>
      </c>
      <c r="B2460" s="52" t="s">
        <v>79</v>
      </c>
      <c r="C2460" s="3">
        <v>20</v>
      </c>
      <c r="D2460" s="52" t="s">
        <v>2024</v>
      </c>
      <c r="E2460" s="52" t="s">
        <v>26</v>
      </c>
      <c r="F2460" s="52" t="s">
        <v>81</v>
      </c>
      <c r="G2460" s="52" t="s">
        <v>82</v>
      </c>
      <c r="H2460" s="4">
        <v>1</v>
      </c>
      <c r="I2460" s="2">
        <v>14.65</v>
      </c>
      <c r="J2460" s="52" t="s">
        <v>6613</v>
      </c>
      <c r="K2460" s="71" t="s">
        <v>6614</v>
      </c>
      <c r="L2460" s="52" t="s">
        <v>2063</v>
      </c>
      <c r="M2460" s="72">
        <v>4084</v>
      </c>
      <c r="N2460" s="52" t="s">
        <v>2076</v>
      </c>
      <c r="O2460" s="52" t="s">
        <v>2077</v>
      </c>
      <c r="P2460" s="52"/>
      <c r="Q2460" s="52"/>
      <c r="R2460" s="52"/>
      <c r="S2460" s="52"/>
      <c r="T2460" s="52"/>
      <c r="U2460" s="52"/>
      <c r="V2460" s="52"/>
      <c r="W2460" s="52"/>
    </row>
    <row r="2461" spans="1:23" hidden="1" x14ac:dyDescent="0.35">
      <c r="A2461" s="52" t="s">
        <v>78</v>
      </c>
      <c r="B2461" s="52" t="s">
        <v>79</v>
      </c>
      <c r="C2461" s="3">
        <v>20</v>
      </c>
      <c r="D2461" s="52" t="s">
        <v>86</v>
      </c>
      <c r="E2461" s="52" t="s">
        <v>26</v>
      </c>
      <c r="F2461" s="52" t="s">
        <v>81</v>
      </c>
      <c r="G2461" s="52" t="s">
        <v>82</v>
      </c>
      <c r="H2461" s="4">
        <v>1</v>
      </c>
      <c r="I2461" s="2">
        <v>14.65</v>
      </c>
      <c r="J2461" s="52" t="s">
        <v>6615</v>
      </c>
      <c r="K2461" s="71" t="s">
        <v>6616</v>
      </c>
      <c r="L2461" s="52" t="s">
        <v>2063</v>
      </c>
      <c r="M2461" s="72">
        <v>4690</v>
      </c>
      <c r="N2461" s="52" t="s">
        <v>2072</v>
      </c>
      <c r="O2461" s="52" t="s">
        <v>2073</v>
      </c>
      <c r="P2461" s="52"/>
      <c r="Q2461" s="52"/>
      <c r="R2461" s="52"/>
      <c r="S2461" s="52"/>
      <c r="T2461" s="52"/>
      <c r="U2461" s="52"/>
      <c r="V2461" s="52"/>
      <c r="W2461" s="52"/>
    </row>
    <row r="2462" spans="1:23" x14ac:dyDescent="0.35">
      <c r="A2462" s="52" t="s">
        <v>78</v>
      </c>
      <c r="B2462" s="52" t="s">
        <v>79</v>
      </c>
      <c r="C2462" s="3">
        <v>10</v>
      </c>
      <c r="D2462" s="52" t="s">
        <v>2024</v>
      </c>
      <c r="E2462" s="52" t="s">
        <v>26</v>
      </c>
      <c r="F2462" s="52" t="s">
        <v>81</v>
      </c>
      <c r="G2462" s="52" t="s">
        <v>82</v>
      </c>
      <c r="H2462" s="4">
        <v>1</v>
      </c>
      <c r="I2462" s="2">
        <v>14.65</v>
      </c>
      <c r="J2462" s="52" t="s">
        <v>6617</v>
      </c>
      <c r="K2462" s="71" t="s">
        <v>6618</v>
      </c>
      <c r="L2462" s="52" t="s">
        <v>2063</v>
      </c>
      <c r="M2462" s="72">
        <v>2103</v>
      </c>
      <c r="N2462" s="52" t="s">
        <v>2076</v>
      </c>
      <c r="O2462" s="52" t="s">
        <v>2077</v>
      </c>
      <c r="P2462" s="52"/>
      <c r="Q2462" s="52"/>
      <c r="R2462" s="52"/>
      <c r="S2462" s="52"/>
      <c r="T2462" s="52"/>
      <c r="U2462" s="52"/>
      <c r="V2462" s="52"/>
      <c r="W2462" s="52"/>
    </row>
    <row r="2463" spans="1:23" hidden="1" x14ac:dyDescent="0.35">
      <c r="A2463" s="52" t="s">
        <v>78</v>
      </c>
      <c r="B2463" s="52" t="s">
        <v>79</v>
      </c>
      <c r="C2463" s="3">
        <v>20</v>
      </c>
      <c r="D2463" s="52" t="s">
        <v>84</v>
      </c>
      <c r="E2463" s="52" t="s">
        <v>26</v>
      </c>
      <c r="F2463" s="52" t="s">
        <v>81</v>
      </c>
      <c r="G2463" s="52" t="s">
        <v>82</v>
      </c>
      <c r="H2463" s="4">
        <v>1</v>
      </c>
      <c r="I2463" s="2">
        <v>14.65</v>
      </c>
      <c r="J2463" s="52" t="s">
        <v>6329</v>
      </c>
      <c r="K2463" s="71" t="s">
        <v>6619</v>
      </c>
      <c r="L2463" s="52" t="s">
        <v>2063</v>
      </c>
      <c r="M2463" s="72">
        <v>3234</v>
      </c>
      <c r="N2463" s="52" t="s">
        <v>2154</v>
      </c>
      <c r="O2463" s="52" t="s">
        <v>2155</v>
      </c>
      <c r="P2463" s="52"/>
      <c r="Q2463" s="52"/>
      <c r="R2463" s="52"/>
      <c r="S2463" s="52"/>
      <c r="T2463" s="52"/>
      <c r="U2463" s="52"/>
      <c r="V2463" s="52"/>
      <c r="W2463" s="52"/>
    </row>
    <row r="2464" spans="1:23" hidden="1" x14ac:dyDescent="0.35">
      <c r="A2464" s="52" t="s">
        <v>78</v>
      </c>
      <c r="B2464" s="52" t="s">
        <v>79</v>
      </c>
      <c r="C2464" s="3">
        <v>20</v>
      </c>
      <c r="D2464" s="52" t="s">
        <v>85</v>
      </c>
      <c r="E2464" s="52" t="s">
        <v>26</v>
      </c>
      <c r="F2464" s="52" t="s">
        <v>81</v>
      </c>
      <c r="G2464" s="52" t="s">
        <v>82</v>
      </c>
      <c r="H2464" s="4">
        <v>1</v>
      </c>
      <c r="I2464" s="2">
        <v>14.65</v>
      </c>
      <c r="J2464" s="52" t="s">
        <v>5481</v>
      </c>
      <c r="K2464" s="71" t="s">
        <v>6620</v>
      </c>
      <c r="L2464" s="52" t="s">
        <v>2063</v>
      </c>
      <c r="M2464" s="72">
        <v>4160</v>
      </c>
      <c r="N2464" s="52"/>
      <c r="O2464" s="52"/>
      <c r="P2464" s="52"/>
      <c r="Q2464" s="52"/>
      <c r="R2464" s="52"/>
      <c r="S2464" s="52"/>
      <c r="T2464" s="52"/>
      <c r="U2464" s="52"/>
      <c r="V2464" s="52"/>
      <c r="W2464" s="52"/>
    </row>
    <row r="2465" spans="1:23" hidden="1" x14ac:dyDescent="0.35">
      <c r="A2465" s="52" t="s">
        <v>78</v>
      </c>
      <c r="B2465" s="52" t="s">
        <v>79</v>
      </c>
      <c r="C2465" s="3">
        <v>10</v>
      </c>
      <c r="D2465" s="52" t="s">
        <v>86</v>
      </c>
      <c r="E2465" s="52" t="s">
        <v>26</v>
      </c>
      <c r="F2465" s="52" t="s">
        <v>81</v>
      </c>
      <c r="G2465" s="52" t="s">
        <v>82</v>
      </c>
      <c r="H2465" s="4">
        <v>1</v>
      </c>
      <c r="I2465" s="2">
        <v>14.65</v>
      </c>
      <c r="J2465" s="52" t="s">
        <v>5473</v>
      </c>
      <c r="K2465" s="71" t="s">
        <v>6621</v>
      </c>
      <c r="L2465" s="52" t="s">
        <v>2063</v>
      </c>
      <c r="M2465" s="72">
        <v>3450</v>
      </c>
      <c r="N2465" s="52" t="s">
        <v>2066</v>
      </c>
      <c r="O2465" s="52" t="s">
        <v>2067</v>
      </c>
      <c r="P2465" s="52"/>
      <c r="Q2465" s="52"/>
      <c r="R2465" s="52"/>
      <c r="S2465" s="52"/>
      <c r="T2465" s="52"/>
      <c r="U2465" s="52"/>
      <c r="V2465" s="52"/>
      <c r="W2465" s="52"/>
    </row>
    <row r="2466" spans="1:23" hidden="1" x14ac:dyDescent="0.35">
      <c r="A2466" s="52" t="s">
        <v>78</v>
      </c>
      <c r="B2466" s="52" t="s">
        <v>79</v>
      </c>
      <c r="C2466" s="3">
        <v>20</v>
      </c>
      <c r="D2466" s="52" t="s">
        <v>80</v>
      </c>
      <c r="E2466" s="52" t="s">
        <v>26</v>
      </c>
      <c r="F2466" s="52" t="s">
        <v>81</v>
      </c>
      <c r="G2466" s="52" t="s">
        <v>82</v>
      </c>
      <c r="H2466" s="4">
        <v>1</v>
      </c>
      <c r="I2466" s="2">
        <v>14.65</v>
      </c>
      <c r="J2466" s="52" t="s">
        <v>6622</v>
      </c>
      <c r="K2466" s="71" t="s">
        <v>6623</v>
      </c>
      <c r="L2466" s="52" t="s">
        <v>2063</v>
      </c>
      <c r="M2466" s="72">
        <v>1525</v>
      </c>
      <c r="N2466" s="52" t="s">
        <v>2066</v>
      </c>
      <c r="O2466" s="52" t="s">
        <v>2067</v>
      </c>
      <c r="P2466" s="52"/>
      <c r="Q2466" s="52"/>
      <c r="R2466" s="52"/>
      <c r="S2466" s="52"/>
      <c r="T2466" s="52"/>
      <c r="U2466" s="52"/>
      <c r="V2466" s="52"/>
      <c r="W2466" s="52"/>
    </row>
    <row r="2467" spans="1:23" x14ac:dyDescent="0.35">
      <c r="A2467" s="52" t="s">
        <v>78</v>
      </c>
      <c r="B2467" s="52" t="s">
        <v>79</v>
      </c>
      <c r="C2467" s="3">
        <v>10</v>
      </c>
      <c r="D2467" s="52" t="s">
        <v>83</v>
      </c>
      <c r="E2467" s="52" t="s">
        <v>26</v>
      </c>
      <c r="F2467" s="52" t="s">
        <v>81</v>
      </c>
      <c r="G2467" s="52" t="s">
        <v>82</v>
      </c>
      <c r="H2467" s="4">
        <v>1</v>
      </c>
      <c r="I2467" s="2">
        <v>14.65</v>
      </c>
      <c r="J2467" s="52" t="s">
        <v>5383</v>
      </c>
      <c r="K2467" s="71" t="s">
        <v>6624</v>
      </c>
      <c r="L2467" s="52" t="s">
        <v>2063</v>
      </c>
      <c r="M2467" s="72">
        <v>3775</v>
      </c>
      <c r="N2467" s="52" t="s">
        <v>2259</v>
      </c>
      <c r="O2467" s="52" t="s">
        <v>2260</v>
      </c>
      <c r="P2467" s="52"/>
      <c r="Q2467" s="52"/>
      <c r="R2467" s="52"/>
      <c r="S2467" s="52"/>
      <c r="T2467" s="52"/>
      <c r="U2467" s="52"/>
      <c r="V2467" s="52"/>
      <c r="W2467" s="52"/>
    </row>
    <row r="2468" spans="1:23" hidden="1" x14ac:dyDescent="0.35">
      <c r="A2468" s="52" t="s">
        <v>78</v>
      </c>
      <c r="B2468" s="52" t="s">
        <v>79</v>
      </c>
      <c r="C2468" s="3">
        <v>10</v>
      </c>
      <c r="D2468" s="52" t="s">
        <v>83</v>
      </c>
      <c r="E2468" s="52" t="s">
        <v>26</v>
      </c>
      <c r="F2468" s="52" t="s">
        <v>81</v>
      </c>
      <c r="G2468" s="52" t="s">
        <v>82</v>
      </c>
      <c r="H2468" s="4">
        <v>1</v>
      </c>
      <c r="I2468" s="2">
        <v>14.65</v>
      </c>
      <c r="J2468" s="52" t="s">
        <v>6625</v>
      </c>
      <c r="K2468" s="71" t="s">
        <v>6626</v>
      </c>
      <c r="L2468" s="52" t="s">
        <v>2063</v>
      </c>
      <c r="M2468" s="72">
        <v>6929</v>
      </c>
      <c r="N2468" s="52"/>
      <c r="O2468" s="52"/>
      <c r="P2468" s="52"/>
      <c r="Q2468" s="52"/>
      <c r="R2468" s="52"/>
      <c r="S2468" s="52"/>
      <c r="T2468" s="52"/>
      <c r="U2468" s="52"/>
      <c r="V2468" s="52"/>
      <c r="W2468" s="52"/>
    </row>
    <row r="2469" spans="1:23" hidden="1" x14ac:dyDescent="0.35">
      <c r="A2469" s="52" t="s">
        <v>78</v>
      </c>
      <c r="B2469" s="52" t="s">
        <v>79</v>
      </c>
      <c r="C2469" s="3">
        <v>10</v>
      </c>
      <c r="D2469" s="52" t="s">
        <v>2023</v>
      </c>
      <c r="E2469" s="52" t="s">
        <v>26</v>
      </c>
      <c r="F2469" s="52" t="s">
        <v>81</v>
      </c>
      <c r="G2469" s="52" t="s">
        <v>82</v>
      </c>
      <c r="H2469" s="4">
        <v>1</v>
      </c>
      <c r="I2469" s="2">
        <v>14.65</v>
      </c>
      <c r="J2469" s="52" t="s">
        <v>6627</v>
      </c>
      <c r="K2469" s="71" t="s">
        <v>6628</v>
      </c>
      <c r="L2469" s="52" t="s">
        <v>2063</v>
      </c>
      <c r="M2469" s="72">
        <v>1466</v>
      </c>
      <c r="N2469" s="52"/>
      <c r="O2469" s="52"/>
      <c r="P2469" s="52"/>
      <c r="Q2469" s="52"/>
      <c r="R2469" s="52"/>
      <c r="S2469" s="52"/>
      <c r="T2469" s="52"/>
      <c r="U2469" s="52"/>
      <c r="V2469" s="52"/>
      <c r="W2469" s="52"/>
    </row>
    <row r="2470" spans="1:23" hidden="1" x14ac:dyDescent="0.35">
      <c r="A2470" s="52" t="s">
        <v>78</v>
      </c>
      <c r="B2470" s="52" t="s">
        <v>79</v>
      </c>
      <c r="C2470" s="3">
        <v>20</v>
      </c>
      <c r="D2470" s="52" t="s">
        <v>85</v>
      </c>
      <c r="E2470" s="52" t="s">
        <v>26</v>
      </c>
      <c r="F2470" s="52" t="s">
        <v>81</v>
      </c>
      <c r="G2470" s="52" t="s">
        <v>82</v>
      </c>
      <c r="H2470" s="4">
        <v>1</v>
      </c>
      <c r="I2470" s="2">
        <v>14.65</v>
      </c>
      <c r="J2470" s="52" t="s">
        <v>5584</v>
      </c>
      <c r="K2470" s="71" t="s">
        <v>6629</v>
      </c>
      <c r="L2470" s="52" t="s">
        <v>2063</v>
      </c>
      <c r="M2470" s="72">
        <v>4909</v>
      </c>
      <c r="N2470" s="52" t="s">
        <v>2066</v>
      </c>
      <c r="O2470" s="52" t="s">
        <v>2067</v>
      </c>
      <c r="P2470" s="52"/>
      <c r="Q2470" s="52"/>
      <c r="R2470" s="52"/>
      <c r="S2470" s="52"/>
      <c r="T2470" s="52"/>
      <c r="U2470" s="52"/>
      <c r="V2470" s="52"/>
      <c r="W2470" s="52"/>
    </row>
    <row r="2471" spans="1:23" hidden="1" x14ac:dyDescent="0.35">
      <c r="A2471" s="52" t="s">
        <v>78</v>
      </c>
      <c r="B2471" s="52" t="s">
        <v>79</v>
      </c>
      <c r="C2471" s="3">
        <v>20</v>
      </c>
      <c r="D2471" s="52" t="s">
        <v>2023</v>
      </c>
      <c r="E2471" s="52" t="s">
        <v>26</v>
      </c>
      <c r="F2471" s="52" t="s">
        <v>81</v>
      </c>
      <c r="G2471" s="52" t="s">
        <v>82</v>
      </c>
      <c r="H2471" s="4">
        <v>1</v>
      </c>
      <c r="I2471" s="2">
        <v>14.65</v>
      </c>
      <c r="J2471" s="52" t="s">
        <v>6630</v>
      </c>
      <c r="K2471" s="71" t="s">
        <v>6631</v>
      </c>
      <c r="L2471" s="52" t="s">
        <v>2063</v>
      </c>
      <c r="M2471" s="72">
        <v>3852</v>
      </c>
      <c r="N2471" s="52"/>
      <c r="O2471" s="52"/>
      <c r="P2471" s="52"/>
      <c r="Q2471" s="52"/>
      <c r="R2471" s="52"/>
      <c r="S2471" s="52"/>
      <c r="T2471" s="52"/>
      <c r="U2471" s="52"/>
      <c r="V2471" s="52"/>
      <c r="W2471" s="52"/>
    </row>
    <row r="2472" spans="1:23" hidden="1" x14ac:dyDescent="0.35">
      <c r="A2472" s="52" t="s">
        <v>78</v>
      </c>
      <c r="B2472" s="52" t="s">
        <v>79</v>
      </c>
      <c r="C2472" s="3">
        <v>10</v>
      </c>
      <c r="D2472" s="52" t="s">
        <v>84</v>
      </c>
      <c r="E2472" s="52" t="s">
        <v>26</v>
      </c>
      <c r="F2472" s="52" t="s">
        <v>81</v>
      </c>
      <c r="G2472" s="52" t="s">
        <v>82</v>
      </c>
      <c r="H2472" s="4">
        <v>1</v>
      </c>
      <c r="I2472" s="2">
        <v>14.65</v>
      </c>
      <c r="J2472" s="52" t="s">
        <v>5661</v>
      </c>
      <c r="K2472" s="71" t="s">
        <v>6632</v>
      </c>
      <c r="L2472" s="52" t="s">
        <v>2063</v>
      </c>
      <c r="M2472" s="72">
        <v>1528</v>
      </c>
      <c r="N2472" s="52" t="s">
        <v>2072</v>
      </c>
      <c r="O2472" s="52" t="s">
        <v>2073</v>
      </c>
      <c r="P2472" s="52"/>
      <c r="Q2472" s="52"/>
      <c r="R2472" s="52"/>
      <c r="S2472" s="52"/>
      <c r="T2472" s="52"/>
      <c r="U2472" s="52"/>
      <c r="V2472" s="52"/>
      <c r="W2472" s="52"/>
    </row>
    <row r="2473" spans="1:23" hidden="1" x14ac:dyDescent="0.35">
      <c r="A2473" s="52" t="s">
        <v>78</v>
      </c>
      <c r="B2473" s="52" t="s">
        <v>79</v>
      </c>
      <c r="C2473" s="3">
        <v>20</v>
      </c>
      <c r="D2473" s="52" t="s">
        <v>83</v>
      </c>
      <c r="E2473" s="52" t="s">
        <v>26</v>
      </c>
      <c r="F2473" s="52" t="s">
        <v>81</v>
      </c>
      <c r="G2473" s="52" t="s">
        <v>82</v>
      </c>
      <c r="H2473" s="4">
        <v>1</v>
      </c>
      <c r="I2473" s="2">
        <v>14.65</v>
      </c>
      <c r="J2473" s="52" t="s">
        <v>6633</v>
      </c>
      <c r="K2473" s="71" t="s">
        <v>6634</v>
      </c>
      <c r="L2473" s="52" t="s">
        <v>2063</v>
      </c>
      <c r="M2473" s="72">
        <v>1839</v>
      </c>
      <c r="N2473" s="52" t="s">
        <v>2072</v>
      </c>
      <c r="O2473" s="52" t="s">
        <v>2073</v>
      </c>
      <c r="P2473" s="52"/>
      <c r="Q2473" s="52"/>
      <c r="R2473" s="52"/>
      <c r="S2473" s="52"/>
      <c r="T2473" s="52"/>
      <c r="U2473" s="52"/>
      <c r="V2473" s="52"/>
      <c r="W2473" s="52"/>
    </row>
    <row r="2474" spans="1:23" hidden="1" x14ac:dyDescent="0.35">
      <c r="A2474" s="52" t="s">
        <v>78</v>
      </c>
      <c r="B2474" s="52" t="s">
        <v>79</v>
      </c>
      <c r="C2474" s="3">
        <v>20</v>
      </c>
      <c r="D2474" s="52" t="s">
        <v>2024</v>
      </c>
      <c r="E2474" s="52" t="s">
        <v>26</v>
      </c>
      <c r="F2474" s="52" t="s">
        <v>81</v>
      </c>
      <c r="G2474" s="52" t="s">
        <v>82</v>
      </c>
      <c r="H2474" s="4">
        <v>1</v>
      </c>
      <c r="I2474" s="2">
        <v>14.65</v>
      </c>
      <c r="J2474" s="52" t="s">
        <v>5593</v>
      </c>
      <c r="K2474" s="71" t="s">
        <v>6635</v>
      </c>
      <c r="L2474" s="52" t="s">
        <v>2063</v>
      </c>
      <c r="M2474" s="72">
        <v>7192</v>
      </c>
      <c r="N2474" s="52" t="s">
        <v>2072</v>
      </c>
      <c r="O2474" s="52" t="s">
        <v>2073</v>
      </c>
      <c r="P2474" s="52"/>
      <c r="Q2474" s="52"/>
      <c r="R2474" s="52"/>
      <c r="S2474" s="52"/>
      <c r="T2474" s="52"/>
      <c r="U2474" s="52"/>
      <c r="V2474" s="52"/>
      <c r="W2474" s="52"/>
    </row>
    <row r="2475" spans="1:23" hidden="1" x14ac:dyDescent="0.35">
      <c r="A2475" s="52" t="s">
        <v>78</v>
      </c>
      <c r="B2475" s="52" t="s">
        <v>79</v>
      </c>
      <c r="C2475" s="3">
        <v>20</v>
      </c>
      <c r="D2475" s="52" t="s">
        <v>87</v>
      </c>
      <c r="E2475" s="52" t="s">
        <v>26</v>
      </c>
      <c r="F2475" s="52" t="s">
        <v>81</v>
      </c>
      <c r="G2475" s="52" t="s">
        <v>82</v>
      </c>
      <c r="H2475" s="4">
        <v>1</v>
      </c>
      <c r="I2475" s="2">
        <v>14.65</v>
      </c>
      <c r="J2475" s="52" t="s">
        <v>6636</v>
      </c>
      <c r="K2475" s="71" t="s">
        <v>6637</v>
      </c>
      <c r="L2475" s="52" t="s">
        <v>2063</v>
      </c>
      <c r="M2475" s="72">
        <v>3429</v>
      </c>
      <c r="N2475" s="52"/>
      <c r="O2475" s="52"/>
      <c r="P2475" s="52"/>
      <c r="Q2475" s="52"/>
      <c r="R2475" s="52"/>
      <c r="S2475" s="52"/>
      <c r="T2475" s="52"/>
      <c r="U2475" s="52"/>
      <c r="V2475" s="52"/>
      <c r="W2475" s="52"/>
    </row>
    <row r="2476" spans="1:23" hidden="1" x14ac:dyDescent="0.35">
      <c r="A2476" s="52" t="s">
        <v>78</v>
      </c>
      <c r="B2476" s="52" t="s">
        <v>79</v>
      </c>
      <c r="C2476" s="3">
        <v>20</v>
      </c>
      <c r="D2476" s="52" t="s">
        <v>80</v>
      </c>
      <c r="E2476" s="52" t="s">
        <v>26</v>
      </c>
      <c r="F2476" s="52" t="s">
        <v>81</v>
      </c>
      <c r="G2476" s="52" t="s">
        <v>82</v>
      </c>
      <c r="H2476" s="4">
        <v>1</v>
      </c>
      <c r="I2476" s="2">
        <v>14.65</v>
      </c>
      <c r="J2476" s="52" t="s">
        <v>6638</v>
      </c>
      <c r="K2476" s="71" t="s">
        <v>6639</v>
      </c>
      <c r="L2476" s="52" t="s">
        <v>2063</v>
      </c>
      <c r="M2476" s="72">
        <v>482</v>
      </c>
      <c r="N2476" s="52"/>
      <c r="O2476" s="52"/>
      <c r="P2476" s="52"/>
      <c r="Q2476" s="52"/>
      <c r="R2476" s="52"/>
      <c r="S2476" s="52"/>
      <c r="T2476" s="52"/>
      <c r="U2476" s="52"/>
      <c r="V2476" s="52"/>
      <c r="W2476" s="52"/>
    </row>
    <row r="2477" spans="1:23" x14ac:dyDescent="0.35">
      <c r="A2477" s="52" t="s">
        <v>78</v>
      </c>
      <c r="B2477" s="52" t="s">
        <v>79</v>
      </c>
      <c r="C2477" s="3">
        <v>20</v>
      </c>
      <c r="D2477" s="52" t="s">
        <v>2023</v>
      </c>
      <c r="E2477" s="52" t="s">
        <v>26</v>
      </c>
      <c r="F2477" s="52" t="s">
        <v>81</v>
      </c>
      <c r="G2477" s="52" t="s">
        <v>82</v>
      </c>
      <c r="H2477" s="4">
        <v>1</v>
      </c>
      <c r="I2477" s="2">
        <v>14.65</v>
      </c>
      <c r="J2477" s="52" t="s">
        <v>6640</v>
      </c>
      <c r="K2477" s="71" t="s">
        <v>6641</v>
      </c>
      <c r="L2477" s="52" t="s">
        <v>2063</v>
      </c>
      <c r="M2477" s="72">
        <v>8962</v>
      </c>
      <c r="N2477" s="52" t="s">
        <v>2259</v>
      </c>
      <c r="O2477" s="52" t="s">
        <v>2260</v>
      </c>
      <c r="P2477" s="52"/>
      <c r="Q2477" s="52"/>
      <c r="R2477" s="52"/>
      <c r="S2477" s="52"/>
      <c r="T2477" s="52"/>
      <c r="U2477" s="52"/>
      <c r="V2477" s="52"/>
      <c r="W2477" s="52"/>
    </row>
    <row r="2478" spans="1:23" hidden="1" x14ac:dyDescent="0.35">
      <c r="A2478" s="52" t="s">
        <v>78</v>
      </c>
      <c r="B2478" s="52" t="s">
        <v>79</v>
      </c>
      <c r="C2478" s="3">
        <v>10</v>
      </c>
      <c r="D2478" s="52" t="s">
        <v>84</v>
      </c>
      <c r="E2478" s="52" t="s">
        <v>26</v>
      </c>
      <c r="F2478" s="52" t="s">
        <v>81</v>
      </c>
      <c r="G2478" s="52" t="s">
        <v>82</v>
      </c>
      <c r="H2478" s="4">
        <v>1</v>
      </c>
      <c r="I2478" s="2">
        <v>14.65</v>
      </c>
      <c r="J2478" s="52" t="s">
        <v>5637</v>
      </c>
      <c r="K2478" s="71" t="s">
        <v>6642</v>
      </c>
      <c r="L2478" s="52" t="s">
        <v>2063</v>
      </c>
      <c r="M2478" s="72">
        <v>5950</v>
      </c>
      <c r="N2478" s="52" t="s">
        <v>2072</v>
      </c>
      <c r="O2478" s="52" t="s">
        <v>2073</v>
      </c>
      <c r="P2478" s="52"/>
      <c r="Q2478" s="52"/>
      <c r="R2478" s="52"/>
      <c r="S2478" s="52"/>
      <c r="T2478" s="52"/>
      <c r="U2478" s="52"/>
      <c r="V2478" s="52"/>
      <c r="W2478" s="52"/>
    </row>
    <row r="2479" spans="1:23" hidden="1" x14ac:dyDescent="0.35">
      <c r="A2479" s="52" t="s">
        <v>78</v>
      </c>
      <c r="B2479" s="52" t="s">
        <v>79</v>
      </c>
      <c r="C2479" s="3">
        <v>20</v>
      </c>
      <c r="D2479" s="52" t="s">
        <v>2024</v>
      </c>
      <c r="E2479" s="52" t="s">
        <v>26</v>
      </c>
      <c r="F2479" s="52" t="s">
        <v>81</v>
      </c>
      <c r="G2479" s="52" t="s">
        <v>82</v>
      </c>
      <c r="H2479" s="4">
        <v>1</v>
      </c>
      <c r="I2479" s="2">
        <v>14.65</v>
      </c>
      <c r="J2479" s="52" t="s">
        <v>6643</v>
      </c>
      <c r="K2479" s="71" t="s">
        <v>6644</v>
      </c>
      <c r="L2479" s="52" t="s">
        <v>2063</v>
      </c>
      <c r="M2479" s="72">
        <v>789</v>
      </c>
      <c r="N2479" s="52"/>
      <c r="O2479" s="52"/>
      <c r="P2479" s="52"/>
      <c r="Q2479" s="52"/>
      <c r="R2479" s="52"/>
      <c r="S2479" s="52"/>
      <c r="T2479" s="52"/>
      <c r="U2479" s="52"/>
      <c r="V2479" s="52"/>
      <c r="W2479" s="52"/>
    </row>
    <row r="2480" spans="1:23" hidden="1" x14ac:dyDescent="0.35">
      <c r="A2480" s="52" t="s">
        <v>78</v>
      </c>
      <c r="B2480" s="52" t="s">
        <v>79</v>
      </c>
      <c r="C2480" s="3">
        <v>20</v>
      </c>
      <c r="D2480" s="52" t="s">
        <v>80</v>
      </c>
      <c r="E2480" s="52" t="s">
        <v>26</v>
      </c>
      <c r="F2480" s="52" t="s">
        <v>81</v>
      </c>
      <c r="G2480" s="52" t="s">
        <v>82</v>
      </c>
      <c r="H2480" s="4">
        <v>1</v>
      </c>
      <c r="I2480" s="2">
        <v>14.65</v>
      </c>
      <c r="J2480" s="52" t="s">
        <v>5950</v>
      </c>
      <c r="K2480" s="71" t="s">
        <v>6645</v>
      </c>
      <c r="L2480" s="52" t="s">
        <v>2063</v>
      </c>
      <c r="M2480" s="72">
        <v>15</v>
      </c>
      <c r="N2480" s="52"/>
      <c r="O2480" s="52"/>
      <c r="P2480" s="52"/>
      <c r="Q2480" s="52"/>
      <c r="R2480" s="52"/>
      <c r="S2480" s="52"/>
      <c r="T2480" s="52"/>
      <c r="U2480" s="52"/>
      <c r="V2480" s="52"/>
      <c r="W2480" s="52"/>
    </row>
    <row r="2481" spans="1:23" hidden="1" x14ac:dyDescent="0.35">
      <c r="A2481" s="52" t="s">
        <v>78</v>
      </c>
      <c r="B2481" s="52" t="s">
        <v>79</v>
      </c>
      <c r="C2481" s="3">
        <v>20</v>
      </c>
      <c r="D2481" s="52" t="s">
        <v>2024</v>
      </c>
      <c r="E2481" s="52" t="s">
        <v>26</v>
      </c>
      <c r="F2481" s="52" t="s">
        <v>81</v>
      </c>
      <c r="G2481" s="52" t="s">
        <v>82</v>
      </c>
      <c r="H2481" s="4">
        <v>1</v>
      </c>
      <c r="I2481" s="2">
        <v>14.65</v>
      </c>
      <c r="J2481" s="52" t="s">
        <v>6646</v>
      </c>
      <c r="K2481" s="71" t="s">
        <v>6647</v>
      </c>
      <c r="L2481" s="52" t="s">
        <v>2063</v>
      </c>
      <c r="M2481" s="72">
        <v>4818</v>
      </c>
      <c r="N2481" s="52" t="s">
        <v>2072</v>
      </c>
      <c r="O2481" s="52" t="s">
        <v>2073</v>
      </c>
      <c r="P2481" s="52"/>
      <c r="Q2481" s="52"/>
      <c r="R2481" s="52"/>
      <c r="S2481" s="52"/>
      <c r="T2481" s="52"/>
      <c r="U2481" s="52"/>
      <c r="V2481" s="52"/>
      <c r="W2481" s="52"/>
    </row>
    <row r="2482" spans="1:23" x14ac:dyDescent="0.35">
      <c r="A2482" s="52" t="s">
        <v>78</v>
      </c>
      <c r="B2482" s="52" t="s">
        <v>79</v>
      </c>
      <c r="C2482" s="3">
        <v>230</v>
      </c>
      <c r="D2482" s="52" t="s">
        <v>87</v>
      </c>
      <c r="E2482" s="52" t="s">
        <v>26</v>
      </c>
      <c r="F2482" s="52" t="s">
        <v>81</v>
      </c>
      <c r="G2482" s="52" t="s">
        <v>82</v>
      </c>
      <c r="H2482" s="4">
        <v>1</v>
      </c>
      <c r="I2482" s="2">
        <v>14.65</v>
      </c>
      <c r="J2482" s="52" t="s">
        <v>5348</v>
      </c>
      <c r="K2482" s="71" t="s">
        <v>6648</v>
      </c>
      <c r="L2482" s="52" t="s">
        <v>2063</v>
      </c>
      <c r="M2482" s="72">
        <v>5138</v>
      </c>
      <c r="N2482" s="52" t="s">
        <v>2259</v>
      </c>
      <c r="O2482" s="52" t="s">
        <v>2260</v>
      </c>
      <c r="P2482" s="52"/>
      <c r="Q2482" s="52"/>
      <c r="R2482" s="52"/>
      <c r="S2482" s="52"/>
      <c r="T2482" s="52"/>
      <c r="U2482" s="52"/>
      <c r="V2482" s="52"/>
      <c r="W2482" s="52"/>
    </row>
    <row r="2483" spans="1:23" hidden="1" x14ac:dyDescent="0.35">
      <c r="A2483" s="52" t="s">
        <v>78</v>
      </c>
      <c r="B2483" s="52" t="s">
        <v>79</v>
      </c>
      <c r="C2483" s="3">
        <v>20</v>
      </c>
      <c r="D2483" s="52" t="s">
        <v>2023</v>
      </c>
      <c r="E2483" s="52" t="s">
        <v>26</v>
      </c>
      <c r="F2483" s="52" t="s">
        <v>81</v>
      </c>
      <c r="G2483" s="52" t="s">
        <v>82</v>
      </c>
      <c r="H2483" s="4">
        <v>1</v>
      </c>
      <c r="I2483" s="2">
        <v>14.65</v>
      </c>
      <c r="J2483" s="52" t="s">
        <v>6649</v>
      </c>
      <c r="K2483" s="71" t="s">
        <v>6650</v>
      </c>
      <c r="L2483" s="52" t="s">
        <v>2063</v>
      </c>
      <c r="M2483" s="72">
        <v>5994</v>
      </c>
      <c r="N2483" s="52"/>
      <c r="O2483" s="52"/>
      <c r="P2483" s="52"/>
      <c r="Q2483" s="52"/>
      <c r="R2483" s="52"/>
      <c r="S2483" s="52"/>
      <c r="T2483" s="52"/>
      <c r="U2483" s="52"/>
      <c r="V2483" s="52"/>
      <c r="W2483" s="52"/>
    </row>
    <row r="2484" spans="1:23" hidden="1" x14ac:dyDescent="0.35">
      <c r="A2484" s="52" t="s">
        <v>78</v>
      </c>
      <c r="B2484" s="52" t="s">
        <v>79</v>
      </c>
      <c r="C2484" s="3">
        <v>10</v>
      </c>
      <c r="D2484" s="52" t="s">
        <v>83</v>
      </c>
      <c r="E2484" s="52" t="s">
        <v>26</v>
      </c>
      <c r="F2484" s="52" t="s">
        <v>81</v>
      </c>
      <c r="G2484" s="52" t="s">
        <v>82</v>
      </c>
      <c r="H2484" s="4">
        <v>1</v>
      </c>
      <c r="I2484" s="2">
        <v>14.65</v>
      </c>
      <c r="J2484" s="52" t="s">
        <v>6651</v>
      </c>
      <c r="K2484" s="71" t="s">
        <v>6652</v>
      </c>
      <c r="L2484" s="52" t="s">
        <v>2063</v>
      </c>
      <c r="M2484" s="72">
        <v>2841</v>
      </c>
      <c r="N2484" s="52"/>
      <c r="O2484" s="52"/>
      <c r="P2484" s="52"/>
      <c r="Q2484" s="52"/>
      <c r="R2484" s="52"/>
      <c r="S2484" s="52"/>
      <c r="T2484" s="52"/>
      <c r="U2484" s="52"/>
      <c r="V2484" s="52"/>
      <c r="W2484" s="52"/>
    </row>
    <row r="2485" spans="1:23" hidden="1" x14ac:dyDescent="0.35">
      <c r="A2485" s="52" t="s">
        <v>78</v>
      </c>
      <c r="B2485" s="52" t="s">
        <v>79</v>
      </c>
      <c r="C2485" s="3">
        <v>211</v>
      </c>
      <c r="D2485" s="52" t="s">
        <v>87</v>
      </c>
      <c r="E2485" s="52" t="s">
        <v>26</v>
      </c>
      <c r="F2485" s="52" t="s">
        <v>81</v>
      </c>
      <c r="G2485" s="52" t="s">
        <v>82</v>
      </c>
      <c r="H2485" s="4">
        <v>1</v>
      </c>
      <c r="I2485" s="2">
        <v>14.65</v>
      </c>
      <c r="J2485" s="52" t="s">
        <v>4709</v>
      </c>
      <c r="K2485" s="71" t="s">
        <v>6653</v>
      </c>
      <c r="L2485" s="52" t="s">
        <v>2063</v>
      </c>
      <c r="M2485" s="72">
        <v>9926</v>
      </c>
      <c r="N2485" s="52" t="s">
        <v>3580</v>
      </c>
      <c r="O2485" s="52" t="s">
        <v>3581</v>
      </c>
      <c r="P2485" s="52"/>
      <c r="Q2485" s="52"/>
      <c r="R2485" s="52"/>
      <c r="S2485" s="52"/>
      <c r="T2485" s="52"/>
      <c r="U2485" s="52"/>
      <c r="V2485" s="52"/>
      <c r="W2485" s="52"/>
    </row>
    <row r="2486" spans="1:23" hidden="1" x14ac:dyDescent="0.35">
      <c r="A2486" s="52" t="s">
        <v>78</v>
      </c>
      <c r="B2486" s="52" t="s">
        <v>79</v>
      </c>
      <c r="C2486" s="3">
        <v>10</v>
      </c>
      <c r="D2486" s="52" t="s">
        <v>2023</v>
      </c>
      <c r="E2486" s="52" t="s">
        <v>26</v>
      </c>
      <c r="F2486" s="52" t="s">
        <v>81</v>
      </c>
      <c r="G2486" s="52" t="s">
        <v>82</v>
      </c>
      <c r="H2486" s="4">
        <v>1</v>
      </c>
      <c r="I2486" s="2">
        <v>14.65</v>
      </c>
      <c r="J2486" s="52" t="s">
        <v>6654</v>
      </c>
      <c r="K2486" s="71" t="s">
        <v>6655</v>
      </c>
      <c r="L2486" s="52" t="s">
        <v>2063</v>
      </c>
      <c r="M2486" s="72">
        <v>9034</v>
      </c>
      <c r="N2486" s="52" t="s">
        <v>2072</v>
      </c>
      <c r="O2486" s="52" t="s">
        <v>2073</v>
      </c>
      <c r="P2486" s="52"/>
      <c r="Q2486" s="52"/>
      <c r="R2486" s="52"/>
      <c r="S2486" s="52"/>
      <c r="T2486" s="52"/>
      <c r="U2486" s="52"/>
      <c r="V2486" s="52"/>
      <c r="W2486" s="52"/>
    </row>
    <row r="2487" spans="1:23" hidden="1" x14ac:dyDescent="0.35">
      <c r="A2487" s="52" t="s">
        <v>78</v>
      </c>
      <c r="B2487" s="52" t="s">
        <v>79</v>
      </c>
      <c r="C2487" s="3">
        <v>20</v>
      </c>
      <c r="D2487" s="52" t="s">
        <v>85</v>
      </c>
      <c r="E2487" s="52" t="s">
        <v>26</v>
      </c>
      <c r="F2487" s="52" t="s">
        <v>81</v>
      </c>
      <c r="G2487" s="52" t="s">
        <v>82</v>
      </c>
      <c r="H2487" s="4">
        <v>1</v>
      </c>
      <c r="I2487" s="2">
        <v>14.65</v>
      </c>
      <c r="J2487" s="52" t="s">
        <v>6656</v>
      </c>
      <c r="K2487" s="71" t="s">
        <v>6657</v>
      </c>
      <c r="L2487" s="52" t="s">
        <v>2063</v>
      </c>
      <c r="M2487" s="72">
        <v>1455</v>
      </c>
      <c r="N2487" s="52" t="s">
        <v>2066</v>
      </c>
      <c r="O2487" s="52" t="s">
        <v>2067</v>
      </c>
      <c r="P2487" s="52"/>
      <c r="Q2487" s="52"/>
      <c r="R2487" s="52"/>
      <c r="S2487" s="52"/>
      <c r="T2487" s="52"/>
      <c r="U2487" s="52"/>
      <c r="V2487" s="52"/>
      <c r="W2487" s="52"/>
    </row>
    <row r="2488" spans="1:23" hidden="1" x14ac:dyDescent="0.35">
      <c r="A2488" s="52" t="s">
        <v>78</v>
      </c>
      <c r="B2488" s="52" t="s">
        <v>79</v>
      </c>
      <c r="C2488" s="3">
        <v>20</v>
      </c>
      <c r="D2488" s="52" t="s">
        <v>2019</v>
      </c>
      <c r="E2488" s="52" t="s">
        <v>26</v>
      </c>
      <c r="F2488" s="52" t="s">
        <v>81</v>
      </c>
      <c r="G2488" s="52" t="s">
        <v>82</v>
      </c>
      <c r="H2488" s="4">
        <v>1</v>
      </c>
      <c r="I2488" s="2">
        <v>14.65</v>
      </c>
      <c r="J2488" s="52" t="s">
        <v>6658</v>
      </c>
      <c r="K2488" s="71" t="s">
        <v>6659</v>
      </c>
      <c r="L2488" s="52" t="s">
        <v>2063</v>
      </c>
      <c r="M2488" s="72">
        <v>432</v>
      </c>
      <c r="N2488" s="52" t="s">
        <v>2072</v>
      </c>
      <c r="O2488" s="52" t="s">
        <v>2073</v>
      </c>
      <c r="P2488" s="52"/>
      <c r="Q2488" s="52"/>
      <c r="R2488" s="52"/>
      <c r="S2488" s="52"/>
      <c r="T2488" s="52"/>
      <c r="U2488" s="52"/>
      <c r="V2488" s="52"/>
      <c r="W2488" s="52"/>
    </row>
    <row r="2489" spans="1:23" hidden="1" x14ac:dyDescent="0.35">
      <c r="A2489" s="52" t="s">
        <v>78</v>
      </c>
      <c r="B2489" s="52" t="s">
        <v>79</v>
      </c>
      <c r="C2489" s="3">
        <v>20</v>
      </c>
      <c r="D2489" s="52" t="s">
        <v>85</v>
      </c>
      <c r="E2489" s="52" t="s">
        <v>26</v>
      </c>
      <c r="F2489" s="52" t="s">
        <v>81</v>
      </c>
      <c r="G2489" s="52" t="s">
        <v>82</v>
      </c>
      <c r="H2489" s="4">
        <v>1</v>
      </c>
      <c r="I2489" s="2">
        <v>14.65</v>
      </c>
      <c r="J2489" s="52" t="s">
        <v>5751</v>
      </c>
      <c r="K2489" s="71" t="s">
        <v>6660</v>
      </c>
      <c r="L2489" s="52" t="s">
        <v>2063</v>
      </c>
      <c r="M2489" s="72">
        <v>8627</v>
      </c>
      <c r="N2489" s="52" t="s">
        <v>2066</v>
      </c>
      <c r="O2489" s="52" t="s">
        <v>2067</v>
      </c>
      <c r="P2489" s="52"/>
      <c r="Q2489" s="52"/>
      <c r="R2489" s="52"/>
      <c r="S2489" s="52"/>
      <c r="T2489" s="52"/>
      <c r="U2489" s="52"/>
      <c r="V2489" s="52"/>
      <c r="W2489" s="52"/>
    </row>
    <row r="2490" spans="1:23" hidden="1" x14ac:dyDescent="0.35">
      <c r="A2490" s="52" t="s">
        <v>78</v>
      </c>
      <c r="B2490" s="52" t="s">
        <v>79</v>
      </c>
      <c r="C2490" s="3">
        <v>20</v>
      </c>
      <c r="D2490" s="52" t="s">
        <v>2023</v>
      </c>
      <c r="E2490" s="52" t="s">
        <v>26</v>
      </c>
      <c r="F2490" s="52" t="s">
        <v>81</v>
      </c>
      <c r="G2490" s="52" t="s">
        <v>82</v>
      </c>
      <c r="H2490" s="4">
        <v>1</v>
      </c>
      <c r="I2490" s="2">
        <v>14.65</v>
      </c>
      <c r="J2490" s="52" t="s">
        <v>6661</v>
      </c>
      <c r="K2490" s="71" t="s">
        <v>6662</v>
      </c>
      <c r="L2490" s="52" t="s">
        <v>2063</v>
      </c>
      <c r="M2490" s="72">
        <v>1725</v>
      </c>
      <c r="N2490" s="52" t="s">
        <v>2072</v>
      </c>
      <c r="O2490" s="52" t="s">
        <v>2073</v>
      </c>
      <c r="P2490" s="52"/>
      <c r="Q2490" s="52"/>
      <c r="R2490" s="52"/>
      <c r="S2490" s="52"/>
      <c r="T2490" s="52"/>
      <c r="U2490" s="52"/>
      <c r="V2490" s="52"/>
      <c r="W2490" s="52"/>
    </row>
    <row r="2491" spans="1:23" hidden="1" x14ac:dyDescent="0.35">
      <c r="A2491" s="52" t="s">
        <v>78</v>
      </c>
      <c r="B2491" s="52" t="s">
        <v>79</v>
      </c>
      <c r="C2491" s="3">
        <v>10</v>
      </c>
      <c r="D2491" s="52" t="s">
        <v>80</v>
      </c>
      <c r="E2491" s="52" t="s">
        <v>26</v>
      </c>
      <c r="F2491" s="52" t="s">
        <v>81</v>
      </c>
      <c r="G2491" s="52" t="s">
        <v>82</v>
      </c>
      <c r="H2491" s="4">
        <v>1</v>
      </c>
      <c r="I2491" s="2">
        <v>14.65</v>
      </c>
      <c r="J2491" s="52" t="s">
        <v>5520</v>
      </c>
      <c r="K2491" s="71" t="s">
        <v>6663</v>
      </c>
      <c r="L2491" s="52" t="s">
        <v>2063</v>
      </c>
      <c r="M2491" s="72">
        <v>2294</v>
      </c>
      <c r="N2491" s="52" t="s">
        <v>2072</v>
      </c>
      <c r="O2491" s="52" t="s">
        <v>2073</v>
      </c>
      <c r="P2491" s="52"/>
      <c r="Q2491" s="52"/>
      <c r="R2491" s="52"/>
      <c r="S2491" s="52"/>
      <c r="T2491" s="52"/>
      <c r="U2491" s="52"/>
      <c r="V2491" s="52"/>
      <c r="W2491" s="52"/>
    </row>
    <row r="2492" spans="1:23" x14ac:dyDescent="0.35">
      <c r="A2492" s="52" t="s">
        <v>78</v>
      </c>
      <c r="B2492" s="52" t="s">
        <v>79</v>
      </c>
      <c r="C2492" s="3">
        <v>10</v>
      </c>
      <c r="D2492" s="52" t="s">
        <v>80</v>
      </c>
      <c r="E2492" s="52" t="s">
        <v>26</v>
      </c>
      <c r="F2492" s="52" t="s">
        <v>81</v>
      </c>
      <c r="G2492" s="52" t="s">
        <v>82</v>
      </c>
      <c r="H2492" s="4">
        <v>1</v>
      </c>
      <c r="I2492" s="2">
        <v>14.65</v>
      </c>
      <c r="J2492" s="52" t="s">
        <v>6664</v>
      </c>
      <c r="K2492" s="71" t="s">
        <v>6665</v>
      </c>
      <c r="L2492" s="52" t="s">
        <v>2063</v>
      </c>
      <c r="M2492" s="72">
        <v>6190</v>
      </c>
      <c r="N2492" s="52" t="s">
        <v>2076</v>
      </c>
      <c r="O2492" s="52" t="s">
        <v>2077</v>
      </c>
      <c r="P2492" s="52"/>
      <c r="Q2492" s="52"/>
      <c r="R2492" s="52"/>
      <c r="S2492" s="52"/>
      <c r="T2492" s="52"/>
      <c r="U2492" s="52"/>
      <c r="V2492" s="52"/>
      <c r="W2492" s="52"/>
    </row>
    <row r="2493" spans="1:23" hidden="1" x14ac:dyDescent="0.35">
      <c r="A2493" s="52" t="s">
        <v>78</v>
      </c>
      <c r="B2493" s="52" t="s">
        <v>79</v>
      </c>
      <c r="C2493" s="3">
        <v>10</v>
      </c>
      <c r="D2493" s="52" t="s">
        <v>83</v>
      </c>
      <c r="E2493" s="52" t="s">
        <v>26</v>
      </c>
      <c r="F2493" s="52" t="s">
        <v>81</v>
      </c>
      <c r="G2493" s="52" t="s">
        <v>82</v>
      </c>
      <c r="H2493" s="4">
        <v>1</v>
      </c>
      <c r="I2493" s="2">
        <v>14.65</v>
      </c>
      <c r="J2493" s="52" t="s">
        <v>5879</v>
      </c>
      <c r="K2493" s="71" t="s">
        <v>6666</v>
      </c>
      <c r="L2493" s="52" t="s">
        <v>2063</v>
      </c>
      <c r="M2493" s="72">
        <v>6080</v>
      </c>
      <c r="N2493" s="52" t="s">
        <v>2072</v>
      </c>
      <c r="O2493" s="52" t="s">
        <v>2073</v>
      </c>
      <c r="P2493" s="52"/>
      <c r="Q2493" s="52"/>
      <c r="R2493" s="52"/>
      <c r="S2493" s="52"/>
      <c r="T2493" s="52"/>
      <c r="U2493" s="52"/>
      <c r="V2493" s="52"/>
      <c r="W2493" s="52"/>
    </row>
    <row r="2494" spans="1:23" hidden="1" x14ac:dyDescent="0.35">
      <c r="A2494" s="52" t="s">
        <v>78</v>
      </c>
      <c r="B2494" s="52" t="s">
        <v>79</v>
      </c>
      <c r="C2494" s="3">
        <v>20</v>
      </c>
      <c r="D2494" s="52" t="s">
        <v>2024</v>
      </c>
      <c r="E2494" s="52" t="s">
        <v>26</v>
      </c>
      <c r="F2494" s="52" t="s">
        <v>81</v>
      </c>
      <c r="G2494" s="52" t="s">
        <v>82</v>
      </c>
      <c r="H2494" s="4">
        <v>1</v>
      </c>
      <c r="I2494" s="2">
        <v>14.65</v>
      </c>
      <c r="J2494" s="52" t="s">
        <v>6667</v>
      </c>
      <c r="K2494" s="71" t="s">
        <v>6668</v>
      </c>
      <c r="L2494" s="52" t="s">
        <v>2063</v>
      </c>
      <c r="M2494" s="72">
        <v>8377</v>
      </c>
      <c r="N2494" s="52"/>
      <c r="O2494" s="52"/>
      <c r="P2494" s="52"/>
      <c r="Q2494" s="52"/>
      <c r="R2494" s="52"/>
      <c r="S2494" s="52"/>
      <c r="T2494" s="52"/>
      <c r="U2494" s="52"/>
      <c r="V2494" s="52"/>
      <c r="W2494" s="52"/>
    </row>
    <row r="2495" spans="1:23" hidden="1" x14ac:dyDescent="0.35">
      <c r="A2495" s="52" t="s">
        <v>78</v>
      </c>
      <c r="B2495" s="52" t="s">
        <v>79</v>
      </c>
      <c r="C2495" s="3">
        <v>10</v>
      </c>
      <c r="D2495" s="52" t="s">
        <v>2020</v>
      </c>
      <c r="E2495" s="52" t="s">
        <v>26</v>
      </c>
      <c r="F2495" s="52" t="s">
        <v>81</v>
      </c>
      <c r="G2495" s="52" t="s">
        <v>82</v>
      </c>
      <c r="H2495" s="4">
        <v>1</v>
      </c>
      <c r="I2495" s="2">
        <v>14.65</v>
      </c>
      <c r="J2495" s="52" t="s">
        <v>6180</v>
      </c>
      <c r="K2495" s="71" t="s">
        <v>6669</v>
      </c>
      <c r="L2495" s="52" t="s">
        <v>2063</v>
      </c>
      <c r="M2495" s="72">
        <v>8993</v>
      </c>
      <c r="N2495" s="52" t="s">
        <v>2072</v>
      </c>
      <c r="O2495" s="52" t="s">
        <v>2073</v>
      </c>
      <c r="P2495" s="52"/>
      <c r="Q2495" s="52"/>
      <c r="R2495" s="52"/>
      <c r="S2495" s="52"/>
      <c r="T2495" s="52"/>
      <c r="U2495" s="52"/>
      <c r="V2495" s="52"/>
      <c r="W2495" s="52"/>
    </row>
    <row r="2496" spans="1:23" hidden="1" x14ac:dyDescent="0.35">
      <c r="A2496" s="52" t="s">
        <v>78</v>
      </c>
      <c r="B2496" s="52" t="s">
        <v>79</v>
      </c>
      <c r="C2496" s="3">
        <v>211</v>
      </c>
      <c r="D2496" s="52" t="s">
        <v>87</v>
      </c>
      <c r="E2496" s="52" t="s">
        <v>26</v>
      </c>
      <c r="F2496" s="52" t="s">
        <v>81</v>
      </c>
      <c r="G2496" s="52" t="s">
        <v>82</v>
      </c>
      <c r="H2496" s="4">
        <v>1</v>
      </c>
      <c r="I2496" s="2">
        <v>14.65</v>
      </c>
      <c r="J2496" s="52" t="s">
        <v>6670</v>
      </c>
      <c r="K2496" s="71" t="s">
        <v>6671</v>
      </c>
      <c r="L2496" s="52" t="s">
        <v>2063</v>
      </c>
      <c r="M2496" s="72">
        <v>8181</v>
      </c>
      <c r="N2496" s="52" t="s">
        <v>2072</v>
      </c>
      <c r="O2496" s="52" t="s">
        <v>2073</v>
      </c>
      <c r="P2496" s="52"/>
      <c r="Q2496" s="52"/>
      <c r="R2496" s="52"/>
      <c r="S2496" s="52"/>
      <c r="T2496" s="52"/>
      <c r="U2496" s="52"/>
      <c r="V2496" s="52"/>
      <c r="W2496" s="52"/>
    </row>
    <row r="2497" spans="1:23" hidden="1" x14ac:dyDescent="0.35">
      <c r="A2497" s="52" t="s">
        <v>78</v>
      </c>
      <c r="B2497" s="52" t="s">
        <v>79</v>
      </c>
      <c r="C2497" s="3">
        <v>20</v>
      </c>
      <c r="D2497" s="52" t="s">
        <v>2024</v>
      </c>
      <c r="E2497" s="52" t="s">
        <v>26</v>
      </c>
      <c r="F2497" s="52" t="s">
        <v>81</v>
      </c>
      <c r="G2497" s="52" t="s">
        <v>82</v>
      </c>
      <c r="H2497" s="4">
        <v>1</v>
      </c>
      <c r="I2497" s="2">
        <v>14.65</v>
      </c>
      <c r="J2497" s="52" t="s">
        <v>6672</v>
      </c>
      <c r="K2497" s="71" t="s">
        <v>6673</v>
      </c>
      <c r="L2497" s="52" t="s">
        <v>2063</v>
      </c>
      <c r="M2497" s="72">
        <v>5027</v>
      </c>
      <c r="N2497" s="52"/>
      <c r="O2497" s="52"/>
      <c r="P2497" s="52"/>
      <c r="Q2497" s="52"/>
      <c r="R2497" s="52"/>
      <c r="S2497" s="52"/>
      <c r="T2497" s="52"/>
      <c r="U2497" s="52"/>
      <c r="V2497" s="52"/>
      <c r="W2497" s="52"/>
    </row>
    <row r="2498" spans="1:23" hidden="1" x14ac:dyDescent="0.35">
      <c r="A2498" s="52" t="s">
        <v>78</v>
      </c>
      <c r="B2498" s="52" t="s">
        <v>79</v>
      </c>
      <c r="C2498" s="3">
        <v>20</v>
      </c>
      <c r="D2498" s="52" t="s">
        <v>83</v>
      </c>
      <c r="E2498" s="52" t="s">
        <v>26</v>
      </c>
      <c r="F2498" s="52" t="s">
        <v>81</v>
      </c>
      <c r="G2498" s="52" t="s">
        <v>82</v>
      </c>
      <c r="H2498" s="4">
        <v>1</v>
      </c>
      <c r="I2498" s="2">
        <v>14.65</v>
      </c>
      <c r="J2498" s="52" t="s">
        <v>6674</v>
      </c>
      <c r="K2498" s="71" t="s">
        <v>6675</v>
      </c>
      <c r="L2498" s="52" t="s">
        <v>2063</v>
      </c>
      <c r="M2498" s="72">
        <v>5511</v>
      </c>
      <c r="N2498" s="52" t="s">
        <v>2066</v>
      </c>
      <c r="O2498" s="52" t="s">
        <v>2067</v>
      </c>
      <c r="P2498" s="52"/>
      <c r="Q2498" s="52"/>
      <c r="R2498" s="52"/>
      <c r="S2498" s="52"/>
      <c r="T2498" s="52"/>
      <c r="U2498" s="52"/>
      <c r="V2498" s="52"/>
      <c r="W2498" s="52"/>
    </row>
    <row r="2499" spans="1:23" hidden="1" x14ac:dyDescent="0.35">
      <c r="A2499" s="52" t="s">
        <v>78</v>
      </c>
      <c r="B2499" s="52" t="s">
        <v>79</v>
      </c>
      <c r="C2499" s="3">
        <v>20</v>
      </c>
      <c r="D2499" s="52" t="s">
        <v>2019</v>
      </c>
      <c r="E2499" s="52" t="s">
        <v>26</v>
      </c>
      <c r="F2499" s="52" t="s">
        <v>81</v>
      </c>
      <c r="G2499" s="52" t="s">
        <v>82</v>
      </c>
      <c r="H2499" s="4">
        <v>1</v>
      </c>
      <c r="I2499" s="2">
        <v>14.65</v>
      </c>
      <c r="J2499" s="52" t="s">
        <v>6676</v>
      </c>
      <c r="K2499" s="71" t="s">
        <v>6677</v>
      </c>
      <c r="L2499" s="52" t="s">
        <v>2063</v>
      </c>
      <c r="M2499" s="72">
        <v>890</v>
      </c>
      <c r="N2499" s="52"/>
      <c r="O2499" s="52"/>
      <c r="P2499" s="52"/>
      <c r="Q2499" s="52"/>
      <c r="R2499" s="52"/>
      <c r="S2499" s="52"/>
      <c r="T2499" s="52"/>
      <c r="U2499" s="52"/>
      <c r="V2499" s="52"/>
      <c r="W2499" s="52"/>
    </row>
    <row r="2500" spans="1:23" hidden="1" x14ac:dyDescent="0.35">
      <c r="A2500" s="52" t="s">
        <v>78</v>
      </c>
      <c r="B2500" s="52" t="s">
        <v>79</v>
      </c>
      <c r="C2500" s="3">
        <v>10</v>
      </c>
      <c r="D2500" s="52" t="s">
        <v>2021</v>
      </c>
      <c r="E2500" s="52" t="s">
        <v>26</v>
      </c>
      <c r="F2500" s="52" t="s">
        <v>81</v>
      </c>
      <c r="G2500" s="52" t="s">
        <v>82</v>
      </c>
      <c r="H2500" s="4">
        <v>1</v>
      </c>
      <c r="I2500" s="2">
        <v>14.65</v>
      </c>
      <c r="J2500" s="52" t="s">
        <v>6678</v>
      </c>
      <c r="K2500" s="71" t="s">
        <v>6679</v>
      </c>
      <c r="L2500" s="52" t="s">
        <v>2063</v>
      </c>
      <c r="M2500" s="72">
        <v>2862</v>
      </c>
      <c r="N2500" s="52" t="s">
        <v>2072</v>
      </c>
      <c r="O2500" s="52" t="s">
        <v>2073</v>
      </c>
      <c r="P2500" s="52"/>
      <c r="Q2500" s="52"/>
      <c r="R2500" s="52"/>
      <c r="S2500" s="52"/>
      <c r="T2500" s="52"/>
      <c r="U2500" s="52"/>
      <c r="V2500" s="52"/>
      <c r="W2500" s="52"/>
    </row>
    <row r="2501" spans="1:23" hidden="1" x14ac:dyDescent="0.35">
      <c r="A2501" s="52" t="s">
        <v>78</v>
      </c>
      <c r="B2501" s="52" t="s">
        <v>79</v>
      </c>
      <c r="C2501" s="3">
        <v>10</v>
      </c>
      <c r="D2501" s="52" t="s">
        <v>80</v>
      </c>
      <c r="E2501" s="52" t="s">
        <v>26</v>
      </c>
      <c r="F2501" s="52" t="s">
        <v>81</v>
      </c>
      <c r="G2501" s="52" t="s">
        <v>82</v>
      </c>
      <c r="H2501" s="4">
        <v>1</v>
      </c>
      <c r="I2501" s="2">
        <v>14.65</v>
      </c>
      <c r="J2501" s="52" t="s">
        <v>5623</v>
      </c>
      <c r="K2501" s="71" t="s">
        <v>6680</v>
      </c>
      <c r="L2501" s="52" t="s">
        <v>2063</v>
      </c>
      <c r="M2501" s="72">
        <v>1080</v>
      </c>
      <c r="N2501" s="52" t="s">
        <v>2072</v>
      </c>
      <c r="O2501" s="52" t="s">
        <v>2073</v>
      </c>
      <c r="P2501" s="52"/>
      <c r="Q2501" s="52"/>
      <c r="R2501" s="52"/>
      <c r="S2501" s="52"/>
      <c r="T2501" s="52"/>
      <c r="U2501" s="52"/>
      <c r="V2501" s="52"/>
      <c r="W2501" s="52"/>
    </row>
    <row r="2502" spans="1:23" hidden="1" x14ac:dyDescent="0.35">
      <c r="A2502" s="52" t="s">
        <v>78</v>
      </c>
      <c r="B2502" s="52" t="s">
        <v>79</v>
      </c>
      <c r="C2502" s="3">
        <v>10</v>
      </c>
      <c r="D2502" s="52" t="s">
        <v>85</v>
      </c>
      <c r="E2502" s="52" t="s">
        <v>26</v>
      </c>
      <c r="F2502" s="52" t="s">
        <v>81</v>
      </c>
      <c r="G2502" s="52" t="s">
        <v>82</v>
      </c>
      <c r="H2502" s="4">
        <v>1</v>
      </c>
      <c r="I2502" s="2">
        <v>14.65</v>
      </c>
      <c r="J2502" s="52" t="s">
        <v>6681</v>
      </c>
      <c r="K2502" s="71" t="s">
        <v>6682</v>
      </c>
      <c r="L2502" s="52" t="s">
        <v>2063</v>
      </c>
      <c r="M2502" s="72">
        <v>5124</v>
      </c>
      <c r="N2502" s="52"/>
      <c r="O2502" s="52"/>
      <c r="P2502" s="52"/>
      <c r="Q2502" s="52"/>
      <c r="R2502" s="52"/>
      <c r="S2502" s="52"/>
      <c r="T2502" s="52"/>
      <c r="U2502" s="52"/>
      <c r="V2502" s="52"/>
      <c r="W2502" s="52"/>
    </row>
    <row r="2503" spans="1:23" hidden="1" x14ac:dyDescent="0.35">
      <c r="A2503" s="52" t="s">
        <v>78</v>
      </c>
      <c r="B2503" s="52" t="s">
        <v>79</v>
      </c>
      <c r="C2503" s="3">
        <v>211</v>
      </c>
      <c r="D2503" s="52" t="s">
        <v>85</v>
      </c>
      <c r="E2503" s="52" t="s">
        <v>26</v>
      </c>
      <c r="F2503" s="52" t="s">
        <v>81</v>
      </c>
      <c r="G2503" s="52" t="s">
        <v>82</v>
      </c>
      <c r="H2503" s="4">
        <v>1</v>
      </c>
      <c r="I2503" s="2">
        <v>14.65</v>
      </c>
      <c r="J2503" s="52" t="s">
        <v>4709</v>
      </c>
      <c r="K2503" s="71" t="s">
        <v>6683</v>
      </c>
      <c r="L2503" s="52" t="s">
        <v>2063</v>
      </c>
      <c r="M2503" s="72">
        <v>7913</v>
      </c>
      <c r="N2503" s="52" t="s">
        <v>3580</v>
      </c>
      <c r="O2503" s="52" t="s">
        <v>3581</v>
      </c>
      <c r="P2503" s="52"/>
      <c r="Q2503" s="52"/>
      <c r="R2503" s="52"/>
      <c r="S2503" s="52"/>
      <c r="T2503" s="52"/>
      <c r="U2503" s="52"/>
      <c r="V2503" s="52"/>
      <c r="W2503" s="52"/>
    </row>
    <row r="2504" spans="1:23" hidden="1" x14ac:dyDescent="0.35">
      <c r="A2504" s="52" t="s">
        <v>78</v>
      </c>
      <c r="B2504" s="52" t="s">
        <v>79</v>
      </c>
      <c r="C2504" s="3">
        <v>10</v>
      </c>
      <c r="D2504" s="52" t="s">
        <v>2019</v>
      </c>
      <c r="E2504" s="52" t="s">
        <v>26</v>
      </c>
      <c r="F2504" s="52" t="s">
        <v>81</v>
      </c>
      <c r="G2504" s="52" t="s">
        <v>82</v>
      </c>
      <c r="H2504" s="4">
        <v>1</v>
      </c>
      <c r="I2504" s="2">
        <v>14.65</v>
      </c>
      <c r="J2504" s="52" t="s">
        <v>6684</v>
      </c>
      <c r="K2504" s="71" t="s">
        <v>6685</v>
      </c>
      <c r="L2504" s="52" t="s">
        <v>2063</v>
      </c>
      <c r="M2504" s="72">
        <v>1497</v>
      </c>
      <c r="N2504" s="52" t="s">
        <v>2158</v>
      </c>
      <c r="O2504" s="52" t="s">
        <v>2159</v>
      </c>
      <c r="P2504" s="52"/>
      <c r="Q2504" s="52"/>
      <c r="R2504" s="52"/>
      <c r="S2504" s="52"/>
      <c r="T2504" s="52"/>
      <c r="U2504" s="52"/>
      <c r="V2504" s="52"/>
      <c r="W2504" s="52"/>
    </row>
    <row r="2505" spans="1:23" hidden="1" x14ac:dyDescent="0.35">
      <c r="A2505" s="52" t="s">
        <v>78</v>
      </c>
      <c r="B2505" s="52" t="s">
        <v>79</v>
      </c>
      <c r="C2505" s="3">
        <v>20</v>
      </c>
      <c r="D2505" s="52" t="s">
        <v>2021</v>
      </c>
      <c r="E2505" s="52" t="s">
        <v>26</v>
      </c>
      <c r="F2505" s="52" t="s">
        <v>81</v>
      </c>
      <c r="G2505" s="52" t="s">
        <v>82</v>
      </c>
      <c r="H2505" s="4">
        <v>1</v>
      </c>
      <c r="I2505" s="2">
        <v>14.65</v>
      </c>
      <c r="J2505" s="52" t="s">
        <v>6686</v>
      </c>
      <c r="K2505" s="71" t="s">
        <v>6687</v>
      </c>
      <c r="L2505" s="52" t="s">
        <v>2063</v>
      </c>
      <c r="M2505" s="72">
        <v>9772</v>
      </c>
      <c r="N2505" s="52" t="s">
        <v>2154</v>
      </c>
      <c r="O2505" s="52" t="s">
        <v>2155</v>
      </c>
      <c r="P2505" s="52"/>
      <c r="Q2505" s="52"/>
      <c r="R2505" s="52"/>
      <c r="S2505" s="52"/>
      <c r="T2505" s="52"/>
      <c r="U2505" s="52"/>
      <c r="V2505" s="52"/>
      <c r="W2505" s="52"/>
    </row>
    <row r="2506" spans="1:23" hidden="1" x14ac:dyDescent="0.35">
      <c r="A2506" s="52" t="s">
        <v>78</v>
      </c>
      <c r="B2506" s="52" t="s">
        <v>79</v>
      </c>
      <c r="C2506" s="3">
        <v>10</v>
      </c>
      <c r="D2506" s="52" t="s">
        <v>84</v>
      </c>
      <c r="E2506" s="52" t="s">
        <v>26</v>
      </c>
      <c r="F2506" s="52" t="s">
        <v>81</v>
      </c>
      <c r="G2506" s="52" t="s">
        <v>82</v>
      </c>
      <c r="H2506" s="4">
        <v>1</v>
      </c>
      <c r="I2506" s="2">
        <v>14.65</v>
      </c>
      <c r="J2506" s="52" t="s">
        <v>6688</v>
      </c>
      <c r="K2506" s="71" t="s">
        <v>6689</v>
      </c>
      <c r="L2506" s="52" t="s">
        <v>2063</v>
      </c>
      <c r="M2506" s="72">
        <v>6669</v>
      </c>
      <c r="N2506" s="52" t="s">
        <v>2066</v>
      </c>
      <c r="O2506" s="52" t="s">
        <v>2067</v>
      </c>
      <c r="P2506" s="52"/>
      <c r="Q2506" s="52"/>
      <c r="R2506" s="52"/>
      <c r="S2506" s="52"/>
      <c r="T2506" s="52"/>
      <c r="U2506" s="52"/>
      <c r="V2506" s="52"/>
      <c r="W2506" s="52"/>
    </row>
    <row r="2507" spans="1:23" hidden="1" x14ac:dyDescent="0.35">
      <c r="A2507" s="52" t="s">
        <v>78</v>
      </c>
      <c r="B2507" s="52" t="s">
        <v>79</v>
      </c>
      <c r="C2507" s="3">
        <v>10</v>
      </c>
      <c r="D2507" s="52" t="s">
        <v>2024</v>
      </c>
      <c r="E2507" s="52" t="s">
        <v>26</v>
      </c>
      <c r="F2507" s="52" t="s">
        <v>81</v>
      </c>
      <c r="G2507" s="52" t="s">
        <v>82</v>
      </c>
      <c r="H2507" s="4">
        <v>1</v>
      </c>
      <c r="I2507" s="2">
        <v>14.65</v>
      </c>
      <c r="J2507" s="52" t="s">
        <v>6690</v>
      </c>
      <c r="K2507" s="71" t="s">
        <v>6691</v>
      </c>
      <c r="L2507" s="52" t="s">
        <v>2063</v>
      </c>
      <c r="M2507" s="72">
        <v>3630</v>
      </c>
      <c r="N2507" s="52" t="s">
        <v>2072</v>
      </c>
      <c r="O2507" s="52" t="s">
        <v>2073</v>
      </c>
      <c r="P2507" s="52"/>
      <c r="Q2507" s="52"/>
      <c r="R2507" s="52"/>
      <c r="S2507" s="52"/>
      <c r="T2507" s="52"/>
      <c r="U2507" s="52"/>
      <c r="V2507" s="52"/>
      <c r="W2507" s="52"/>
    </row>
    <row r="2508" spans="1:23" hidden="1" x14ac:dyDescent="0.35">
      <c r="A2508" s="52" t="s">
        <v>78</v>
      </c>
      <c r="B2508" s="52" t="s">
        <v>79</v>
      </c>
      <c r="C2508" s="3">
        <v>10</v>
      </c>
      <c r="D2508" s="52" t="s">
        <v>84</v>
      </c>
      <c r="E2508" s="52" t="s">
        <v>26</v>
      </c>
      <c r="F2508" s="52" t="s">
        <v>81</v>
      </c>
      <c r="G2508" s="52" t="s">
        <v>82</v>
      </c>
      <c r="H2508" s="4">
        <v>1</v>
      </c>
      <c r="I2508" s="2">
        <v>14.65</v>
      </c>
      <c r="J2508" s="52" t="s">
        <v>6692</v>
      </c>
      <c r="K2508" s="71" t="s">
        <v>6693</v>
      </c>
      <c r="L2508" s="52" t="s">
        <v>2063</v>
      </c>
      <c r="M2508" s="72">
        <v>2328</v>
      </c>
      <c r="N2508" s="52" t="s">
        <v>2072</v>
      </c>
      <c r="O2508" s="52" t="s">
        <v>2073</v>
      </c>
      <c r="P2508" s="52"/>
      <c r="Q2508" s="52"/>
      <c r="R2508" s="52"/>
      <c r="S2508" s="52"/>
      <c r="T2508" s="52"/>
      <c r="U2508" s="52"/>
      <c r="V2508" s="52"/>
      <c r="W2508" s="52"/>
    </row>
    <row r="2509" spans="1:23" hidden="1" x14ac:dyDescent="0.35">
      <c r="A2509" s="52" t="s">
        <v>78</v>
      </c>
      <c r="B2509" s="52" t="s">
        <v>79</v>
      </c>
      <c r="C2509" s="3">
        <v>20</v>
      </c>
      <c r="D2509" s="52" t="s">
        <v>80</v>
      </c>
      <c r="E2509" s="52" t="s">
        <v>26</v>
      </c>
      <c r="F2509" s="52" t="s">
        <v>81</v>
      </c>
      <c r="G2509" s="52" t="s">
        <v>82</v>
      </c>
      <c r="H2509" s="4">
        <v>1</v>
      </c>
      <c r="I2509" s="2">
        <v>14.65</v>
      </c>
      <c r="J2509" s="52" t="s">
        <v>6694</v>
      </c>
      <c r="K2509" s="71" t="s">
        <v>6695</v>
      </c>
      <c r="L2509" s="52" t="s">
        <v>2063</v>
      </c>
      <c r="M2509" s="72">
        <v>4827</v>
      </c>
      <c r="N2509" s="52" t="s">
        <v>2066</v>
      </c>
      <c r="O2509" s="52" t="s">
        <v>2067</v>
      </c>
      <c r="P2509" s="52"/>
      <c r="Q2509" s="52"/>
      <c r="R2509" s="52"/>
      <c r="S2509" s="52"/>
      <c r="T2509" s="52"/>
      <c r="U2509" s="52"/>
      <c r="V2509" s="52"/>
      <c r="W2509" s="52"/>
    </row>
    <row r="2510" spans="1:23" hidden="1" x14ac:dyDescent="0.35">
      <c r="A2510" s="52" t="s">
        <v>78</v>
      </c>
      <c r="B2510" s="52" t="s">
        <v>79</v>
      </c>
      <c r="C2510" s="3">
        <v>10</v>
      </c>
      <c r="D2510" s="52" t="s">
        <v>83</v>
      </c>
      <c r="E2510" s="52" t="s">
        <v>26</v>
      </c>
      <c r="F2510" s="52" t="s">
        <v>81</v>
      </c>
      <c r="G2510" s="52" t="s">
        <v>82</v>
      </c>
      <c r="H2510" s="4">
        <v>1</v>
      </c>
      <c r="I2510" s="2">
        <v>14.65</v>
      </c>
      <c r="J2510" s="52" t="s">
        <v>6696</v>
      </c>
      <c r="K2510" s="71" t="s">
        <v>6697</v>
      </c>
      <c r="L2510" s="52" t="s">
        <v>2063</v>
      </c>
      <c r="M2510" s="72">
        <v>3525</v>
      </c>
      <c r="N2510" s="52" t="s">
        <v>2072</v>
      </c>
      <c r="O2510" s="52" t="s">
        <v>2073</v>
      </c>
      <c r="P2510" s="52"/>
      <c r="Q2510" s="52"/>
      <c r="R2510" s="52"/>
      <c r="S2510" s="52"/>
      <c r="T2510" s="52"/>
      <c r="U2510" s="52"/>
      <c r="V2510" s="52"/>
      <c r="W2510" s="52"/>
    </row>
    <row r="2511" spans="1:23" hidden="1" x14ac:dyDescent="0.35">
      <c r="A2511" s="52" t="s">
        <v>78</v>
      </c>
      <c r="B2511" s="52" t="s">
        <v>79</v>
      </c>
      <c r="C2511" s="3">
        <v>20</v>
      </c>
      <c r="D2511" s="52" t="s">
        <v>86</v>
      </c>
      <c r="E2511" s="52" t="s">
        <v>26</v>
      </c>
      <c r="F2511" s="52" t="s">
        <v>81</v>
      </c>
      <c r="G2511" s="52" t="s">
        <v>82</v>
      </c>
      <c r="H2511" s="4">
        <v>1</v>
      </c>
      <c r="I2511" s="2">
        <v>14.65</v>
      </c>
      <c r="J2511" s="52" t="s">
        <v>6698</v>
      </c>
      <c r="K2511" s="71" t="s">
        <v>6699</v>
      </c>
      <c r="L2511" s="52" t="s">
        <v>2063</v>
      </c>
      <c r="M2511" s="72">
        <v>8254</v>
      </c>
      <c r="N2511" s="52"/>
      <c r="O2511" s="52"/>
      <c r="P2511" s="52"/>
      <c r="Q2511" s="52"/>
      <c r="R2511" s="52"/>
      <c r="S2511" s="52"/>
      <c r="T2511" s="52"/>
      <c r="U2511" s="52"/>
      <c r="V2511" s="52"/>
      <c r="W2511" s="52"/>
    </row>
    <row r="2512" spans="1:23" hidden="1" x14ac:dyDescent="0.35">
      <c r="A2512" s="52" t="s">
        <v>78</v>
      </c>
      <c r="B2512" s="52" t="s">
        <v>79</v>
      </c>
      <c r="C2512" s="3">
        <v>212</v>
      </c>
      <c r="D2512" s="52" t="s">
        <v>80</v>
      </c>
      <c r="E2512" s="52" t="s">
        <v>26</v>
      </c>
      <c r="F2512" s="52" t="s">
        <v>81</v>
      </c>
      <c r="G2512" s="52" t="s">
        <v>82</v>
      </c>
      <c r="H2512" s="4">
        <v>1</v>
      </c>
      <c r="I2512" s="2">
        <v>14.65</v>
      </c>
      <c r="J2512" s="52" t="s">
        <v>6700</v>
      </c>
      <c r="K2512" s="71" t="s">
        <v>6701</v>
      </c>
      <c r="L2512" s="52" t="s">
        <v>2063</v>
      </c>
      <c r="M2512" s="72">
        <v>9406</v>
      </c>
      <c r="N2512" s="52"/>
      <c r="O2512" s="52"/>
      <c r="P2512" s="52"/>
      <c r="Q2512" s="52"/>
      <c r="R2512" s="52"/>
      <c r="S2512" s="52"/>
      <c r="T2512" s="52"/>
      <c r="U2512" s="52"/>
      <c r="V2512" s="52"/>
      <c r="W2512" s="52"/>
    </row>
    <row r="2513" spans="1:23" hidden="1" x14ac:dyDescent="0.35">
      <c r="A2513" s="52" t="s">
        <v>78</v>
      </c>
      <c r="B2513" s="52" t="s">
        <v>79</v>
      </c>
      <c r="C2513" s="3">
        <v>20</v>
      </c>
      <c r="D2513" s="52" t="s">
        <v>86</v>
      </c>
      <c r="E2513" s="52" t="s">
        <v>26</v>
      </c>
      <c r="F2513" s="52" t="s">
        <v>81</v>
      </c>
      <c r="G2513" s="52" t="s">
        <v>82</v>
      </c>
      <c r="H2513" s="4">
        <v>1</v>
      </c>
      <c r="I2513" s="2">
        <v>14.65</v>
      </c>
      <c r="J2513" s="52" t="s">
        <v>6702</v>
      </c>
      <c r="K2513" s="71" t="s">
        <v>6703</v>
      </c>
      <c r="L2513" s="52" t="s">
        <v>2063</v>
      </c>
      <c r="M2513" s="72">
        <v>8637</v>
      </c>
      <c r="N2513" s="52"/>
      <c r="O2513" s="52"/>
      <c r="P2513" s="52"/>
      <c r="Q2513" s="52"/>
      <c r="R2513" s="52"/>
      <c r="S2513" s="52"/>
      <c r="T2513" s="52"/>
      <c r="U2513" s="52"/>
      <c r="V2513" s="52"/>
      <c r="W2513" s="52"/>
    </row>
    <row r="2514" spans="1:23" hidden="1" x14ac:dyDescent="0.35">
      <c r="A2514" s="52" t="s">
        <v>78</v>
      </c>
      <c r="B2514" s="52" t="s">
        <v>79</v>
      </c>
      <c r="C2514" s="3">
        <v>10</v>
      </c>
      <c r="D2514" s="52" t="s">
        <v>2020</v>
      </c>
      <c r="E2514" s="52" t="s">
        <v>26</v>
      </c>
      <c r="F2514" s="52" t="s">
        <v>81</v>
      </c>
      <c r="G2514" s="52" t="s">
        <v>82</v>
      </c>
      <c r="H2514" s="4">
        <v>1</v>
      </c>
      <c r="I2514" s="2">
        <v>14.65</v>
      </c>
      <c r="J2514" s="52" t="s">
        <v>6704</v>
      </c>
      <c r="K2514" s="71" t="s">
        <v>6705</v>
      </c>
      <c r="L2514" s="52" t="s">
        <v>2063</v>
      </c>
      <c r="M2514" s="72">
        <v>1804</v>
      </c>
      <c r="N2514" s="52" t="s">
        <v>2072</v>
      </c>
      <c r="O2514" s="52" t="s">
        <v>2073</v>
      </c>
      <c r="P2514" s="52"/>
      <c r="Q2514" s="52"/>
      <c r="R2514" s="52"/>
      <c r="S2514" s="52"/>
      <c r="T2514" s="52"/>
      <c r="U2514" s="52"/>
      <c r="V2514" s="52"/>
      <c r="W2514" s="52"/>
    </row>
    <row r="2515" spans="1:23" hidden="1" x14ac:dyDescent="0.35">
      <c r="A2515" s="52" t="s">
        <v>78</v>
      </c>
      <c r="B2515" s="52" t="s">
        <v>79</v>
      </c>
      <c r="C2515" s="3">
        <v>20</v>
      </c>
      <c r="D2515" s="52" t="s">
        <v>2020</v>
      </c>
      <c r="E2515" s="52" t="s">
        <v>26</v>
      </c>
      <c r="F2515" s="52" t="s">
        <v>81</v>
      </c>
      <c r="G2515" s="52" t="s">
        <v>82</v>
      </c>
      <c r="H2515" s="4">
        <v>1</v>
      </c>
      <c r="I2515" s="2">
        <v>14.65</v>
      </c>
      <c r="J2515" s="52" t="s">
        <v>6706</v>
      </c>
      <c r="K2515" s="71" t="s">
        <v>6707</v>
      </c>
      <c r="L2515" s="52" t="s">
        <v>2063</v>
      </c>
      <c r="M2515" s="72">
        <v>9014</v>
      </c>
      <c r="N2515" s="52"/>
      <c r="O2515" s="52"/>
      <c r="P2515" s="52"/>
      <c r="Q2515" s="52"/>
      <c r="R2515" s="52"/>
      <c r="S2515" s="52"/>
      <c r="T2515" s="52"/>
      <c r="U2515" s="52"/>
      <c r="V2515" s="52"/>
      <c r="W2515" s="52"/>
    </row>
    <row r="2516" spans="1:23" hidden="1" x14ac:dyDescent="0.35">
      <c r="A2516" s="52" t="s">
        <v>78</v>
      </c>
      <c r="B2516" s="52" t="s">
        <v>79</v>
      </c>
      <c r="C2516" s="3">
        <v>20</v>
      </c>
      <c r="D2516" s="52" t="s">
        <v>2023</v>
      </c>
      <c r="E2516" s="52" t="s">
        <v>26</v>
      </c>
      <c r="F2516" s="52" t="s">
        <v>81</v>
      </c>
      <c r="G2516" s="52" t="s">
        <v>82</v>
      </c>
      <c r="H2516" s="4">
        <v>1</v>
      </c>
      <c r="I2516" s="2">
        <v>14.65</v>
      </c>
      <c r="J2516" s="52" t="s">
        <v>6708</v>
      </c>
      <c r="K2516" s="71" t="s">
        <v>6709</v>
      </c>
      <c r="L2516" s="52" t="s">
        <v>2063</v>
      </c>
      <c r="M2516" s="72">
        <v>7693</v>
      </c>
      <c r="N2516" s="52" t="s">
        <v>2158</v>
      </c>
      <c r="O2516" s="52" t="s">
        <v>2159</v>
      </c>
      <c r="P2516" s="52"/>
      <c r="Q2516" s="52"/>
      <c r="R2516" s="52"/>
      <c r="S2516" s="52"/>
      <c r="T2516" s="52"/>
      <c r="U2516" s="52"/>
      <c r="V2516" s="52"/>
      <c r="W2516" s="52"/>
    </row>
    <row r="2517" spans="1:23" hidden="1" x14ac:dyDescent="0.35">
      <c r="A2517" s="52" t="s">
        <v>78</v>
      </c>
      <c r="B2517" s="52" t="s">
        <v>79</v>
      </c>
      <c r="C2517" s="3">
        <v>20</v>
      </c>
      <c r="D2517" s="52" t="s">
        <v>2023</v>
      </c>
      <c r="E2517" s="52" t="s">
        <v>26</v>
      </c>
      <c r="F2517" s="52" t="s">
        <v>81</v>
      </c>
      <c r="G2517" s="52" t="s">
        <v>82</v>
      </c>
      <c r="H2517" s="4">
        <v>1</v>
      </c>
      <c r="I2517" s="2">
        <v>14.65</v>
      </c>
      <c r="J2517" s="52" t="s">
        <v>6710</v>
      </c>
      <c r="K2517" s="71" t="s">
        <v>6711</v>
      </c>
      <c r="L2517" s="52" t="s">
        <v>2063</v>
      </c>
      <c r="M2517" s="72">
        <v>9555</v>
      </c>
      <c r="N2517" s="52" t="s">
        <v>2066</v>
      </c>
      <c r="O2517" s="52" t="s">
        <v>2067</v>
      </c>
      <c r="P2517" s="52"/>
      <c r="Q2517" s="52"/>
      <c r="R2517" s="52"/>
      <c r="S2517" s="52"/>
      <c r="T2517" s="52"/>
      <c r="U2517" s="52"/>
      <c r="V2517" s="52"/>
      <c r="W2517" s="52"/>
    </row>
    <row r="2518" spans="1:23" hidden="1" x14ac:dyDescent="0.35">
      <c r="A2518" s="52" t="s">
        <v>78</v>
      </c>
      <c r="B2518" s="52" t="s">
        <v>79</v>
      </c>
      <c r="C2518" s="3">
        <v>20</v>
      </c>
      <c r="D2518" s="52" t="s">
        <v>80</v>
      </c>
      <c r="E2518" s="52" t="s">
        <v>26</v>
      </c>
      <c r="F2518" s="52" t="s">
        <v>81</v>
      </c>
      <c r="G2518" s="52" t="s">
        <v>82</v>
      </c>
      <c r="H2518" s="4">
        <v>1</v>
      </c>
      <c r="I2518" s="2">
        <v>14.65</v>
      </c>
      <c r="J2518" s="52" t="s">
        <v>6712</v>
      </c>
      <c r="K2518" s="71" t="s">
        <v>6713</v>
      </c>
      <c r="L2518" s="52" t="s">
        <v>2063</v>
      </c>
      <c r="M2518" s="72">
        <v>7349</v>
      </c>
      <c r="N2518" s="52" t="s">
        <v>2066</v>
      </c>
      <c r="O2518" s="52" t="s">
        <v>2067</v>
      </c>
      <c r="P2518" s="52"/>
      <c r="Q2518" s="52"/>
      <c r="R2518" s="52"/>
      <c r="S2518" s="52"/>
      <c r="T2518" s="52"/>
      <c r="U2518" s="52"/>
      <c r="V2518" s="52"/>
      <c r="W2518" s="52"/>
    </row>
    <row r="2519" spans="1:23" hidden="1" x14ac:dyDescent="0.35">
      <c r="A2519" s="52" t="s">
        <v>78</v>
      </c>
      <c r="B2519" s="52" t="s">
        <v>79</v>
      </c>
      <c r="C2519" s="3">
        <v>10</v>
      </c>
      <c r="D2519" s="52" t="s">
        <v>2022</v>
      </c>
      <c r="E2519" s="52" t="s">
        <v>26</v>
      </c>
      <c r="F2519" s="52" t="s">
        <v>81</v>
      </c>
      <c r="G2519" s="52" t="s">
        <v>82</v>
      </c>
      <c r="H2519" s="4">
        <v>1</v>
      </c>
      <c r="I2519" s="2">
        <v>14.65</v>
      </c>
      <c r="J2519" s="52" t="s">
        <v>6714</v>
      </c>
      <c r="K2519" s="71" t="s">
        <v>6715</v>
      </c>
      <c r="L2519" s="52" t="s">
        <v>2063</v>
      </c>
      <c r="M2519" s="72">
        <v>4153</v>
      </c>
      <c r="N2519" s="52" t="s">
        <v>2072</v>
      </c>
      <c r="O2519" s="52" t="s">
        <v>2073</v>
      </c>
      <c r="P2519" s="52"/>
      <c r="Q2519" s="52"/>
      <c r="R2519" s="52"/>
      <c r="S2519" s="52"/>
      <c r="T2519" s="52"/>
      <c r="U2519" s="52"/>
      <c r="V2519" s="52"/>
      <c r="W2519" s="52"/>
    </row>
    <row r="2520" spans="1:23" hidden="1" x14ac:dyDescent="0.35">
      <c r="A2520" s="52" t="s">
        <v>78</v>
      </c>
      <c r="B2520" s="52" t="s">
        <v>79</v>
      </c>
      <c r="C2520" s="3">
        <v>10</v>
      </c>
      <c r="D2520" s="52" t="s">
        <v>80</v>
      </c>
      <c r="E2520" s="52" t="s">
        <v>26</v>
      </c>
      <c r="F2520" s="52" t="s">
        <v>81</v>
      </c>
      <c r="G2520" s="52" t="s">
        <v>82</v>
      </c>
      <c r="H2520" s="4">
        <v>1</v>
      </c>
      <c r="I2520" s="2">
        <v>14.65</v>
      </c>
      <c r="J2520" s="52" t="s">
        <v>6716</v>
      </c>
      <c r="K2520" s="71" t="s">
        <v>6717</v>
      </c>
      <c r="L2520" s="52" t="s">
        <v>2063</v>
      </c>
      <c r="M2520" s="72">
        <v>3075</v>
      </c>
      <c r="N2520" s="52" t="s">
        <v>2158</v>
      </c>
      <c r="O2520" s="52" t="s">
        <v>2159</v>
      </c>
      <c r="P2520" s="52"/>
      <c r="Q2520" s="52"/>
      <c r="R2520" s="52"/>
      <c r="S2520" s="52"/>
      <c r="T2520" s="52"/>
      <c r="U2520" s="52"/>
      <c r="V2520" s="52"/>
      <c r="W2520" s="52"/>
    </row>
    <row r="2521" spans="1:23" hidden="1" x14ac:dyDescent="0.35">
      <c r="A2521" s="52" t="s">
        <v>78</v>
      </c>
      <c r="B2521" s="52" t="s">
        <v>79</v>
      </c>
      <c r="C2521" s="3">
        <v>10</v>
      </c>
      <c r="D2521" s="52" t="s">
        <v>80</v>
      </c>
      <c r="E2521" s="52" t="s">
        <v>26</v>
      </c>
      <c r="F2521" s="52" t="s">
        <v>81</v>
      </c>
      <c r="G2521" s="52" t="s">
        <v>82</v>
      </c>
      <c r="H2521" s="4">
        <v>1</v>
      </c>
      <c r="I2521" s="2">
        <v>14.65</v>
      </c>
      <c r="J2521" s="52" t="s">
        <v>6718</v>
      </c>
      <c r="K2521" s="71" t="s">
        <v>6719</v>
      </c>
      <c r="L2521" s="52" t="s">
        <v>2063</v>
      </c>
      <c r="M2521" s="72">
        <v>8822</v>
      </c>
      <c r="N2521" s="52" t="s">
        <v>2072</v>
      </c>
      <c r="O2521" s="52" t="s">
        <v>2073</v>
      </c>
      <c r="P2521" s="52"/>
      <c r="Q2521" s="52"/>
      <c r="R2521" s="52"/>
      <c r="S2521" s="52"/>
      <c r="T2521" s="52"/>
      <c r="U2521" s="52"/>
      <c r="V2521" s="52"/>
      <c r="W2521" s="52"/>
    </row>
    <row r="2522" spans="1:23" hidden="1" x14ac:dyDescent="0.35">
      <c r="A2522" s="52" t="s">
        <v>78</v>
      </c>
      <c r="B2522" s="52" t="s">
        <v>79</v>
      </c>
      <c r="C2522" s="3">
        <v>20</v>
      </c>
      <c r="D2522" s="52" t="s">
        <v>86</v>
      </c>
      <c r="E2522" s="52" t="s">
        <v>26</v>
      </c>
      <c r="F2522" s="52" t="s">
        <v>81</v>
      </c>
      <c r="G2522" s="52" t="s">
        <v>82</v>
      </c>
      <c r="H2522" s="4">
        <v>1</v>
      </c>
      <c r="I2522" s="2">
        <v>14.65</v>
      </c>
      <c r="J2522" s="52" t="s">
        <v>6720</v>
      </c>
      <c r="K2522" s="71" t="s">
        <v>6721</v>
      </c>
      <c r="L2522" s="52" t="s">
        <v>2063</v>
      </c>
      <c r="M2522" s="72">
        <v>8168</v>
      </c>
      <c r="N2522" s="52" t="s">
        <v>2066</v>
      </c>
      <c r="O2522" s="52" t="s">
        <v>2067</v>
      </c>
      <c r="P2522" s="52"/>
      <c r="Q2522" s="52"/>
      <c r="R2522" s="52"/>
      <c r="S2522" s="52"/>
      <c r="T2522" s="52"/>
      <c r="U2522" s="52"/>
      <c r="V2522" s="52"/>
      <c r="W2522" s="52"/>
    </row>
    <row r="2523" spans="1:23" hidden="1" x14ac:dyDescent="0.35">
      <c r="A2523" s="52" t="s">
        <v>78</v>
      </c>
      <c r="B2523" s="52" t="s">
        <v>79</v>
      </c>
      <c r="C2523" s="3">
        <v>20</v>
      </c>
      <c r="D2523" s="52" t="s">
        <v>2020</v>
      </c>
      <c r="E2523" s="52" t="s">
        <v>26</v>
      </c>
      <c r="F2523" s="52" t="s">
        <v>81</v>
      </c>
      <c r="G2523" s="52" t="s">
        <v>82</v>
      </c>
      <c r="H2523" s="4">
        <v>1</v>
      </c>
      <c r="I2523" s="2">
        <v>14.65</v>
      </c>
      <c r="J2523" s="52" t="s">
        <v>6722</v>
      </c>
      <c r="K2523" s="71" t="s">
        <v>6723</v>
      </c>
      <c r="L2523" s="52" t="s">
        <v>2063</v>
      </c>
      <c r="M2523" s="72">
        <v>3734</v>
      </c>
      <c r="N2523" s="52" t="s">
        <v>2066</v>
      </c>
      <c r="O2523" s="52" t="s">
        <v>2067</v>
      </c>
      <c r="P2523" s="52"/>
      <c r="Q2523" s="52"/>
      <c r="R2523" s="52"/>
      <c r="S2523" s="52"/>
      <c r="T2523" s="52"/>
      <c r="U2523" s="52"/>
      <c r="V2523" s="52"/>
      <c r="W2523" s="52"/>
    </row>
    <row r="2524" spans="1:23" hidden="1" x14ac:dyDescent="0.35">
      <c r="A2524" s="52" t="s">
        <v>78</v>
      </c>
      <c r="B2524" s="52" t="s">
        <v>79</v>
      </c>
      <c r="C2524" s="3">
        <v>20</v>
      </c>
      <c r="D2524" s="52" t="s">
        <v>2019</v>
      </c>
      <c r="E2524" s="52" t="s">
        <v>26</v>
      </c>
      <c r="F2524" s="52" t="s">
        <v>81</v>
      </c>
      <c r="G2524" s="52" t="s">
        <v>82</v>
      </c>
      <c r="H2524" s="4">
        <v>1</v>
      </c>
      <c r="I2524" s="2">
        <v>14.65</v>
      </c>
      <c r="J2524" s="52" t="s">
        <v>6530</v>
      </c>
      <c r="K2524" s="71" t="s">
        <v>6724</v>
      </c>
      <c r="L2524" s="52" t="s">
        <v>2063</v>
      </c>
      <c r="M2524" s="72">
        <v>6568</v>
      </c>
      <c r="N2524" s="52"/>
      <c r="O2524" s="52"/>
      <c r="P2524" s="52"/>
      <c r="Q2524" s="52"/>
      <c r="R2524" s="52"/>
      <c r="S2524" s="52"/>
      <c r="T2524" s="52"/>
      <c r="U2524" s="52"/>
      <c r="V2524" s="52"/>
      <c r="W2524" s="52"/>
    </row>
    <row r="2525" spans="1:23" hidden="1" x14ac:dyDescent="0.35">
      <c r="A2525" s="52" t="s">
        <v>78</v>
      </c>
      <c r="B2525" s="52" t="s">
        <v>79</v>
      </c>
      <c r="C2525" s="3">
        <v>10</v>
      </c>
      <c r="D2525" s="52" t="s">
        <v>2019</v>
      </c>
      <c r="E2525" s="52" t="s">
        <v>26</v>
      </c>
      <c r="F2525" s="52" t="s">
        <v>81</v>
      </c>
      <c r="G2525" s="52" t="s">
        <v>82</v>
      </c>
      <c r="H2525" s="4">
        <v>1</v>
      </c>
      <c r="I2525" s="2">
        <v>14.65</v>
      </c>
      <c r="J2525" s="52" t="s">
        <v>6725</v>
      </c>
      <c r="K2525" s="71" t="s">
        <v>6726</v>
      </c>
      <c r="L2525" s="52" t="s">
        <v>2063</v>
      </c>
      <c r="M2525" s="72">
        <v>8804</v>
      </c>
      <c r="N2525" s="52" t="s">
        <v>2072</v>
      </c>
      <c r="O2525" s="52" t="s">
        <v>2073</v>
      </c>
      <c r="P2525" s="52"/>
      <c r="Q2525" s="52"/>
      <c r="R2525" s="52"/>
      <c r="S2525" s="52"/>
      <c r="T2525" s="52"/>
      <c r="U2525" s="52"/>
      <c r="V2525" s="52"/>
      <c r="W2525" s="52"/>
    </row>
    <row r="2526" spans="1:23" hidden="1" x14ac:dyDescent="0.35">
      <c r="A2526" s="52" t="s">
        <v>78</v>
      </c>
      <c r="B2526" s="52" t="s">
        <v>79</v>
      </c>
      <c r="C2526" s="3">
        <v>20</v>
      </c>
      <c r="D2526" s="52" t="s">
        <v>2020</v>
      </c>
      <c r="E2526" s="52" t="s">
        <v>26</v>
      </c>
      <c r="F2526" s="52" t="s">
        <v>81</v>
      </c>
      <c r="G2526" s="52" t="s">
        <v>82</v>
      </c>
      <c r="H2526" s="4">
        <v>1</v>
      </c>
      <c r="I2526" s="2">
        <v>14.65</v>
      </c>
      <c r="J2526" s="52" t="s">
        <v>6727</v>
      </c>
      <c r="K2526" s="71" t="s">
        <v>6728</v>
      </c>
      <c r="L2526" s="52" t="s">
        <v>2063</v>
      </c>
      <c r="M2526" s="72">
        <v>3047</v>
      </c>
      <c r="N2526" s="52" t="s">
        <v>2072</v>
      </c>
      <c r="O2526" s="52" t="s">
        <v>2073</v>
      </c>
      <c r="P2526" s="52" t="s">
        <v>2072</v>
      </c>
      <c r="Q2526" s="52" t="s">
        <v>2073</v>
      </c>
      <c r="R2526" s="52"/>
      <c r="S2526" s="52"/>
      <c r="T2526" s="52"/>
      <c r="U2526" s="52"/>
      <c r="V2526" s="52"/>
      <c r="W2526" s="52"/>
    </row>
    <row r="2527" spans="1:23" hidden="1" x14ac:dyDescent="0.35">
      <c r="A2527" s="52" t="s">
        <v>78</v>
      </c>
      <c r="B2527" s="52" t="s">
        <v>79</v>
      </c>
      <c r="C2527" s="3">
        <v>10</v>
      </c>
      <c r="D2527" s="52" t="s">
        <v>2022</v>
      </c>
      <c r="E2527" s="52" t="s">
        <v>26</v>
      </c>
      <c r="F2527" s="52" t="s">
        <v>81</v>
      </c>
      <c r="G2527" s="52" t="s">
        <v>82</v>
      </c>
      <c r="H2527" s="4">
        <v>1</v>
      </c>
      <c r="I2527" s="2">
        <v>14.65</v>
      </c>
      <c r="J2527" s="52" t="s">
        <v>6729</v>
      </c>
      <c r="K2527" s="71" t="s">
        <v>6730</v>
      </c>
      <c r="L2527" s="52" t="s">
        <v>2063</v>
      </c>
      <c r="M2527" s="72">
        <v>2350</v>
      </c>
      <c r="N2527" s="52" t="s">
        <v>2066</v>
      </c>
      <c r="O2527" s="52" t="s">
        <v>2067</v>
      </c>
      <c r="P2527" s="52"/>
      <c r="Q2527" s="52"/>
      <c r="R2527" s="52"/>
      <c r="S2527" s="52"/>
      <c r="T2527" s="52"/>
      <c r="U2527" s="52"/>
      <c r="V2527" s="52"/>
      <c r="W2527" s="52"/>
    </row>
    <row r="2528" spans="1:23" hidden="1" x14ac:dyDescent="0.35">
      <c r="A2528" s="52" t="s">
        <v>78</v>
      </c>
      <c r="B2528" s="52" t="s">
        <v>79</v>
      </c>
      <c r="C2528" s="3">
        <v>10</v>
      </c>
      <c r="D2528" s="52" t="s">
        <v>2019</v>
      </c>
      <c r="E2528" s="52" t="s">
        <v>26</v>
      </c>
      <c r="F2528" s="52" t="s">
        <v>81</v>
      </c>
      <c r="G2528" s="52" t="s">
        <v>82</v>
      </c>
      <c r="H2528" s="4">
        <v>1</v>
      </c>
      <c r="I2528" s="2">
        <v>14.65</v>
      </c>
      <c r="J2528" s="52" t="s">
        <v>6731</v>
      </c>
      <c r="K2528" s="71" t="s">
        <v>6732</v>
      </c>
      <c r="L2528" s="52" t="s">
        <v>2063</v>
      </c>
      <c r="M2528" s="72">
        <v>6746</v>
      </c>
      <c r="N2528" s="52"/>
      <c r="O2528" s="52"/>
      <c r="P2528" s="52"/>
      <c r="Q2528" s="52"/>
      <c r="R2528" s="52"/>
      <c r="S2528" s="52"/>
      <c r="T2528" s="52"/>
      <c r="U2528" s="52"/>
      <c r="V2528" s="52"/>
      <c r="W2528" s="52"/>
    </row>
    <row r="2529" spans="1:23" x14ac:dyDescent="0.35">
      <c r="A2529" s="52" t="s">
        <v>78</v>
      </c>
      <c r="B2529" s="52" t="s">
        <v>79</v>
      </c>
      <c r="C2529" s="3">
        <v>10</v>
      </c>
      <c r="D2529" s="52" t="s">
        <v>2024</v>
      </c>
      <c r="E2529" s="52" t="s">
        <v>26</v>
      </c>
      <c r="F2529" s="52" t="s">
        <v>81</v>
      </c>
      <c r="G2529" s="52" t="s">
        <v>82</v>
      </c>
      <c r="H2529" s="4">
        <v>1</v>
      </c>
      <c r="I2529" s="2">
        <v>14.65</v>
      </c>
      <c r="J2529" s="52" t="s">
        <v>6733</v>
      </c>
      <c r="K2529" s="71" t="s">
        <v>6734</v>
      </c>
      <c r="L2529" s="52" t="s">
        <v>2063</v>
      </c>
      <c r="M2529" s="72">
        <v>3156</v>
      </c>
      <c r="N2529" s="52" t="s">
        <v>2076</v>
      </c>
      <c r="O2529" s="52" t="s">
        <v>2077</v>
      </c>
      <c r="P2529" s="52"/>
      <c r="Q2529" s="52"/>
      <c r="R2529" s="52"/>
      <c r="S2529" s="52"/>
      <c r="T2529" s="52"/>
      <c r="U2529" s="52"/>
      <c r="V2529" s="52"/>
      <c r="W2529" s="52"/>
    </row>
    <row r="2530" spans="1:23" hidden="1" x14ac:dyDescent="0.35">
      <c r="A2530" s="52" t="s">
        <v>78</v>
      </c>
      <c r="B2530" s="52" t="s">
        <v>79</v>
      </c>
      <c r="C2530" s="3">
        <v>20</v>
      </c>
      <c r="D2530" s="52" t="s">
        <v>2021</v>
      </c>
      <c r="E2530" s="52" t="s">
        <v>26</v>
      </c>
      <c r="F2530" s="52" t="s">
        <v>81</v>
      </c>
      <c r="G2530" s="52" t="s">
        <v>82</v>
      </c>
      <c r="H2530" s="4">
        <v>1</v>
      </c>
      <c r="I2530" s="2">
        <v>14.65</v>
      </c>
      <c r="J2530" s="52" t="s">
        <v>6249</v>
      </c>
      <c r="K2530" s="71" t="s">
        <v>6735</v>
      </c>
      <c r="L2530" s="52" t="s">
        <v>2063</v>
      </c>
      <c r="M2530" s="72">
        <v>2327</v>
      </c>
      <c r="N2530" s="52" t="s">
        <v>2154</v>
      </c>
      <c r="O2530" s="52" t="s">
        <v>2155</v>
      </c>
      <c r="P2530" s="52"/>
      <c r="Q2530" s="52"/>
      <c r="R2530" s="52"/>
      <c r="S2530" s="52"/>
      <c r="T2530" s="52"/>
      <c r="U2530" s="52"/>
      <c r="V2530" s="52"/>
      <c r="W2530" s="52"/>
    </row>
    <row r="2531" spans="1:23" hidden="1" x14ac:dyDescent="0.35">
      <c r="A2531" s="52" t="s">
        <v>78</v>
      </c>
      <c r="B2531" s="52" t="s">
        <v>79</v>
      </c>
      <c r="C2531" s="3">
        <v>20</v>
      </c>
      <c r="D2531" s="52" t="s">
        <v>84</v>
      </c>
      <c r="E2531" s="52" t="s">
        <v>26</v>
      </c>
      <c r="F2531" s="52" t="s">
        <v>81</v>
      </c>
      <c r="G2531" s="52" t="s">
        <v>82</v>
      </c>
      <c r="H2531" s="4">
        <v>1</v>
      </c>
      <c r="I2531" s="2">
        <v>14.65</v>
      </c>
      <c r="J2531" s="52" t="s">
        <v>6736</v>
      </c>
      <c r="K2531" s="71" t="s">
        <v>6737</v>
      </c>
      <c r="L2531" s="52" t="s">
        <v>2063</v>
      </c>
      <c r="M2531" s="72">
        <v>5779</v>
      </c>
      <c r="N2531" s="52" t="s">
        <v>2072</v>
      </c>
      <c r="O2531" s="52" t="s">
        <v>2073</v>
      </c>
      <c r="P2531" s="52"/>
      <c r="Q2531" s="52"/>
      <c r="R2531" s="52"/>
      <c r="S2531" s="52"/>
      <c r="T2531" s="52"/>
      <c r="U2531" s="52"/>
      <c r="V2531" s="52"/>
      <c r="W2531" s="52"/>
    </row>
    <row r="2532" spans="1:23" hidden="1" x14ac:dyDescent="0.35">
      <c r="A2532" s="52" t="s">
        <v>78</v>
      </c>
      <c r="B2532" s="52" t="s">
        <v>79</v>
      </c>
      <c r="C2532" s="3">
        <v>10</v>
      </c>
      <c r="D2532" s="52" t="s">
        <v>2024</v>
      </c>
      <c r="E2532" s="52" t="s">
        <v>26</v>
      </c>
      <c r="F2532" s="52" t="s">
        <v>81</v>
      </c>
      <c r="G2532" s="52" t="s">
        <v>82</v>
      </c>
      <c r="H2532" s="4">
        <v>1</v>
      </c>
      <c r="I2532" s="2">
        <v>14.65</v>
      </c>
      <c r="J2532" s="52" t="s">
        <v>6738</v>
      </c>
      <c r="K2532" s="71" t="s">
        <v>6739</v>
      </c>
      <c r="L2532" s="52" t="s">
        <v>2063</v>
      </c>
      <c r="M2532" s="72">
        <v>5612</v>
      </c>
      <c r="N2532" s="52" t="s">
        <v>2066</v>
      </c>
      <c r="O2532" s="52" t="s">
        <v>2067</v>
      </c>
      <c r="P2532" s="52"/>
      <c r="Q2532" s="52"/>
      <c r="R2532" s="52"/>
      <c r="S2532" s="52"/>
      <c r="T2532" s="52"/>
      <c r="U2532" s="52"/>
      <c r="V2532" s="52"/>
      <c r="W2532" s="52"/>
    </row>
    <row r="2533" spans="1:23" hidden="1" x14ac:dyDescent="0.35">
      <c r="A2533" s="52" t="s">
        <v>78</v>
      </c>
      <c r="B2533" s="52" t="s">
        <v>79</v>
      </c>
      <c r="C2533" s="3">
        <v>10</v>
      </c>
      <c r="D2533" s="52" t="s">
        <v>2023</v>
      </c>
      <c r="E2533" s="52" t="s">
        <v>26</v>
      </c>
      <c r="F2533" s="52" t="s">
        <v>81</v>
      </c>
      <c r="G2533" s="52" t="s">
        <v>82</v>
      </c>
      <c r="H2533" s="4">
        <v>1</v>
      </c>
      <c r="I2533" s="2">
        <v>14.65</v>
      </c>
      <c r="J2533" s="52" t="s">
        <v>6740</v>
      </c>
      <c r="K2533" s="71" t="s">
        <v>6741</v>
      </c>
      <c r="L2533" s="52" t="s">
        <v>2063</v>
      </c>
      <c r="M2533" s="72">
        <v>6134</v>
      </c>
      <c r="N2533" s="52"/>
      <c r="O2533" s="52"/>
      <c r="P2533" s="52"/>
      <c r="Q2533" s="52"/>
      <c r="R2533" s="52"/>
      <c r="S2533" s="52"/>
      <c r="T2533" s="52"/>
      <c r="U2533" s="52"/>
      <c r="V2533" s="52"/>
      <c r="W2533" s="52"/>
    </row>
    <row r="2534" spans="1:23" hidden="1" x14ac:dyDescent="0.35">
      <c r="A2534" s="52" t="s">
        <v>78</v>
      </c>
      <c r="B2534" s="52" t="s">
        <v>79</v>
      </c>
      <c r="C2534" s="3">
        <v>10</v>
      </c>
      <c r="D2534" s="52" t="s">
        <v>2019</v>
      </c>
      <c r="E2534" s="52" t="s">
        <v>26</v>
      </c>
      <c r="F2534" s="52" t="s">
        <v>81</v>
      </c>
      <c r="G2534" s="52" t="s">
        <v>82</v>
      </c>
      <c r="H2534" s="4">
        <v>1</v>
      </c>
      <c r="I2534" s="2">
        <v>14.65</v>
      </c>
      <c r="J2534" s="52" t="s">
        <v>6186</v>
      </c>
      <c r="K2534" s="71" t="s">
        <v>6742</v>
      </c>
      <c r="L2534" s="52" t="s">
        <v>2063</v>
      </c>
      <c r="M2534" s="72">
        <v>9574</v>
      </c>
      <c r="N2534" s="52" t="s">
        <v>2072</v>
      </c>
      <c r="O2534" s="52" t="s">
        <v>2073</v>
      </c>
      <c r="P2534" s="52"/>
      <c r="Q2534" s="52"/>
      <c r="R2534" s="52"/>
      <c r="S2534" s="52"/>
      <c r="T2534" s="52"/>
      <c r="U2534" s="52"/>
      <c r="V2534" s="52"/>
      <c r="W2534" s="52"/>
    </row>
    <row r="2535" spans="1:23" hidden="1" x14ac:dyDescent="0.35">
      <c r="A2535" s="52" t="s">
        <v>78</v>
      </c>
      <c r="B2535" s="52" t="s">
        <v>79</v>
      </c>
      <c r="C2535" s="3">
        <v>10</v>
      </c>
      <c r="D2535" s="52" t="s">
        <v>2019</v>
      </c>
      <c r="E2535" s="52" t="s">
        <v>26</v>
      </c>
      <c r="F2535" s="52" t="s">
        <v>81</v>
      </c>
      <c r="G2535" s="52" t="s">
        <v>82</v>
      </c>
      <c r="H2535" s="4">
        <v>1</v>
      </c>
      <c r="I2535" s="2">
        <v>14.65</v>
      </c>
      <c r="J2535" s="52" t="s">
        <v>6743</v>
      </c>
      <c r="K2535" s="71" t="s">
        <v>6744</v>
      </c>
      <c r="L2535" s="52" t="s">
        <v>2063</v>
      </c>
      <c r="M2535" s="72">
        <v>3458</v>
      </c>
      <c r="N2535" s="52" t="s">
        <v>2072</v>
      </c>
      <c r="O2535" s="52" t="s">
        <v>2073</v>
      </c>
      <c r="P2535" s="52"/>
      <c r="Q2535" s="52"/>
      <c r="R2535" s="52"/>
      <c r="S2535" s="52"/>
      <c r="T2535" s="52"/>
      <c r="U2535" s="52"/>
      <c r="V2535" s="52"/>
      <c r="W2535" s="52"/>
    </row>
    <row r="2536" spans="1:23" hidden="1" x14ac:dyDescent="0.35">
      <c r="A2536" s="52" t="s">
        <v>78</v>
      </c>
      <c r="B2536" s="52" t="s">
        <v>79</v>
      </c>
      <c r="C2536" s="3">
        <v>10</v>
      </c>
      <c r="D2536" s="52" t="s">
        <v>2024</v>
      </c>
      <c r="E2536" s="52" t="s">
        <v>26</v>
      </c>
      <c r="F2536" s="52" t="s">
        <v>81</v>
      </c>
      <c r="G2536" s="52" t="s">
        <v>82</v>
      </c>
      <c r="H2536" s="4">
        <v>1</v>
      </c>
      <c r="I2536" s="2">
        <v>14.65</v>
      </c>
      <c r="J2536" s="52" t="s">
        <v>6745</v>
      </c>
      <c r="K2536" s="71" t="s">
        <v>6746</v>
      </c>
      <c r="L2536" s="52" t="s">
        <v>2063</v>
      </c>
      <c r="M2536" s="72">
        <v>3060</v>
      </c>
      <c r="N2536" s="52" t="s">
        <v>2072</v>
      </c>
      <c r="O2536" s="52" t="s">
        <v>2073</v>
      </c>
      <c r="P2536" s="52"/>
      <c r="Q2536" s="52"/>
      <c r="R2536" s="52"/>
      <c r="S2536" s="52"/>
      <c r="T2536" s="52"/>
      <c r="U2536" s="52"/>
      <c r="V2536" s="52"/>
      <c r="W2536" s="52"/>
    </row>
    <row r="2537" spans="1:23" hidden="1" x14ac:dyDescent="0.35">
      <c r="A2537" s="52" t="s">
        <v>78</v>
      </c>
      <c r="B2537" s="52" t="s">
        <v>79</v>
      </c>
      <c r="C2537" s="3">
        <v>20</v>
      </c>
      <c r="D2537" s="52" t="s">
        <v>85</v>
      </c>
      <c r="E2537" s="52" t="s">
        <v>26</v>
      </c>
      <c r="F2537" s="52" t="s">
        <v>81</v>
      </c>
      <c r="G2537" s="52" t="s">
        <v>82</v>
      </c>
      <c r="H2537" s="4">
        <v>1</v>
      </c>
      <c r="I2537" s="2">
        <v>14.65</v>
      </c>
      <c r="J2537" s="52" t="s">
        <v>6747</v>
      </c>
      <c r="K2537" s="71" t="s">
        <v>6748</v>
      </c>
      <c r="L2537" s="52" t="s">
        <v>2063</v>
      </c>
      <c r="M2537" s="72">
        <v>2345</v>
      </c>
      <c r="N2537" s="52" t="s">
        <v>2072</v>
      </c>
      <c r="O2537" s="52" t="s">
        <v>2073</v>
      </c>
      <c r="P2537" s="52"/>
      <c r="Q2537" s="52"/>
      <c r="R2537" s="52"/>
      <c r="S2537" s="52"/>
      <c r="T2537" s="52"/>
      <c r="U2537" s="52"/>
      <c r="V2537" s="52"/>
      <c r="W2537" s="52"/>
    </row>
    <row r="2538" spans="1:23" hidden="1" x14ac:dyDescent="0.35">
      <c r="A2538" s="52" t="s">
        <v>78</v>
      </c>
      <c r="B2538" s="52" t="s">
        <v>79</v>
      </c>
      <c r="C2538" s="3">
        <v>10</v>
      </c>
      <c r="D2538" s="52" t="s">
        <v>85</v>
      </c>
      <c r="E2538" s="52" t="s">
        <v>26</v>
      </c>
      <c r="F2538" s="52" t="s">
        <v>81</v>
      </c>
      <c r="G2538" s="52" t="s">
        <v>82</v>
      </c>
      <c r="H2538" s="4">
        <v>1</v>
      </c>
      <c r="I2538" s="2">
        <v>14.65</v>
      </c>
      <c r="J2538" s="52" t="s">
        <v>6749</v>
      </c>
      <c r="K2538" s="71" t="s">
        <v>6750</v>
      </c>
      <c r="L2538" s="52" t="s">
        <v>2063</v>
      </c>
      <c r="M2538" s="72">
        <v>1472</v>
      </c>
      <c r="N2538" s="52" t="s">
        <v>2072</v>
      </c>
      <c r="O2538" s="52" t="s">
        <v>2073</v>
      </c>
      <c r="P2538" s="52"/>
      <c r="Q2538" s="52"/>
      <c r="R2538" s="52"/>
      <c r="S2538" s="52"/>
      <c r="T2538" s="52"/>
      <c r="U2538" s="52"/>
      <c r="V2538" s="52"/>
      <c r="W2538" s="52"/>
    </row>
    <row r="2539" spans="1:23" hidden="1" x14ac:dyDescent="0.35">
      <c r="A2539" s="52" t="s">
        <v>78</v>
      </c>
      <c r="B2539" s="52" t="s">
        <v>79</v>
      </c>
      <c r="C2539" s="3">
        <v>20</v>
      </c>
      <c r="D2539" s="52" t="s">
        <v>80</v>
      </c>
      <c r="E2539" s="52" t="s">
        <v>26</v>
      </c>
      <c r="F2539" s="52" t="s">
        <v>81</v>
      </c>
      <c r="G2539" s="52" t="s">
        <v>82</v>
      </c>
      <c r="H2539" s="4">
        <v>1</v>
      </c>
      <c r="I2539" s="2">
        <v>14.65</v>
      </c>
      <c r="J2539" s="52" t="s">
        <v>6751</v>
      </c>
      <c r="K2539" s="71" t="s">
        <v>6752</v>
      </c>
      <c r="L2539" s="52" t="s">
        <v>2063</v>
      </c>
      <c r="M2539" s="72">
        <v>2213</v>
      </c>
      <c r="N2539" s="52" t="s">
        <v>2195</v>
      </c>
      <c r="O2539" s="52" t="s">
        <v>2196</v>
      </c>
      <c r="P2539" s="52" t="s">
        <v>2195</v>
      </c>
      <c r="Q2539" s="52" t="s">
        <v>2196</v>
      </c>
      <c r="R2539" s="52"/>
      <c r="S2539" s="52"/>
      <c r="T2539" s="52"/>
      <c r="U2539" s="52"/>
      <c r="V2539" s="52"/>
      <c r="W2539" s="52"/>
    </row>
    <row r="2540" spans="1:23" x14ac:dyDescent="0.35">
      <c r="A2540" s="52" t="s">
        <v>78</v>
      </c>
      <c r="B2540" s="52" t="s">
        <v>79</v>
      </c>
      <c r="C2540" s="3">
        <v>20</v>
      </c>
      <c r="D2540" s="52" t="s">
        <v>85</v>
      </c>
      <c r="E2540" s="52" t="s">
        <v>26</v>
      </c>
      <c r="F2540" s="52" t="s">
        <v>81</v>
      </c>
      <c r="G2540" s="52" t="s">
        <v>82</v>
      </c>
      <c r="H2540" s="4">
        <v>1</v>
      </c>
      <c r="I2540" s="2">
        <v>14.65</v>
      </c>
      <c r="J2540" s="52" t="s">
        <v>6753</v>
      </c>
      <c r="K2540" s="71" t="s">
        <v>6754</v>
      </c>
      <c r="L2540" s="52" t="s">
        <v>2063</v>
      </c>
      <c r="M2540" s="72">
        <v>9156</v>
      </c>
      <c r="N2540" s="52" t="s">
        <v>2238</v>
      </c>
      <c r="O2540" s="52" t="s">
        <v>2239</v>
      </c>
      <c r="P2540" s="52"/>
      <c r="Q2540" s="52"/>
      <c r="R2540" s="52"/>
      <c r="S2540" s="52"/>
      <c r="T2540" s="52"/>
      <c r="U2540" s="52"/>
      <c r="V2540" s="52"/>
      <c r="W2540" s="52"/>
    </row>
    <row r="2541" spans="1:23" hidden="1" x14ac:dyDescent="0.35">
      <c r="A2541" s="52" t="s">
        <v>78</v>
      </c>
      <c r="B2541" s="52" t="s">
        <v>79</v>
      </c>
      <c r="C2541" s="3">
        <v>211</v>
      </c>
      <c r="D2541" s="52" t="s">
        <v>2023</v>
      </c>
      <c r="E2541" s="52" t="s">
        <v>26</v>
      </c>
      <c r="F2541" s="52" t="s">
        <v>81</v>
      </c>
      <c r="G2541" s="52" t="s">
        <v>82</v>
      </c>
      <c r="H2541" s="4">
        <v>1</v>
      </c>
      <c r="I2541" s="2">
        <v>14.65</v>
      </c>
      <c r="J2541" s="52" t="s">
        <v>6755</v>
      </c>
      <c r="K2541" s="71" t="s">
        <v>6756</v>
      </c>
      <c r="L2541" s="52" t="s">
        <v>2063</v>
      </c>
      <c r="M2541" s="72">
        <v>2110</v>
      </c>
      <c r="N2541" s="52" t="s">
        <v>2072</v>
      </c>
      <c r="O2541" s="52" t="s">
        <v>2073</v>
      </c>
      <c r="P2541" s="52"/>
      <c r="Q2541" s="52"/>
      <c r="R2541" s="52"/>
      <c r="S2541" s="52"/>
      <c r="T2541" s="52"/>
      <c r="U2541" s="52"/>
      <c r="V2541" s="52"/>
      <c r="W2541" s="52"/>
    </row>
    <row r="2542" spans="1:23" hidden="1" x14ac:dyDescent="0.35">
      <c r="A2542" s="52" t="s">
        <v>78</v>
      </c>
      <c r="B2542" s="52" t="s">
        <v>79</v>
      </c>
      <c r="C2542" s="3">
        <v>20</v>
      </c>
      <c r="D2542" s="52" t="s">
        <v>80</v>
      </c>
      <c r="E2542" s="52" t="s">
        <v>26</v>
      </c>
      <c r="F2542" s="52" t="s">
        <v>81</v>
      </c>
      <c r="G2542" s="52" t="s">
        <v>82</v>
      </c>
      <c r="H2542" s="4">
        <v>1</v>
      </c>
      <c r="I2542" s="2">
        <v>14.65</v>
      </c>
      <c r="J2542" s="52" t="s">
        <v>6757</v>
      </c>
      <c r="K2542" s="71" t="s">
        <v>6758</v>
      </c>
      <c r="L2542" s="52" t="s">
        <v>2063</v>
      </c>
      <c r="M2542" s="72">
        <v>9168</v>
      </c>
      <c r="N2542" s="52"/>
      <c r="O2542" s="52"/>
      <c r="P2542" s="52"/>
      <c r="Q2542" s="52"/>
      <c r="R2542" s="52"/>
      <c r="S2542" s="52"/>
      <c r="T2542" s="52"/>
      <c r="U2542" s="52"/>
      <c r="V2542" s="52"/>
      <c r="W2542" s="52"/>
    </row>
    <row r="2543" spans="1:23" hidden="1" x14ac:dyDescent="0.35">
      <c r="A2543" s="52" t="s">
        <v>78</v>
      </c>
      <c r="B2543" s="52" t="s">
        <v>79</v>
      </c>
      <c r="C2543" s="3">
        <v>20</v>
      </c>
      <c r="D2543" s="52" t="s">
        <v>84</v>
      </c>
      <c r="E2543" s="52" t="s">
        <v>26</v>
      </c>
      <c r="F2543" s="52" t="s">
        <v>81</v>
      </c>
      <c r="G2543" s="52" t="s">
        <v>82</v>
      </c>
      <c r="H2543" s="4">
        <v>1</v>
      </c>
      <c r="I2543" s="2">
        <v>14.65</v>
      </c>
      <c r="J2543" s="52" t="s">
        <v>6759</v>
      </c>
      <c r="K2543" s="71" t="s">
        <v>6760</v>
      </c>
      <c r="L2543" s="52" t="s">
        <v>2063</v>
      </c>
      <c r="M2543" s="72">
        <v>7372</v>
      </c>
      <c r="N2543" s="52" t="s">
        <v>2072</v>
      </c>
      <c r="O2543" s="52" t="s">
        <v>2073</v>
      </c>
      <c r="P2543" s="52"/>
      <c r="Q2543" s="52"/>
      <c r="R2543" s="52"/>
      <c r="S2543" s="52"/>
      <c r="T2543" s="52"/>
      <c r="U2543" s="52"/>
      <c r="V2543" s="52"/>
      <c r="W2543" s="52"/>
    </row>
    <row r="2544" spans="1:23" hidden="1" x14ac:dyDescent="0.35">
      <c r="A2544" s="52" t="s">
        <v>78</v>
      </c>
      <c r="B2544" s="52" t="s">
        <v>79</v>
      </c>
      <c r="C2544" s="3">
        <v>10</v>
      </c>
      <c r="D2544" s="52" t="s">
        <v>86</v>
      </c>
      <c r="E2544" s="52" t="s">
        <v>26</v>
      </c>
      <c r="F2544" s="52" t="s">
        <v>81</v>
      </c>
      <c r="G2544" s="52" t="s">
        <v>82</v>
      </c>
      <c r="H2544" s="4">
        <v>1</v>
      </c>
      <c r="I2544" s="2">
        <v>14.65</v>
      </c>
      <c r="J2544" s="52" t="s">
        <v>6761</v>
      </c>
      <c r="K2544" s="71" t="s">
        <v>6762</v>
      </c>
      <c r="L2544" s="52" t="s">
        <v>2063</v>
      </c>
      <c r="M2544" s="72">
        <v>5177</v>
      </c>
      <c r="N2544" s="52" t="s">
        <v>2072</v>
      </c>
      <c r="O2544" s="52" t="s">
        <v>2073</v>
      </c>
      <c r="P2544" s="52"/>
      <c r="Q2544" s="52"/>
      <c r="R2544" s="52"/>
      <c r="S2544" s="52"/>
      <c r="T2544" s="52"/>
      <c r="U2544" s="52"/>
      <c r="V2544" s="52"/>
      <c r="W2544" s="52"/>
    </row>
    <row r="2545" spans="1:23" hidden="1" x14ac:dyDescent="0.35">
      <c r="A2545" s="52" t="s">
        <v>78</v>
      </c>
      <c r="B2545" s="52" t="s">
        <v>79</v>
      </c>
      <c r="C2545" s="3">
        <v>221</v>
      </c>
      <c r="D2545" s="52" t="s">
        <v>2024</v>
      </c>
      <c r="E2545" s="52" t="s">
        <v>26</v>
      </c>
      <c r="F2545" s="52" t="s">
        <v>81</v>
      </c>
      <c r="G2545" s="52" t="s">
        <v>82</v>
      </c>
      <c r="H2545" s="4">
        <v>1</v>
      </c>
      <c r="I2545" s="2">
        <v>14.65</v>
      </c>
      <c r="J2545" s="52" t="s">
        <v>6763</v>
      </c>
      <c r="K2545" s="71" t="s">
        <v>6764</v>
      </c>
      <c r="L2545" s="52" t="s">
        <v>2063</v>
      </c>
      <c r="M2545" s="72">
        <v>9035</v>
      </c>
      <c r="N2545" s="52" t="s">
        <v>2066</v>
      </c>
      <c r="O2545" s="52" t="s">
        <v>2067</v>
      </c>
      <c r="P2545" s="52"/>
      <c r="Q2545" s="52"/>
      <c r="R2545" s="52"/>
      <c r="S2545" s="52"/>
      <c r="T2545" s="52"/>
      <c r="U2545" s="52"/>
      <c r="V2545" s="52"/>
      <c r="W2545" s="52"/>
    </row>
    <row r="2546" spans="1:23" hidden="1" x14ac:dyDescent="0.35">
      <c r="A2546" s="52" t="s">
        <v>78</v>
      </c>
      <c r="B2546" s="52" t="s">
        <v>79</v>
      </c>
      <c r="C2546" s="3">
        <v>20</v>
      </c>
      <c r="D2546" s="52" t="s">
        <v>2023</v>
      </c>
      <c r="E2546" s="52" t="s">
        <v>26</v>
      </c>
      <c r="F2546" s="52" t="s">
        <v>81</v>
      </c>
      <c r="G2546" s="52" t="s">
        <v>82</v>
      </c>
      <c r="H2546" s="4">
        <v>1</v>
      </c>
      <c r="I2546" s="2">
        <v>14.65</v>
      </c>
      <c r="J2546" s="52" t="s">
        <v>6765</v>
      </c>
      <c r="K2546" s="71" t="s">
        <v>6766</v>
      </c>
      <c r="L2546" s="52" t="s">
        <v>2063</v>
      </c>
      <c r="M2546" s="72">
        <v>7467</v>
      </c>
      <c r="N2546" s="52" t="s">
        <v>2066</v>
      </c>
      <c r="O2546" s="52" t="s">
        <v>2067</v>
      </c>
      <c r="P2546" s="52"/>
      <c r="Q2546" s="52"/>
      <c r="R2546" s="52"/>
      <c r="S2546" s="52"/>
      <c r="T2546" s="52"/>
      <c r="U2546" s="52"/>
      <c r="V2546" s="52"/>
      <c r="W2546" s="52"/>
    </row>
    <row r="2547" spans="1:23" hidden="1" x14ac:dyDescent="0.35">
      <c r="A2547" s="52" t="s">
        <v>78</v>
      </c>
      <c r="B2547" s="52" t="s">
        <v>79</v>
      </c>
      <c r="C2547" s="3">
        <v>10</v>
      </c>
      <c r="D2547" s="52" t="s">
        <v>87</v>
      </c>
      <c r="E2547" s="52" t="s">
        <v>26</v>
      </c>
      <c r="F2547" s="52" t="s">
        <v>81</v>
      </c>
      <c r="G2547" s="52" t="s">
        <v>82</v>
      </c>
      <c r="H2547" s="4">
        <v>1</v>
      </c>
      <c r="I2547" s="2">
        <v>14.65</v>
      </c>
      <c r="J2547" s="52" t="s">
        <v>6767</v>
      </c>
      <c r="K2547" s="71" t="s">
        <v>6768</v>
      </c>
      <c r="L2547" s="52" t="s">
        <v>2063</v>
      </c>
      <c r="M2547" s="72">
        <v>4956</v>
      </c>
      <c r="N2547" s="52" t="s">
        <v>2072</v>
      </c>
      <c r="O2547" s="52" t="s">
        <v>2073</v>
      </c>
      <c r="P2547" s="52"/>
      <c r="Q2547" s="52"/>
      <c r="R2547" s="52"/>
      <c r="S2547" s="52"/>
      <c r="T2547" s="52"/>
      <c r="U2547" s="52"/>
      <c r="V2547" s="52"/>
      <c r="W2547" s="52"/>
    </row>
    <row r="2548" spans="1:23" hidden="1" x14ac:dyDescent="0.35">
      <c r="A2548" s="52" t="s">
        <v>78</v>
      </c>
      <c r="B2548" s="52" t="s">
        <v>79</v>
      </c>
      <c r="C2548" s="3">
        <v>10</v>
      </c>
      <c r="D2548" s="52" t="s">
        <v>84</v>
      </c>
      <c r="E2548" s="52" t="s">
        <v>26</v>
      </c>
      <c r="F2548" s="52" t="s">
        <v>81</v>
      </c>
      <c r="G2548" s="52" t="s">
        <v>82</v>
      </c>
      <c r="H2548" s="4">
        <v>1</v>
      </c>
      <c r="I2548" s="2">
        <v>14.65</v>
      </c>
      <c r="J2548" s="52" t="s">
        <v>6769</v>
      </c>
      <c r="K2548" s="71" t="s">
        <v>6770</v>
      </c>
      <c r="L2548" s="52" t="s">
        <v>2095</v>
      </c>
      <c r="M2548" s="72">
        <v>31</v>
      </c>
      <c r="N2548" s="52" t="s">
        <v>2072</v>
      </c>
      <c r="O2548" s="52" t="s">
        <v>2073</v>
      </c>
      <c r="P2548" s="52"/>
      <c r="Q2548" s="52"/>
      <c r="R2548" s="52"/>
      <c r="S2548" s="52"/>
      <c r="T2548" s="52"/>
      <c r="U2548" s="52"/>
      <c r="V2548" s="52"/>
      <c r="W2548" s="52"/>
    </row>
    <row r="2549" spans="1:23" x14ac:dyDescent="0.35">
      <c r="A2549" s="52" t="s">
        <v>78</v>
      </c>
      <c r="B2549" s="52" t="s">
        <v>79</v>
      </c>
      <c r="C2549" s="3">
        <v>211</v>
      </c>
      <c r="D2549" s="52" t="s">
        <v>80</v>
      </c>
      <c r="E2549" s="52" t="s">
        <v>26</v>
      </c>
      <c r="F2549" s="52" t="s">
        <v>81</v>
      </c>
      <c r="G2549" s="52" t="s">
        <v>82</v>
      </c>
      <c r="H2549" s="4">
        <v>1</v>
      </c>
      <c r="I2549" s="2">
        <v>14.65</v>
      </c>
      <c r="J2549" s="52" t="s">
        <v>4709</v>
      </c>
      <c r="K2549" s="71" t="s">
        <v>6771</v>
      </c>
      <c r="L2549" s="52" t="s">
        <v>2063</v>
      </c>
      <c r="M2549" s="72">
        <v>9150</v>
      </c>
      <c r="N2549" s="52" t="s">
        <v>2259</v>
      </c>
      <c r="O2549" s="52" t="s">
        <v>2260</v>
      </c>
      <c r="P2549" s="52"/>
      <c r="Q2549" s="52"/>
      <c r="R2549" s="52"/>
      <c r="S2549" s="52"/>
      <c r="T2549" s="52"/>
      <c r="U2549" s="52"/>
      <c r="V2549" s="52"/>
      <c r="W2549" s="52"/>
    </row>
    <row r="2550" spans="1:23" hidden="1" x14ac:dyDescent="0.35">
      <c r="A2550" s="52" t="s">
        <v>78</v>
      </c>
      <c r="B2550" s="52" t="s">
        <v>79</v>
      </c>
      <c r="C2550" s="3">
        <v>20</v>
      </c>
      <c r="D2550" s="52" t="s">
        <v>2024</v>
      </c>
      <c r="E2550" s="52" t="s">
        <v>26</v>
      </c>
      <c r="F2550" s="52" t="s">
        <v>81</v>
      </c>
      <c r="G2550" s="52" t="s">
        <v>82</v>
      </c>
      <c r="H2550" s="4">
        <v>1</v>
      </c>
      <c r="I2550" s="2">
        <v>14.65</v>
      </c>
      <c r="J2550" s="52" t="s">
        <v>6772</v>
      </c>
      <c r="K2550" s="71" t="s">
        <v>6773</v>
      </c>
      <c r="L2550" s="52" t="s">
        <v>2063</v>
      </c>
      <c r="M2550" s="72">
        <v>6560</v>
      </c>
      <c r="N2550" s="52" t="s">
        <v>2072</v>
      </c>
      <c r="O2550" s="52" t="s">
        <v>2073</v>
      </c>
      <c r="P2550" s="52"/>
      <c r="Q2550" s="52"/>
      <c r="R2550" s="52"/>
      <c r="S2550" s="52"/>
      <c r="T2550" s="52"/>
      <c r="U2550" s="52"/>
      <c r="V2550" s="52"/>
      <c r="W2550" s="52"/>
    </row>
    <row r="2551" spans="1:23" hidden="1" x14ac:dyDescent="0.35">
      <c r="A2551" s="52" t="s">
        <v>78</v>
      </c>
      <c r="B2551" s="52" t="s">
        <v>79</v>
      </c>
      <c r="C2551" s="3">
        <v>211</v>
      </c>
      <c r="D2551" s="52" t="s">
        <v>2022</v>
      </c>
      <c r="E2551" s="52" t="s">
        <v>26</v>
      </c>
      <c r="F2551" s="52" t="s">
        <v>81</v>
      </c>
      <c r="G2551" s="52" t="s">
        <v>82</v>
      </c>
      <c r="H2551" s="4">
        <v>1</v>
      </c>
      <c r="I2551" s="2">
        <v>14.65</v>
      </c>
      <c r="J2551" s="52" t="s">
        <v>6774</v>
      </c>
      <c r="K2551" s="71" t="s">
        <v>6775</v>
      </c>
      <c r="L2551" s="52" t="s">
        <v>2063</v>
      </c>
      <c r="M2551" s="72">
        <v>6870</v>
      </c>
      <c r="N2551" s="52" t="s">
        <v>2066</v>
      </c>
      <c r="O2551" s="52" t="s">
        <v>2067</v>
      </c>
      <c r="P2551" s="52"/>
      <c r="Q2551" s="52"/>
      <c r="R2551" s="52"/>
      <c r="S2551" s="52"/>
      <c r="T2551" s="52"/>
      <c r="U2551" s="52"/>
      <c r="V2551" s="52"/>
      <c r="W2551" s="52"/>
    </row>
    <row r="2552" spans="1:23" hidden="1" x14ac:dyDescent="0.35">
      <c r="A2552" s="52" t="s">
        <v>78</v>
      </c>
      <c r="B2552" s="52" t="s">
        <v>79</v>
      </c>
      <c r="C2552" s="3">
        <v>20</v>
      </c>
      <c r="D2552" s="52" t="s">
        <v>80</v>
      </c>
      <c r="E2552" s="52" t="s">
        <v>26</v>
      </c>
      <c r="F2552" s="52" t="s">
        <v>81</v>
      </c>
      <c r="G2552" s="52" t="s">
        <v>82</v>
      </c>
      <c r="H2552" s="4">
        <v>1</v>
      </c>
      <c r="I2552" s="2">
        <v>14.65</v>
      </c>
      <c r="J2552" s="52" t="s">
        <v>6776</v>
      </c>
      <c r="K2552" s="71" t="s">
        <v>6777</v>
      </c>
      <c r="L2552" s="52" t="s">
        <v>2063</v>
      </c>
      <c r="M2552" s="72">
        <v>4718</v>
      </c>
      <c r="N2552" s="52" t="s">
        <v>2072</v>
      </c>
      <c r="O2552" s="52" t="s">
        <v>2073</v>
      </c>
      <c r="P2552" s="52"/>
      <c r="Q2552" s="52"/>
      <c r="R2552" s="52"/>
      <c r="S2552" s="52"/>
      <c r="T2552" s="52"/>
      <c r="U2552" s="52"/>
      <c r="V2552" s="52"/>
      <c r="W2552" s="52"/>
    </row>
    <row r="2553" spans="1:23" hidden="1" x14ac:dyDescent="0.35">
      <c r="A2553" s="52" t="s">
        <v>78</v>
      </c>
      <c r="B2553" s="52" t="s">
        <v>79</v>
      </c>
      <c r="C2553" s="3">
        <v>20</v>
      </c>
      <c r="D2553" s="52" t="s">
        <v>2023</v>
      </c>
      <c r="E2553" s="52" t="s">
        <v>26</v>
      </c>
      <c r="F2553" s="52" t="s">
        <v>81</v>
      </c>
      <c r="G2553" s="52" t="s">
        <v>82</v>
      </c>
      <c r="H2553" s="4">
        <v>1</v>
      </c>
      <c r="I2553" s="2">
        <v>14.65</v>
      </c>
      <c r="J2553" s="52" t="s">
        <v>6778</v>
      </c>
      <c r="K2553" s="71" t="s">
        <v>6779</v>
      </c>
      <c r="L2553" s="52" t="s">
        <v>2063</v>
      </c>
      <c r="M2553" s="72">
        <v>8004</v>
      </c>
      <c r="N2553" s="52"/>
      <c r="O2553" s="52"/>
      <c r="P2553" s="52"/>
      <c r="Q2553" s="52"/>
      <c r="R2553" s="52"/>
      <c r="S2553" s="52"/>
      <c r="T2553" s="52"/>
      <c r="U2553" s="52"/>
      <c r="V2553" s="52"/>
      <c r="W2553" s="52"/>
    </row>
    <row r="2554" spans="1:23" hidden="1" x14ac:dyDescent="0.35">
      <c r="A2554" s="52" t="s">
        <v>78</v>
      </c>
      <c r="B2554" s="52" t="s">
        <v>79</v>
      </c>
      <c r="C2554" s="3">
        <v>20</v>
      </c>
      <c r="D2554" s="52" t="s">
        <v>2019</v>
      </c>
      <c r="E2554" s="52" t="s">
        <v>26</v>
      </c>
      <c r="F2554" s="52" t="s">
        <v>81</v>
      </c>
      <c r="G2554" s="52" t="s">
        <v>82</v>
      </c>
      <c r="H2554" s="4">
        <v>1</v>
      </c>
      <c r="I2554" s="2">
        <v>14.65</v>
      </c>
      <c r="J2554" s="52" t="s">
        <v>6780</v>
      </c>
      <c r="K2554" s="71" t="s">
        <v>6781</v>
      </c>
      <c r="L2554" s="52" t="s">
        <v>2063</v>
      </c>
      <c r="M2554" s="72">
        <v>1892</v>
      </c>
      <c r="N2554" s="52"/>
      <c r="O2554" s="52"/>
      <c r="P2554" s="52"/>
      <c r="Q2554" s="52"/>
      <c r="R2554" s="52"/>
      <c r="S2554" s="52"/>
      <c r="T2554" s="52"/>
      <c r="U2554" s="52"/>
      <c r="V2554" s="52"/>
      <c r="W2554" s="52"/>
    </row>
    <row r="2555" spans="1:23" hidden="1" x14ac:dyDescent="0.35">
      <c r="A2555" s="52" t="s">
        <v>78</v>
      </c>
      <c r="B2555" s="52" t="s">
        <v>79</v>
      </c>
      <c r="C2555" s="3">
        <v>20</v>
      </c>
      <c r="D2555" s="52" t="s">
        <v>2019</v>
      </c>
      <c r="E2555" s="52" t="s">
        <v>26</v>
      </c>
      <c r="F2555" s="52" t="s">
        <v>81</v>
      </c>
      <c r="G2555" s="52" t="s">
        <v>82</v>
      </c>
      <c r="H2555" s="4">
        <v>1</v>
      </c>
      <c r="I2555" s="2">
        <v>14.65</v>
      </c>
      <c r="J2555" s="52" t="s">
        <v>6509</v>
      </c>
      <c r="K2555" s="71" t="s">
        <v>6782</v>
      </c>
      <c r="L2555" s="52" t="s">
        <v>2063</v>
      </c>
      <c r="M2555" s="72">
        <v>6837</v>
      </c>
      <c r="N2555" s="52" t="s">
        <v>2072</v>
      </c>
      <c r="O2555" s="52" t="s">
        <v>2073</v>
      </c>
      <c r="P2555" s="52"/>
      <c r="Q2555" s="52"/>
      <c r="R2555" s="52"/>
      <c r="S2555" s="52"/>
      <c r="T2555" s="52"/>
      <c r="U2555" s="52"/>
      <c r="V2555" s="52"/>
      <c r="W2555" s="52"/>
    </row>
    <row r="2556" spans="1:23" hidden="1" x14ac:dyDescent="0.35">
      <c r="A2556" s="52" t="s">
        <v>78</v>
      </c>
      <c r="B2556" s="52" t="s">
        <v>79</v>
      </c>
      <c r="C2556" s="3">
        <v>20</v>
      </c>
      <c r="D2556" s="52" t="s">
        <v>2023</v>
      </c>
      <c r="E2556" s="52" t="s">
        <v>26</v>
      </c>
      <c r="F2556" s="52" t="s">
        <v>81</v>
      </c>
      <c r="G2556" s="52" t="s">
        <v>82</v>
      </c>
      <c r="H2556" s="4">
        <v>1</v>
      </c>
      <c r="I2556" s="2">
        <v>14.65</v>
      </c>
      <c r="J2556" s="52" t="s">
        <v>6783</v>
      </c>
      <c r="K2556" s="71" t="s">
        <v>6784</v>
      </c>
      <c r="L2556" s="52" t="s">
        <v>2095</v>
      </c>
      <c r="M2556" s="72">
        <v>6316</v>
      </c>
      <c r="N2556" s="52"/>
      <c r="O2556" s="52"/>
      <c r="P2556" s="52"/>
      <c r="Q2556" s="52"/>
      <c r="R2556" s="52"/>
      <c r="S2556" s="52"/>
      <c r="T2556" s="52"/>
      <c r="U2556" s="52"/>
      <c r="V2556" s="52"/>
      <c r="W2556" s="52"/>
    </row>
    <row r="2557" spans="1:23" hidden="1" x14ac:dyDescent="0.35">
      <c r="A2557" s="52" t="s">
        <v>78</v>
      </c>
      <c r="B2557" s="52" t="s">
        <v>79</v>
      </c>
      <c r="C2557" s="3">
        <v>20</v>
      </c>
      <c r="D2557" s="52" t="s">
        <v>86</v>
      </c>
      <c r="E2557" s="52" t="s">
        <v>26</v>
      </c>
      <c r="F2557" s="52" t="s">
        <v>81</v>
      </c>
      <c r="G2557" s="52" t="s">
        <v>82</v>
      </c>
      <c r="H2557" s="4">
        <v>1</v>
      </c>
      <c r="I2557" s="2">
        <v>14.65</v>
      </c>
      <c r="J2557" s="52" t="s">
        <v>6785</v>
      </c>
      <c r="K2557" s="71" t="s">
        <v>6786</v>
      </c>
      <c r="L2557" s="52" t="s">
        <v>2063</v>
      </c>
      <c r="M2557" s="72">
        <v>6994</v>
      </c>
      <c r="N2557" s="52" t="s">
        <v>2072</v>
      </c>
      <c r="O2557" s="52" t="s">
        <v>2073</v>
      </c>
      <c r="P2557" s="52"/>
      <c r="Q2557" s="52"/>
      <c r="R2557" s="52"/>
      <c r="S2557" s="52"/>
      <c r="T2557" s="52"/>
      <c r="U2557" s="52"/>
      <c r="V2557" s="52"/>
      <c r="W2557" s="52"/>
    </row>
    <row r="2558" spans="1:23" hidden="1" x14ac:dyDescent="0.35">
      <c r="A2558" s="52" t="s">
        <v>78</v>
      </c>
      <c r="B2558" s="52" t="s">
        <v>79</v>
      </c>
      <c r="C2558" s="3">
        <v>10</v>
      </c>
      <c r="D2558" s="52" t="s">
        <v>2021</v>
      </c>
      <c r="E2558" s="52" t="s">
        <v>26</v>
      </c>
      <c r="F2558" s="52" t="s">
        <v>81</v>
      </c>
      <c r="G2558" s="52" t="s">
        <v>82</v>
      </c>
      <c r="H2558" s="4">
        <v>1</v>
      </c>
      <c r="I2558" s="2">
        <v>14.65</v>
      </c>
      <c r="J2558" s="52" t="s">
        <v>6787</v>
      </c>
      <c r="K2558" s="71" t="s">
        <v>6788</v>
      </c>
      <c r="L2558" s="52" t="s">
        <v>2063</v>
      </c>
      <c r="M2558" s="72">
        <v>7015</v>
      </c>
      <c r="N2558" s="52" t="s">
        <v>2158</v>
      </c>
      <c r="O2558" s="52" t="s">
        <v>2159</v>
      </c>
      <c r="P2558" s="52"/>
      <c r="Q2558" s="52"/>
      <c r="R2558" s="52"/>
      <c r="S2558" s="52"/>
      <c r="T2558" s="52"/>
      <c r="U2558" s="52"/>
      <c r="V2558" s="52"/>
      <c r="W2558" s="52"/>
    </row>
    <row r="2559" spans="1:23" hidden="1" x14ac:dyDescent="0.35">
      <c r="A2559" s="52" t="s">
        <v>78</v>
      </c>
      <c r="B2559" s="52" t="s">
        <v>79</v>
      </c>
      <c r="C2559" s="3">
        <v>20</v>
      </c>
      <c r="D2559" s="52" t="s">
        <v>86</v>
      </c>
      <c r="E2559" s="52" t="s">
        <v>26</v>
      </c>
      <c r="F2559" s="52" t="s">
        <v>81</v>
      </c>
      <c r="G2559" s="52" t="s">
        <v>82</v>
      </c>
      <c r="H2559" s="4">
        <v>1</v>
      </c>
      <c r="I2559" s="2">
        <v>14.65</v>
      </c>
      <c r="J2559" s="52" t="s">
        <v>6789</v>
      </c>
      <c r="K2559" s="71" t="s">
        <v>6790</v>
      </c>
      <c r="L2559" s="52" t="s">
        <v>2063</v>
      </c>
      <c r="M2559" s="72">
        <v>7057</v>
      </c>
      <c r="N2559" s="52" t="s">
        <v>2066</v>
      </c>
      <c r="O2559" s="52" t="s">
        <v>2067</v>
      </c>
      <c r="P2559" s="52"/>
      <c r="Q2559" s="52"/>
      <c r="R2559" s="52"/>
      <c r="S2559" s="52"/>
      <c r="T2559" s="52"/>
      <c r="U2559" s="52"/>
      <c r="V2559" s="52"/>
      <c r="W2559" s="52"/>
    </row>
    <row r="2560" spans="1:23" hidden="1" x14ac:dyDescent="0.35">
      <c r="A2560" s="52" t="s">
        <v>78</v>
      </c>
      <c r="B2560" s="52" t="s">
        <v>79</v>
      </c>
      <c r="C2560" s="3">
        <v>10</v>
      </c>
      <c r="D2560" s="52" t="s">
        <v>2023</v>
      </c>
      <c r="E2560" s="52" t="s">
        <v>26</v>
      </c>
      <c r="F2560" s="52" t="s">
        <v>81</v>
      </c>
      <c r="G2560" s="52" t="s">
        <v>82</v>
      </c>
      <c r="H2560" s="4">
        <v>1</v>
      </c>
      <c r="I2560" s="2">
        <v>14.65</v>
      </c>
      <c r="J2560" s="52" t="s">
        <v>6791</v>
      </c>
      <c r="K2560" s="71" t="s">
        <v>6792</v>
      </c>
      <c r="L2560" s="52" t="s">
        <v>2063</v>
      </c>
      <c r="M2560" s="72">
        <v>7416</v>
      </c>
      <c r="N2560" s="52" t="s">
        <v>2072</v>
      </c>
      <c r="O2560" s="52" t="s">
        <v>2073</v>
      </c>
      <c r="P2560" s="52"/>
      <c r="Q2560" s="52"/>
      <c r="R2560" s="52"/>
      <c r="S2560" s="52"/>
      <c r="T2560" s="52"/>
      <c r="U2560" s="52"/>
      <c r="V2560" s="52"/>
      <c r="W2560" s="52"/>
    </row>
    <row r="2561" spans="1:23" hidden="1" x14ac:dyDescent="0.35">
      <c r="A2561" s="52" t="s">
        <v>78</v>
      </c>
      <c r="B2561" s="52" t="s">
        <v>79</v>
      </c>
      <c r="C2561" s="3">
        <v>20</v>
      </c>
      <c r="D2561" s="52" t="s">
        <v>2024</v>
      </c>
      <c r="E2561" s="52" t="s">
        <v>26</v>
      </c>
      <c r="F2561" s="52" t="s">
        <v>81</v>
      </c>
      <c r="G2561" s="52" t="s">
        <v>82</v>
      </c>
      <c r="H2561" s="4">
        <v>1</v>
      </c>
      <c r="I2561" s="2">
        <v>14.65</v>
      </c>
      <c r="J2561" s="52" t="s">
        <v>6793</v>
      </c>
      <c r="K2561" s="71" t="s">
        <v>6794</v>
      </c>
      <c r="L2561" s="52" t="s">
        <v>2063</v>
      </c>
      <c r="M2561" s="72">
        <v>8901</v>
      </c>
      <c r="N2561" s="52" t="s">
        <v>2072</v>
      </c>
      <c r="O2561" s="52" t="s">
        <v>2073</v>
      </c>
      <c r="P2561" s="52"/>
      <c r="Q2561" s="52"/>
      <c r="R2561" s="52"/>
      <c r="S2561" s="52"/>
      <c r="T2561" s="52"/>
      <c r="U2561" s="52"/>
      <c r="V2561" s="52"/>
      <c r="W2561" s="52"/>
    </row>
    <row r="2562" spans="1:23" hidden="1" x14ac:dyDescent="0.35">
      <c r="A2562" s="52" t="s">
        <v>78</v>
      </c>
      <c r="B2562" s="52" t="s">
        <v>79</v>
      </c>
      <c r="C2562" s="3">
        <v>211</v>
      </c>
      <c r="D2562" s="52" t="s">
        <v>85</v>
      </c>
      <c r="E2562" s="52" t="s">
        <v>26</v>
      </c>
      <c r="F2562" s="52" t="s">
        <v>81</v>
      </c>
      <c r="G2562" s="52" t="s">
        <v>82</v>
      </c>
      <c r="H2562" s="4">
        <v>1</v>
      </c>
      <c r="I2562" s="2">
        <v>14.65</v>
      </c>
      <c r="J2562" s="52" t="s">
        <v>6795</v>
      </c>
      <c r="K2562" s="71" t="s">
        <v>6796</v>
      </c>
      <c r="L2562" s="52" t="s">
        <v>2063</v>
      </c>
      <c r="M2562" s="72">
        <v>967</v>
      </c>
      <c r="N2562" s="52" t="s">
        <v>2072</v>
      </c>
      <c r="O2562" s="52" t="s">
        <v>2073</v>
      </c>
      <c r="P2562" s="52"/>
      <c r="Q2562" s="52"/>
      <c r="R2562" s="52"/>
      <c r="S2562" s="52"/>
      <c r="T2562" s="52"/>
      <c r="U2562" s="52"/>
      <c r="V2562" s="52"/>
      <c r="W2562" s="52"/>
    </row>
    <row r="2563" spans="1:23" hidden="1" x14ac:dyDescent="0.35">
      <c r="A2563" s="52" t="s">
        <v>78</v>
      </c>
      <c r="B2563" s="52" t="s">
        <v>79</v>
      </c>
      <c r="C2563" s="3">
        <v>20</v>
      </c>
      <c r="D2563" s="52" t="s">
        <v>2022</v>
      </c>
      <c r="E2563" s="52" t="s">
        <v>26</v>
      </c>
      <c r="F2563" s="52" t="s">
        <v>81</v>
      </c>
      <c r="G2563" s="52" t="s">
        <v>82</v>
      </c>
      <c r="H2563" s="4">
        <v>1</v>
      </c>
      <c r="I2563" s="2">
        <v>14.65</v>
      </c>
      <c r="J2563" s="52" t="s">
        <v>6797</v>
      </c>
      <c r="K2563" s="71" t="s">
        <v>6798</v>
      </c>
      <c r="L2563" s="52" t="s">
        <v>2063</v>
      </c>
      <c r="M2563" s="72">
        <v>372</v>
      </c>
      <c r="N2563" s="52" t="s">
        <v>2072</v>
      </c>
      <c r="O2563" s="52" t="s">
        <v>2073</v>
      </c>
      <c r="P2563" s="52"/>
      <c r="Q2563" s="52"/>
      <c r="R2563" s="52"/>
      <c r="S2563" s="52"/>
      <c r="T2563" s="52"/>
      <c r="U2563" s="52"/>
      <c r="V2563" s="52"/>
      <c r="W2563" s="52"/>
    </row>
    <row r="2564" spans="1:23" hidden="1" x14ac:dyDescent="0.35">
      <c r="A2564" s="52" t="s">
        <v>78</v>
      </c>
      <c r="B2564" s="52" t="s">
        <v>79</v>
      </c>
      <c r="C2564" s="3">
        <v>10</v>
      </c>
      <c r="D2564" s="52" t="s">
        <v>2023</v>
      </c>
      <c r="E2564" s="52" t="s">
        <v>26</v>
      </c>
      <c r="F2564" s="52" t="s">
        <v>81</v>
      </c>
      <c r="G2564" s="52" t="s">
        <v>82</v>
      </c>
      <c r="H2564" s="4">
        <v>1</v>
      </c>
      <c r="I2564" s="2">
        <v>14.65</v>
      </c>
      <c r="J2564" s="52" t="s">
        <v>6799</v>
      </c>
      <c r="K2564" s="71" t="s">
        <v>6800</v>
      </c>
      <c r="L2564" s="52" t="s">
        <v>2095</v>
      </c>
      <c r="M2564" s="72">
        <v>1429</v>
      </c>
      <c r="N2564" s="52" t="s">
        <v>2072</v>
      </c>
      <c r="O2564" s="52" t="s">
        <v>2073</v>
      </c>
      <c r="P2564" s="52"/>
      <c r="Q2564" s="52"/>
      <c r="R2564" s="52"/>
      <c r="S2564" s="52"/>
      <c r="T2564" s="52"/>
      <c r="U2564" s="52"/>
      <c r="V2564" s="52"/>
      <c r="W2564" s="52"/>
    </row>
    <row r="2565" spans="1:23" hidden="1" x14ac:dyDescent="0.35">
      <c r="A2565" s="52" t="s">
        <v>78</v>
      </c>
      <c r="B2565" s="52" t="s">
        <v>79</v>
      </c>
      <c r="C2565" s="3">
        <v>10</v>
      </c>
      <c r="D2565" s="52" t="s">
        <v>87</v>
      </c>
      <c r="E2565" s="52" t="s">
        <v>26</v>
      </c>
      <c r="F2565" s="52" t="s">
        <v>81</v>
      </c>
      <c r="G2565" s="52" t="s">
        <v>82</v>
      </c>
      <c r="H2565" s="4">
        <v>1</v>
      </c>
      <c r="I2565" s="2">
        <v>14.65</v>
      </c>
      <c r="J2565" s="52" t="s">
        <v>6801</v>
      </c>
      <c r="K2565" s="71" t="s">
        <v>6802</v>
      </c>
      <c r="L2565" s="52" t="s">
        <v>2095</v>
      </c>
      <c r="M2565" s="72">
        <v>5795</v>
      </c>
      <c r="N2565" s="52"/>
      <c r="O2565" s="52"/>
      <c r="P2565" s="52"/>
      <c r="Q2565" s="52"/>
      <c r="R2565" s="52"/>
      <c r="S2565" s="52"/>
      <c r="T2565" s="52"/>
      <c r="U2565" s="52"/>
      <c r="V2565" s="52"/>
      <c r="W2565" s="52"/>
    </row>
    <row r="2566" spans="1:23" hidden="1" x14ac:dyDescent="0.35">
      <c r="A2566" s="52" t="s">
        <v>78</v>
      </c>
      <c r="B2566" s="52" t="s">
        <v>79</v>
      </c>
      <c r="C2566" s="3">
        <v>20</v>
      </c>
      <c r="D2566" s="52" t="s">
        <v>2020</v>
      </c>
      <c r="E2566" s="52" t="s">
        <v>26</v>
      </c>
      <c r="F2566" s="52" t="s">
        <v>81</v>
      </c>
      <c r="G2566" s="52" t="s">
        <v>82</v>
      </c>
      <c r="H2566" s="4">
        <v>1</v>
      </c>
      <c r="I2566" s="2">
        <v>14.65</v>
      </c>
      <c r="J2566" s="52" t="s">
        <v>6706</v>
      </c>
      <c r="K2566" s="71" t="s">
        <v>6803</v>
      </c>
      <c r="L2566" s="52" t="s">
        <v>2063</v>
      </c>
      <c r="M2566" s="72">
        <v>6757</v>
      </c>
      <c r="N2566" s="52"/>
      <c r="O2566" s="52"/>
      <c r="P2566" s="52"/>
      <c r="Q2566" s="52"/>
      <c r="R2566" s="52"/>
      <c r="S2566" s="52"/>
      <c r="T2566" s="52"/>
      <c r="U2566" s="52"/>
      <c r="V2566" s="52"/>
      <c r="W2566" s="52"/>
    </row>
    <row r="2567" spans="1:23" hidden="1" x14ac:dyDescent="0.35">
      <c r="A2567" s="52" t="s">
        <v>78</v>
      </c>
      <c r="B2567" s="52" t="s">
        <v>79</v>
      </c>
      <c r="C2567" s="3">
        <v>20</v>
      </c>
      <c r="D2567" s="52" t="s">
        <v>84</v>
      </c>
      <c r="E2567" s="52" t="s">
        <v>26</v>
      </c>
      <c r="F2567" s="52" t="s">
        <v>81</v>
      </c>
      <c r="G2567" s="52" t="s">
        <v>82</v>
      </c>
      <c r="H2567" s="4">
        <v>1</v>
      </c>
      <c r="I2567" s="2">
        <v>14.65</v>
      </c>
      <c r="J2567" s="52" t="s">
        <v>6804</v>
      </c>
      <c r="K2567" s="71" t="s">
        <v>6805</v>
      </c>
      <c r="L2567" s="52" t="s">
        <v>2063</v>
      </c>
      <c r="M2567" s="72">
        <v>2438</v>
      </c>
      <c r="N2567" s="52" t="s">
        <v>2066</v>
      </c>
      <c r="O2567" s="52" t="s">
        <v>2067</v>
      </c>
      <c r="P2567" s="52"/>
      <c r="Q2567" s="52"/>
      <c r="R2567" s="52"/>
      <c r="S2567" s="52"/>
      <c r="T2567" s="52"/>
      <c r="U2567" s="52"/>
      <c r="V2567" s="52"/>
      <c r="W2567" s="52"/>
    </row>
    <row r="2568" spans="1:23" hidden="1" x14ac:dyDescent="0.35">
      <c r="A2568" s="52" t="s">
        <v>78</v>
      </c>
      <c r="B2568" s="52" t="s">
        <v>79</v>
      </c>
      <c r="C2568" s="3">
        <v>20</v>
      </c>
      <c r="D2568" s="52" t="s">
        <v>84</v>
      </c>
      <c r="E2568" s="52" t="s">
        <v>26</v>
      </c>
      <c r="F2568" s="52" t="s">
        <v>81</v>
      </c>
      <c r="G2568" s="52" t="s">
        <v>82</v>
      </c>
      <c r="H2568" s="4">
        <v>1</v>
      </c>
      <c r="I2568" s="2">
        <v>14.65</v>
      </c>
      <c r="J2568" s="52" t="s">
        <v>5840</v>
      </c>
      <c r="K2568" s="71" t="s">
        <v>6806</v>
      </c>
      <c r="L2568" s="52" t="s">
        <v>2063</v>
      </c>
      <c r="M2568" s="72">
        <v>1592</v>
      </c>
      <c r="N2568" s="52"/>
      <c r="O2568" s="52"/>
      <c r="P2568" s="52"/>
      <c r="Q2568" s="52"/>
      <c r="R2568" s="52"/>
      <c r="S2568" s="52"/>
      <c r="T2568" s="52"/>
      <c r="U2568" s="52"/>
      <c r="V2568" s="52"/>
      <c r="W2568" s="52"/>
    </row>
    <row r="2569" spans="1:23" hidden="1" x14ac:dyDescent="0.35">
      <c r="A2569" s="52" t="s">
        <v>78</v>
      </c>
      <c r="B2569" s="52" t="s">
        <v>79</v>
      </c>
      <c r="C2569" s="3">
        <v>10</v>
      </c>
      <c r="D2569" s="52" t="s">
        <v>84</v>
      </c>
      <c r="E2569" s="52" t="s">
        <v>26</v>
      </c>
      <c r="F2569" s="52" t="s">
        <v>81</v>
      </c>
      <c r="G2569" s="52" t="s">
        <v>82</v>
      </c>
      <c r="H2569" s="4">
        <v>1</v>
      </c>
      <c r="I2569" s="2">
        <v>14.65</v>
      </c>
      <c r="J2569" s="52" t="s">
        <v>6807</v>
      </c>
      <c r="K2569" s="71" t="s">
        <v>6808</v>
      </c>
      <c r="L2569" s="52" t="s">
        <v>2063</v>
      </c>
      <c r="M2569" s="72">
        <v>9301</v>
      </c>
      <c r="N2569" s="52" t="s">
        <v>2072</v>
      </c>
      <c r="O2569" s="52" t="s">
        <v>2073</v>
      </c>
      <c r="P2569" s="52"/>
      <c r="Q2569" s="52"/>
      <c r="R2569" s="52"/>
      <c r="S2569" s="52"/>
      <c r="T2569" s="52"/>
      <c r="U2569" s="52"/>
      <c r="V2569" s="52"/>
      <c r="W2569" s="52"/>
    </row>
    <row r="2570" spans="1:23" hidden="1" x14ac:dyDescent="0.35">
      <c r="A2570" s="52" t="s">
        <v>78</v>
      </c>
      <c r="B2570" s="52" t="s">
        <v>79</v>
      </c>
      <c r="C2570" s="3">
        <v>211</v>
      </c>
      <c r="D2570" s="52" t="s">
        <v>87</v>
      </c>
      <c r="E2570" s="52" t="s">
        <v>26</v>
      </c>
      <c r="F2570" s="52" t="s">
        <v>81</v>
      </c>
      <c r="G2570" s="52" t="s">
        <v>82</v>
      </c>
      <c r="H2570" s="4">
        <v>1</v>
      </c>
      <c r="I2570" s="2">
        <v>14.65</v>
      </c>
      <c r="J2570" s="52" t="s">
        <v>6809</v>
      </c>
      <c r="K2570" s="71" t="s">
        <v>6810</v>
      </c>
      <c r="L2570" s="52" t="s">
        <v>2063</v>
      </c>
      <c r="M2570" s="72">
        <v>6610</v>
      </c>
      <c r="N2570" s="52"/>
      <c r="O2570" s="52"/>
      <c r="P2570" s="52"/>
      <c r="Q2570" s="52"/>
      <c r="R2570" s="52"/>
      <c r="S2570" s="52"/>
      <c r="T2570" s="52"/>
      <c r="U2570" s="52"/>
      <c r="V2570" s="52"/>
      <c r="W2570" s="52"/>
    </row>
    <row r="2571" spans="1:23" hidden="1" x14ac:dyDescent="0.35">
      <c r="A2571" s="52" t="s">
        <v>78</v>
      </c>
      <c r="B2571" s="52" t="s">
        <v>79</v>
      </c>
      <c r="C2571" s="3">
        <v>20</v>
      </c>
      <c r="D2571" s="52" t="s">
        <v>2022</v>
      </c>
      <c r="E2571" s="52" t="s">
        <v>26</v>
      </c>
      <c r="F2571" s="52" t="s">
        <v>81</v>
      </c>
      <c r="G2571" s="52" t="s">
        <v>82</v>
      </c>
      <c r="H2571" s="4">
        <v>1</v>
      </c>
      <c r="I2571" s="2">
        <v>14.65</v>
      </c>
      <c r="J2571" s="52" t="s">
        <v>6811</v>
      </c>
      <c r="K2571" s="71" t="s">
        <v>6812</v>
      </c>
      <c r="L2571" s="52" t="s">
        <v>2063</v>
      </c>
      <c r="M2571" s="72">
        <v>6395</v>
      </c>
      <c r="N2571" s="52" t="s">
        <v>2066</v>
      </c>
      <c r="O2571" s="52" t="s">
        <v>2067</v>
      </c>
      <c r="P2571" s="52"/>
      <c r="Q2571" s="52"/>
      <c r="R2571" s="52"/>
      <c r="S2571" s="52"/>
      <c r="T2571" s="52"/>
      <c r="U2571" s="52"/>
      <c r="V2571" s="52"/>
      <c r="W2571" s="52"/>
    </row>
    <row r="2572" spans="1:23" hidden="1" x14ac:dyDescent="0.35">
      <c r="A2572" s="52" t="s">
        <v>78</v>
      </c>
      <c r="B2572" s="52" t="s">
        <v>79</v>
      </c>
      <c r="C2572" s="3">
        <v>10</v>
      </c>
      <c r="D2572" s="52" t="s">
        <v>87</v>
      </c>
      <c r="E2572" s="52" t="s">
        <v>26</v>
      </c>
      <c r="F2572" s="52" t="s">
        <v>81</v>
      </c>
      <c r="G2572" s="52" t="s">
        <v>82</v>
      </c>
      <c r="H2572" s="4">
        <v>1</v>
      </c>
      <c r="I2572" s="2">
        <v>14.65</v>
      </c>
      <c r="J2572" s="52" t="s">
        <v>5564</v>
      </c>
      <c r="K2572" s="71" t="s">
        <v>6813</v>
      </c>
      <c r="L2572" s="52" t="s">
        <v>2063</v>
      </c>
      <c r="M2572" s="72">
        <v>4844</v>
      </c>
      <c r="N2572" s="52" t="s">
        <v>2066</v>
      </c>
      <c r="O2572" s="52" t="s">
        <v>2067</v>
      </c>
      <c r="P2572" s="52"/>
      <c r="Q2572" s="52"/>
      <c r="R2572" s="52"/>
      <c r="S2572" s="52"/>
      <c r="T2572" s="52"/>
      <c r="U2572" s="52"/>
      <c r="V2572" s="52"/>
      <c r="W2572" s="52"/>
    </row>
    <row r="2573" spans="1:23" hidden="1" x14ac:dyDescent="0.35">
      <c r="A2573" s="52" t="s">
        <v>78</v>
      </c>
      <c r="B2573" s="52" t="s">
        <v>79</v>
      </c>
      <c r="C2573" s="3">
        <v>20</v>
      </c>
      <c r="D2573" s="52" t="s">
        <v>2023</v>
      </c>
      <c r="E2573" s="52" t="s">
        <v>26</v>
      </c>
      <c r="F2573" s="52" t="s">
        <v>81</v>
      </c>
      <c r="G2573" s="52" t="s">
        <v>82</v>
      </c>
      <c r="H2573" s="4">
        <v>1</v>
      </c>
      <c r="I2573" s="2">
        <v>14.65</v>
      </c>
      <c r="J2573" s="52" t="s">
        <v>6814</v>
      </c>
      <c r="K2573" s="71" t="s">
        <v>6815</v>
      </c>
      <c r="L2573" s="52" t="s">
        <v>2063</v>
      </c>
      <c r="M2573" s="72">
        <v>6616</v>
      </c>
      <c r="N2573" s="52" t="s">
        <v>2072</v>
      </c>
      <c r="O2573" s="52" t="s">
        <v>2073</v>
      </c>
      <c r="P2573" s="52"/>
      <c r="Q2573" s="52"/>
      <c r="R2573" s="52"/>
      <c r="S2573" s="52"/>
      <c r="T2573" s="52"/>
      <c r="U2573" s="52"/>
      <c r="V2573" s="52"/>
      <c r="W2573" s="52"/>
    </row>
    <row r="2574" spans="1:23" hidden="1" x14ac:dyDescent="0.35">
      <c r="A2574" s="52" t="s">
        <v>78</v>
      </c>
      <c r="B2574" s="52" t="s">
        <v>79</v>
      </c>
      <c r="C2574" s="3">
        <v>20</v>
      </c>
      <c r="D2574" s="52" t="s">
        <v>87</v>
      </c>
      <c r="E2574" s="52" t="s">
        <v>26</v>
      </c>
      <c r="F2574" s="52" t="s">
        <v>81</v>
      </c>
      <c r="G2574" s="52" t="s">
        <v>82</v>
      </c>
      <c r="H2574" s="4">
        <v>1</v>
      </c>
      <c r="I2574" s="2">
        <v>14.65</v>
      </c>
      <c r="J2574" s="52" t="s">
        <v>6816</v>
      </c>
      <c r="K2574" s="71" t="s">
        <v>6817</v>
      </c>
      <c r="L2574" s="52" t="s">
        <v>2095</v>
      </c>
      <c r="M2574" s="72">
        <v>4344</v>
      </c>
      <c r="N2574" s="52" t="s">
        <v>2072</v>
      </c>
      <c r="O2574" s="52" t="s">
        <v>2073</v>
      </c>
      <c r="P2574" s="52"/>
      <c r="Q2574" s="52"/>
      <c r="R2574" s="52"/>
      <c r="S2574" s="52"/>
      <c r="T2574" s="52"/>
      <c r="U2574" s="52"/>
      <c r="V2574" s="52"/>
      <c r="W2574" s="52"/>
    </row>
    <row r="2575" spans="1:23" hidden="1" x14ac:dyDescent="0.35">
      <c r="A2575" s="52" t="s">
        <v>78</v>
      </c>
      <c r="B2575" s="52" t="s">
        <v>79</v>
      </c>
      <c r="C2575" s="3">
        <v>20</v>
      </c>
      <c r="D2575" s="52" t="s">
        <v>2024</v>
      </c>
      <c r="E2575" s="52" t="s">
        <v>26</v>
      </c>
      <c r="F2575" s="52" t="s">
        <v>81</v>
      </c>
      <c r="G2575" s="52" t="s">
        <v>82</v>
      </c>
      <c r="H2575" s="4">
        <v>1</v>
      </c>
      <c r="I2575" s="2">
        <v>14.65</v>
      </c>
      <c r="J2575" s="52" t="s">
        <v>6818</v>
      </c>
      <c r="K2575" s="71" t="s">
        <v>6819</v>
      </c>
      <c r="L2575" s="52" t="s">
        <v>2063</v>
      </c>
      <c r="M2575" s="72">
        <v>4015</v>
      </c>
      <c r="N2575" s="52" t="s">
        <v>2072</v>
      </c>
      <c r="O2575" s="52" t="s">
        <v>2073</v>
      </c>
      <c r="P2575" s="52"/>
      <c r="Q2575" s="52"/>
      <c r="R2575" s="52"/>
      <c r="S2575" s="52"/>
      <c r="T2575" s="52"/>
      <c r="U2575" s="52"/>
      <c r="V2575" s="52"/>
      <c r="W2575" s="52"/>
    </row>
    <row r="2576" spans="1:23" hidden="1" x14ac:dyDescent="0.35">
      <c r="A2576" s="52" t="s">
        <v>78</v>
      </c>
      <c r="B2576" s="52" t="s">
        <v>79</v>
      </c>
      <c r="C2576" s="3">
        <v>10</v>
      </c>
      <c r="D2576" s="52" t="s">
        <v>2024</v>
      </c>
      <c r="E2576" s="52" t="s">
        <v>26</v>
      </c>
      <c r="F2576" s="52" t="s">
        <v>81</v>
      </c>
      <c r="G2576" s="52" t="s">
        <v>82</v>
      </c>
      <c r="H2576" s="4">
        <v>1</v>
      </c>
      <c r="I2576" s="2">
        <v>14.65</v>
      </c>
      <c r="J2576" s="52" t="s">
        <v>4721</v>
      </c>
      <c r="K2576" s="71" t="s">
        <v>6820</v>
      </c>
      <c r="L2576" s="52" t="s">
        <v>2063</v>
      </c>
      <c r="M2576" s="72">
        <v>1881</v>
      </c>
      <c r="N2576" s="52" t="s">
        <v>2072</v>
      </c>
      <c r="O2576" s="52" t="s">
        <v>2073</v>
      </c>
      <c r="P2576" s="52"/>
      <c r="Q2576" s="52"/>
      <c r="R2576" s="52"/>
      <c r="S2576" s="52"/>
      <c r="T2576" s="52"/>
      <c r="U2576" s="52"/>
      <c r="V2576" s="52"/>
      <c r="W2576" s="52"/>
    </row>
    <row r="2577" spans="1:23" hidden="1" x14ac:dyDescent="0.35">
      <c r="A2577" s="52" t="s">
        <v>78</v>
      </c>
      <c r="B2577" s="52" t="s">
        <v>79</v>
      </c>
      <c r="C2577" s="3">
        <v>10</v>
      </c>
      <c r="D2577" s="52" t="s">
        <v>84</v>
      </c>
      <c r="E2577" s="52" t="s">
        <v>26</v>
      </c>
      <c r="F2577" s="52" t="s">
        <v>81</v>
      </c>
      <c r="G2577" s="52" t="s">
        <v>82</v>
      </c>
      <c r="H2577" s="4">
        <v>1</v>
      </c>
      <c r="I2577" s="2">
        <v>14.65</v>
      </c>
      <c r="J2577" s="52" t="s">
        <v>5370</v>
      </c>
      <c r="K2577" s="71" t="s">
        <v>6821</v>
      </c>
      <c r="L2577" s="52" t="s">
        <v>2063</v>
      </c>
      <c r="M2577" s="72">
        <v>9157</v>
      </c>
      <c r="N2577" s="52"/>
      <c r="O2577" s="52"/>
      <c r="P2577" s="52"/>
      <c r="Q2577" s="52"/>
      <c r="R2577" s="52"/>
      <c r="S2577" s="52"/>
      <c r="T2577" s="52"/>
      <c r="U2577" s="52"/>
      <c r="V2577" s="52"/>
      <c r="W2577" s="52"/>
    </row>
    <row r="2578" spans="1:23" hidden="1" x14ac:dyDescent="0.35">
      <c r="A2578" s="52" t="s">
        <v>78</v>
      </c>
      <c r="B2578" s="52" t="s">
        <v>79</v>
      </c>
      <c r="C2578" s="3">
        <v>10</v>
      </c>
      <c r="D2578" s="52" t="s">
        <v>2022</v>
      </c>
      <c r="E2578" s="52" t="s">
        <v>26</v>
      </c>
      <c r="F2578" s="52" t="s">
        <v>81</v>
      </c>
      <c r="G2578" s="52" t="s">
        <v>82</v>
      </c>
      <c r="H2578" s="4">
        <v>1</v>
      </c>
      <c r="I2578" s="2">
        <v>14.65</v>
      </c>
      <c r="J2578" s="52" t="s">
        <v>6822</v>
      </c>
      <c r="K2578" s="71" t="s">
        <v>6823</v>
      </c>
      <c r="L2578" s="52" t="s">
        <v>2063</v>
      </c>
      <c r="M2578" s="72">
        <v>1276</v>
      </c>
      <c r="N2578" s="52" t="s">
        <v>2072</v>
      </c>
      <c r="O2578" s="52" t="s">
        <v>2073</v>
      </c>
      <c r="P2578" s="52"/>
      <c r="Q2578" s="52"/>
      <c r="R2578" s="52"/>
      <c r="S2578" s="52"/>
      <c r="T2578" s="52"/>
      <c r="U2578" s="52"/>
      <c r="V2578" s="52"/>
      <c r="W2578" s="52"/>
    </row>
    <row r="2579" spans="1:23" hidden="1" x14ac:dyDescent="0.35">
      <c r="A2579" s="52" t="s">
        <v>78</v>
      </c>
      <c r="B2579" s="52" t="s">
        <v>79</v>
      </c>
      <c r="C2579" s="3">
        <v>10</v>
      </c>
      <c r="D2579" s="52" t="s">
        <v>2022</v>
      </c>
      <c r="E2579" s="52" t="s">
        <v>26</v>
      </c>
      <c r="F2579" s="52" t="s">
        <v>81</v>
      </c>
      <c r="G2579" s="52" t="s">
        <v>82</v>
      </c>
      <c r="H2579" s="4">
        <v>1</v>
      </c>
      <c r="I2579" s="2">
        <v>14.65</v>
      </c>
      <c r="J2579" s="52" t="s">
        <v>6824</v>
      </c>
      <c r="K2579" s="71" t="s">
        <v>6825</v>
      </c>
      <c r="L2579" s="52" t="s">
        <v>2063</v>
      </c>
      <c r="M2579" s="72">
        <v>1917</v>
      </c>
      <c r="N2579" s="52" t="s">
        <v>2072</v>
      </c>
      <c r="O2579" s="52" t="s">
        <v>2073</v>
      </c>
      <c r="P2579" s="52"/>
      <c r="Q2579" s="52"/>
      <c r="R2579" s="52"/>
      <c r="S2579" s="52"/>
      <c r="T2579" s="52"/>
      <c r="U2579" s="52"/>
      <c r="V2579" s="52"/>
      <c r="W2579" s="52"/>
    </row>
    <row r="2580" spans="1:23" hidden="1" x14ac:dyDescent="0.35">
      <c r="A2580" s="52" t="s">
        <v>78</v>
      </c>
      <c r="B2580" s="52" t="s">
        <v>79</v>
      </c>
      <c r="C2580" s="3">
        <v>20</v>
      </c>
      <c r="D2580" s="52" t="s">
        <v>2022</v>
      </c>
      <c r="E2580" s="52" t="s">
        <v>26</v>
      </c>
      <c r="F2580" s="52" t="s">
        <v>81</v>
      </c>
      <c r="G2580" s="52" t="s">
        <v>82</v>
      </c>
      <c r="H2580" s="4">
        <v>1</v>
      </c>
      <c r="I2580" s="2">
        <v>14.65</v>
      </c>
      <c r="J2580" s="52" t="s">
        <v>6826</v>
      </c>
      <c r="K2580" s="71" t="s">
        <v>6827</v>
      </c>
      <c r="L2580" s="52" t="s">
        <v>2063</v>
      </c>
      <c r="M2580" s="72">
        <v>9907</v>
      </c>
      <c r="N2580" s="52" t="s">
        <v>2072</v>
      </c>
      <c r="O2580" s="52" t="s">
        <v>2073</v>
      </c>
      <c r="P2580" s="52"/>
      <c r="Q2580" s="52"/>
      <c r="R2580" s="52"/>
      <c r="S2580" s="52"/>
      <c r="T2580" s="52"/>
      <c r="U2580" s="52"/>
      <c r="V2580" s="52"/>
      <c r="W2580" s="52"/>
    </row>
    <row r="2581" spans="1:23" hidden="1" x14ac:dyDescent="0.35">
      <c r="A2581" s="52" t="s">
        <v>78</v>
      </c>
      <c r="B2581" s="52" t="s">
        <v>79</v>
      </c>
      <c r="C2581" s="3">
        <v>20</v>
      </c>
      <c r="D2581" s="52" t="s">
        <v>86</v>
      </c>
      <c r="E2581" s="52" t="s">
        <v>26</v>
      </c>
      <c r="F2581" s="52" t="s">
        <v>81</v>
      </c>
      <c r="G2581" s="52" t="s">
        <v>82</v>
      </c>
      <c r="H2581" s="4">
        <v>1</v>
      </c>
      <c r="I2581" s="2">
        <v>14.65</v>
      </c>
      <c r="J2581" s="52" t="s">
        <v>6372</v>
      </c>
      <c r="K2581" s="71" t="s">
        <v>6828</v>
      </c>
      <c r="L2581" s="52" t="s">
        <v>2063</v>
      </c>
      <c r="M2581" s="72">
        <v>205</v>
      </c>
      <c r="N2581" s="52" t="s">
        <v>2072</v>
      </c>
      <c r="O2581" s="52" t="s">
        <v>2073</v>
      </c>
      <c r="P2581" s="52"/>
      <c r="Q2581" s="52"/>
      <c r="R2581" s="52"/>
      <c r="S2581" s="52"/>
      <c r="T2581" s="52"/>
      <c r="U2581" s="52"/>
      <c r="V2581" s="52"/>
      <c r="W2581" s="52"/>
    </row>
    <row r="2582" spans="1:23" hidden="1" x14ac:dyDescent="0.35">
      <c r="A2582" s="52" t="s">
        <v>78</v>
      </c>
      <c r="B2582" s="52" t="s">
        <v>79</v>
      </c>
      <c r="C2582" s="3">
        <v>20</v>
      </c>
      <c r="D2582" s="52" t="s">
        <v>86</v>
      </c>
      <c r="E2582" s="52" t="s">
        <v>26</v>
      </c>
      <c r="F2582" s="52" t="s">
        <v>81</v>
      </c>
      <c r="G2582" s="52" t="s">
        <v>82</v>
      </c>
      <c r="H2582" s="4">
        <v>1</v>
      </c>
      <c r="I2582" s="2">
        <v>14.65</v>
      </c>
      <c r="J2582" s="52" t="s">
        <v>6829</v>
      </c>
      <c r="K2582" s="71" t="s">
        <v>6830</v>
      </c>
      <c r="L2582" s="52" t="s">
        <v>2063</v>
      </c>
      <c r="M2582" s="72">
        <v>1194</v>
      </c>
      <c r="N2582" s="52" t="s">
        <v>2072</v>
      </c>
      <c r="O2582" s="52" t="s">
        <v>2073</v>
      </c>
      <c r="P2582" s="52"/>
      <c r="Q2582" s="52"/>
      <c r="R2582" s="52"/>
      <c r="S2582" s="52"/>
      <c r="T2582" s="52"/>
      <c r="U2582" s="52"/>
      <c r="V2582" s="52"/>
      <c r="W2582" s="52"/>
    </row>
    <row r="2583" spans="1:23" hidden="1" x14ac:dyDescent="0.35">
      <c r="A2583" s="52" t="s">
        <v>78</v>
      </c>
      <c r="B2583" s="52" t="s">
        <v>79</v>
      </c>
      <c r="C2583" s="3">
        <v>20</v>
      </c>
      <c r="D2583" s="52" t="s">
        <v>2020</v>
      </c>
      <c r="E2583" s="52" t="s">
        <v>26</v>
      </c>
      <c r="F2583" s="52" t="s">
        <v>81</v>
      </c>
      <c r="G2583" s="52" t="s">
        <v>82</v>
      </c>
      <c r="H2583" s="4">
        <v>1</v>
      </c>
      <c r="I2583" s="2">
        <v>14.65</v>
      </c>
      <c r="J2583" s="52" t="s">
        <v>6831</v>
      </c>
      <c r="K2583" s="71" t="s">
        <v>6832</v>
      </c>
      <c r="L2583" s="52" t="s">
        <v>2063</v>
      </c>
      <c r="M2583" s="72">
        <v>5297</v>
      </c>
      <c r="N2583" s="52" t="s">
        <v>2072</v>
      </c>
      <c r="O2583" s="52" t="s">
        <v>2073</v>
      </c>
      <c r="P2583" s="52"/>
      <c r="Q2583" s="52"/>
      <c r="R2583" s="52"/>
      <c r="S2583" s="52"/>
      <c r="T2583" s="52"/>
      <c r="U2583" s="52"/>
      <c r="V2583" s="52"/>
      <c r="W2583" s="52"/>
    </row>
    <row r="2584" spans="1:23" x14ac:dyDescent="0.35">
      <c r="A2584" s="52" t="s">
        <v>78</v>
      </c>
      <c r="B2584" s="52" t="s">
        <v>79</v>
      </c>
      <c r="C2584" s="3">
        <v>20</v>
      </c>
      <c r="D2584" s="52" t="s">
        <v>83</v>
      </c>
      <c r="E2584" s="52" t="s">
        <v>26</v>
      </c>
      <c r="F2584" s="52" t="s">
        <v>81</v>
      </c>
      <c r="G2584" s="52" t="s">
        <v>82</v>
      </c>
      <c r="H2584" s="4">
        <v>1</v>
      </c>
      <c r="I2584" s="2">
        <v>14.65</v>
      </c>
      <c r="J2584" s="52" t="s">
        <v>6833</v>
      </c>
      <c r="K2584" s="71" t="s">
        <v>6834</v>
      </c>
      <c r="L2584" s="52" t="s">
        <v>2063</v>
      </c>
      <c r="M2584" s="72">
        <v>799</v>
      </c>
      <c r="N2584" s="52" t="s">
        <v>2076</v>
      </c>
      <c r="O2584" s="52" t="s">
        <v>2077</v>
      </c>
      <c r="P2584" s="52"/>
      <c r="Q2584" s="52"/>
      <c r="R2584" s="52"/>
      <c r="S2584" s="52"/>
      <c r="T2584" s="52"/>
      <c r="U2584" s="52"/>
      <c r="V2584" s="52"/>
      <c r="W2584" s="52"/>
    </row>
    <row r="2585" spans="1:23" hidden="1" x14ac:dyDescent="0.35">
      <c r="A2585" s="52" t="s">
        <v>78</v>
      </c>
      <c r="B2585" s="52" t="s">
        <v>79</v>
      </c>
      <c r="C2585" s="3">
        <v>20</v>
      </c>
      <c r="D2585" s="52" t="s">
        <v>87</v>
      </c>
      <c r="E2585" s="52" t="s">
        <v>26</v>
      </c>
      <c r="F2585" s="52" t="s">
        <v>81</v>
      </c>
      <c r="G2585" s="52" t="s">
        <v>82</v>
      </c>
      <c r="H2585" s="4">
        <v>1</v>
      </c>
      <c r="I2585" s="2">
        <v>14.65</v>
      </c>
      <c r="J2585" s="52" t="s">
        <v>6835</v>
      </c>
      <c r="K2585" s="71" t="s">
        <v>6836</v>
      </c>
      <c r="L2585" s="52" t="s">
        <v>2063</v>
      </c>
      <c r="M2585" s="72">
        <v>6268</v>
      </c>
      <c r="N2585" s="52" t="s">
        <v>2072</v>
      </c>
      <c r="O2585" s="52" t="s">
        <v>2073</v>
      </c>
      <c r="P2585" s="52"/>
      <c r="Q2585" s="52"/>
      <c r="R2585" s="52"/>
      <c r="S2585" s="52"/>
      <c r="T2585" s="52"/>
      <c r="U2585" s="52"/>
      <c r="V2585" s="52"/>
      <c r="W2585" s="52"/>
    </row>
    <row r="2586" spans="1:23" hidden="1" x14ac:dyDescent="0.35">
      <c r="A2586" s="52" t="s">
        <v>78</v>
      </c>
      <c r="B2586" s="52" t="s">
        <v>79</v>
      </c>
      <c r="C2586" s="3">
        <v>20</v>
      </c>
      <c r="D2586" s="52" t="s">
        <v>87</v>
      </c>
      <c r="E2586" s="52" t="s">
        <v>26</v>
      </c>
      <c r="F2586" s="52" t="s">
        <v>81</v>
      </c>
      <c r="G2586" s="52" t="s">
        <v>82</v>
      </c>
      <c r="H2586" s="4">
        <v>1</v>
      </c>
      <c r="I2586" s="2">
        <v>14.65</v>
      </c>
      <c r="J2586" s="52" t="s">
        <v>6837</v>
      </c>
      <c r="K2586" s="71" t="s">
        <v>6838</v>
      </c>
      <c r="L2586" s="52" t="s">
        <v>2063</v>
      </c>
      <c r="M2586" s="72">
        <v>6765</v>
      </c>
      <c r="N2586" s="52" t="s">
        <v>2072</v>
      </c>
      <c r="O2586" s="52" t="s">
        <v>2073</v>
      </c>
      <c r="P2586" s="52"/>
      <c r="Q2586" s="52"/>
      <c r="R2586" s="52"/>
      <c r="S2586" s="52"/>
      <c r="T2586" s="52"/>
      <c r="U2586" s="52"/>
      <c r="V2586" s="52"/>
      <c r="W2586" s="52"/>
    </row>
    <row r="2587" spans="1:23" hidden="1" x14ac:dyDescent="0.35">
      <c r="A2587" s="52" t="s">
        <v>78</v>
      </c>
      <c r="B2587" s="52" t="s">
        <v>79</v>
      </c>
      <c r="C2587" s="3">
        <v>20</v>
      </c>
      <c r="D2587" s="52" t="s">
        <v>2023</v>
      </c>
      <c r="E2587" s="52" t="s">
        <v>26</v>
      </c>
      <c r="F2587" s="52" t="s">
        <v>81</v>
      </c>
      <c r="G2587" s="52" t="s">
        <v>82</v>
      </c>
      <c r="H2587" s="4">
        <v>1</v>
      </c>
      <c r="I2587" s="2">
        <v>14.65</v>
      </c>
      <c r="J2587" s="52" t="s">
        <v>6839</v>
      </c>
      <c r="K2587" s="71" t="s">
        <v>6840</v>
      </c>
      <c r="L2587" s="52" t="s">
        <v>2063</v>
      </c>
      <c r="M2587" s="72">
        <v>146</v>
      </c>
      <c r="N2587" s="52" t="s">
        <v>2066</v>
      </c>
      <c r="O2587" s="52" t="s">
        <v>2067</v>
      </c>
      <c r="P2587" s="52"/>
      <c r="Q2587" s="52"/>
      <c r="R2587" s="52"/>
      <c r="S2587" s="52"/>
      <c r="T2587" s="52"/>
      <c r="U2587" s="52"/>
      <c r="V2587" s="52"/>
      <c r="W2587" s="52"/>
    </row>
    <row r="2588" spans="1:23" hidden="1" x14ac:dyDescent="0.35">
      <c r="A2588" s="52" t="s">
        <v>78</v>
      </c>
      <c r="B2588" s="52" t="s">
        <v>79</v>
      </c>
      <c r="C2588" s="3">
        <v>10</v>
      </c>
      <c r="D2588" s="52" t="s">
        <v>80</v>
      </c>
      <c r="E2588" s="52" t="s">
        <v>26</v>
      </c>
      <c r="F2588" s="52" t="s">
        <v>81</v>
      </c>
      <c r="G2588" s="52" t="s">
        <v>82</v>
      </c>
      <c r="H2588" s="4">
        <v>1</v>
      </c>
      <c r="I2588" s="2">
        <v>14.65</v>
      </c>
      <c r="J2588" s="52" t="s">
        <v>6841</v>
      </c>
      <c r="K2588" s="71" t="s">
        <v>6842</v>
      </c>
      <c r="L2588" s="52" t="s">
        <v>2095</v>
      </c>
      <c r="M2588" s="72">
        <v>3382</v>
      </c>
      <c r="N2588" s="52"/>
      <c r="O2588" s="52"/>
      <c r="P2588" s="52"/>
      <c r="Q2588" s="52"/>
      <c r="R2588" s="52"/>
      <c r="S2588" s="52"/>
      <c r="T2588" s="52"/>
      <c r="U2588" s="52"/>
      <c r="V2588" s="52"/>
      <c r="W2588" s="52"/>
    </row>
    <row r="2589" spans="1:23" x14ac:dyDescent="0.35">
      <c r="A2589" s="52" t="s">
        <v>78</v>
      </c>
      <c r="B2589" s="52" t="s">
        <v>79</v>
      </c>
      <c r="C2589" s="3">
        <v>10</v>
      </c>
      <c r="D2589" s="52" t="s">
        <v>87</v>
      </c>
      <c r="E2589" s="52" t="s">
        <v>26</v>
      </c>
      <c r="F2589" s="52" t="s">
        <v>81</v>
      </c>
      <c r="G2589" s="52" t="s">
        <v>82</v>
      </c>
      <c r="H2589" s="4">
        <v>1</v>
      </c>
      <c r="I2589" s="2">
        <v>14.65</v>
      </c>
      <c r="J2589" s="52" t="s">
        <v>6843</v>
      </c>
      <c r="K2589" s="71" t="s">
        <v>6844</v>
      </c>
      <c r="L2589" s="52" t="s">
        <v>2063</v>
      </c>
      <c r="M2589" s="72">
        <v>2407</v>
      </c>
      <c r="N2589" s="52" t="s">
        <v>2238</v>
      </c>
      <c r="O2589" s="52" t="s">
        <v>2239</v>
      </c>
      <c r="P2589" s="52"/>
      <c r="Q2589" s="52"/>
      <c r="R2589" s="52"/>
      <c r="S2589" s="52"/>
      <c r="T2589" s="52"/>
      <c r="U2589" s="52"/>
      <c r="V2589" s="52"/>
      <c r="W2589" s="52"/>
    </row>
    <row r="2590" spans="1:23" hidden="1" x14ac:dyDescent="0.35">
      <c r="A2590" s="52" t="s">
        <v>78</v>
      </c>
      <c r="B2590" s="52" t="s">
        <v>79</v>
      </c>
      <c r="C2590" s="3">
        <v>20</v>
      </c>
      <c r="D2590" s="52" t="s">
        <v>2024</v>
      </c>
      <c r="E2590" s="52" t="s">
        <v>26</v>
      </c>
      <c r="F2590" s="52" t="s">
        <v>81</v>
      </c>
      <c r="G2590" s="52" t="s">
        <v>82</v>
      </c>
      <c r="H2590" s="4">
        <v>1</v>
      </c>
      <c r="I2590" s="2">
        <v>14.65</v>
      </c>
      <c r="J2590" s="52" t="s">
        <v>6845</v>
      </c>
      <c r="K2590" s="71" t="s">
        <v>6846</v>
      </c>
      <c r="L2590" s="52" t="s">
        <v>2063</v>
      </c>
      <c r="M2590" s="72">
        <v>9926</v>
      </c>
      <c r="N2590" s="52" t="s">
        <v>2072</v>
      </c>
      <c r="O2590" s="52" t="s">
        <v>2073</v>
      </c>
      <c r="P2590" s="52"/>
      <c r="Q2590" s="52"/>
      <c r="R2590" s="52"/>
      <c r="S2590" s="52"/>
      <c r="T2590" s="52"/>
      <c r="U2590" s="52"/>
      <c r="V2590" s="52"/>
      <c r="W2590" s="52"/>
    </row>
    <row r="2591" spans="1:23" hidden="1" x14ac:dyDescent="0.35">
      <c r="A2591" s="52" t="s">
        <v>78</v>
      </c>
      <c r="B2591" s="52" t="s">
        <v>79</v>
      </c>
      <c r="C2591" s="3">
        <v>211</v>
      </c>
      <c r="D2591" s="52" t="s">
        <v>2020</v>
      </c>
      <c r="E2591" s="52" t="s">
        <v>26</v>
      </c>
      <c r="F2591" s="52" t="s">
        <v>81</v>
      </c>
      <c r="G2591" s="52" t="s">
        <v>82</v>
      </c>
      <c r="H2591" s="4">
        <v>1</v>
      </c>
      <c r="I2591" s="2">
        <v>14.65</v>
      </c>
      <c r="J2591" s="52" t="s">
        <v>6847</v>
      </c>
      <c r="K2591" s="71" t="s">
        <v>6848</v>
      </c>
      <c r="L2591" s="52" t="s">
        <v>2063</v>
      </c>
      <c r="M2591" s="72">
        <v>2743</v>
      </c>
      <c r="N2591" s="52" t="s">
        <v>2154</v>
      </c>
      <c r="O2591" s="52" t="s">
        <v>2155</v>
      </c>
      <c r="P2591" s="52"/>
      <c r="Q2591" s="52"/>
      <c r="R2591" s="52"/>
      <c r="S2591" s="52"/>
      <c r="T2591" s="52"/>
      <c r="U2591" s="52"/>
      <c r="V2591" s="52"/>
      <c r="W2591" s="52"/>
    </row>
    <row r="2592" spans="1:23" hidden="1" x14ac:dyDescent="0.35">
      <c r="A2592" s="52" t="s">
        <v>78</v>
      </c>
      <c r="B2592" s="52" t="s">
        <v>79</v>
      </c>
      <c r="C2592" s="3">
        <v>20</v>
      </c>
      <c r="D2592" s="52" t="s">
        <v>87</v>
      </c>
      <c r="E2592" s="52" t="s">
        <v>26</v>
      </c>
      <c r="F2592" s="52" t="s">
        <v>81</v>
      </c>
      <c r="G2592" s="52" t="s">
        <v>82</v>
      </c>
      <c r="H2592" s="4">
        <v>1</v>
      </c>
      <c r="I2592" s="2">
        <v>14.65</v>
      </c>
      <c r="J2592" s="52" t="s">
        <v>6849</v>
      </c>
      <c r="K2592" s="71" t="s">
        <v>6850</v>
      </c>
      <c r="L2592" s="52" t="s">
        <v>2063</v>
      </c>
      <c r="M2592" s="72">
        <v>3725</v>
      </c>
      <c r="N2592" s="52" t="s">
        <v>2066</v>
      </c>
      <c r="O2592" s="52" t="s">
        <v>2067</v>
      </c>
      <c r="P2592" s="52"/>
      <c r="Q2592" s="52"/>
      <c r="R2592" s="52"/>
      <c r="S2592" s="52"/>
      <c r="T2592" s="52"/>
      <c r="U2592" s="52"/>
      <c r="V2592" s="52"/>
      <c r="W2592" s="52"/>
    </row>
    <row r="2593" spans="1:23" hidden="1" x14ac:dyDescent="0.35">
      <c r="A2593" s="52" t="s">
        <v>78</v>
      </c>
      <c r="B2593" s="52" t="s">
        <v>79</v>
      </c>
      <c r="C2593" s="3">
        <v>20</v>
      </c>
      <c r="D2593" s="52" t="s">
        <v>83</v>
      </c>
      <c r="E2593" s="52" t="s">
        <v>26</v>
      </c>
      <c r="F2593" s="52" t="s">
        <v>81</v>
      </c>
      <c r="G2593" s="52" t="s">
        <v>82</v>
      </c>
      <c r="H2593" s="4">
        <v>1</v>
      </c>
      <c r="I2593" s="2">
        <v>14.65</v>
      </c>
      <c r="J2593" s="52" t="s">
        <v>6851</v>
      </c>
      <c r="K2593" s="71" t="s">
        <v>6852</v>
      </c>
      <c r="L2593" s="52" t="s">
        <v>2063</v>
      </c>
      <c r="M2593" s="72">
        <v>7507</v>
      </c>
      <c r="N2593" s="52" t="s">
        <v>2072</v>
      </c>
      <c r="O2593" s="52" t="s">
        <v>2073</v>
      </c>
      <c r="P2593" s="52"/>
      <c r="Q2593" s="52"/>
      <c r="R2593" s="52"/>
      <c r="S2593" s="52"/>
      <c r="T2593" s="52"/>
      <c r="U2593" s="52"/>
      <c r="V2593" s="52"/>
      <c r="W2593" s="52"/>
    </row>
    <row r="2594" spans="1:23" hidden="1" x14ac:dyDescent="0.35">
      <c r="A2594" s="52" t="s">
        <v>78</v>
      </c>
      <c r="B2594" s="52" t="s">
        <v>79</v>
      </c>
      <c r="C2594" s="3">
        <v>10</v>
      </c>
      <c r="D2594" s="52" t="s">
        <v>2021</v>
      </c>
      <c r="E2594" s="52" t="s">
        <v>26</v>
      </c>
      <c r="F2594" s="52" t="s">
        <v>81</v>
      </c>
      <c r="G2594" s="52" t="s">
        <v>82</v>
      </c>
      <c r="H2594" s="4">
        <v>1</v>
      </c>
      <c r="I2594" s="2">
        <v>14.65</v>
      </c>
      <c r="J2594" s="52" t="s">
        <v>6853</v>
      </c>
      <c r="K2594" s="71" t="s">
        <v>6854</v>
      </c>
      <c r="L2594" s="52" t="s">
        <v>2063</v>
      </c>
      <c r="M2594" s="72">
        <v>1008</v>
      </c>
      <c r="N2594" s="52" t="s">
        <v>2072</v>
      </c>
      <c r="O2594" s="52" t="s">
        <v>2073</v>
      </c>
      <c r="P2594" s="52"/>
      <c r="Q2594" s="52"/>
      <c r="R2594" s="52"/>
      <c r="S2594" s="52"/>
      <c r="T2594" s="52"/>
      <c r="U2594" s="52"/>
      <c r="V2594" s="52"/>
      <c r="W2594" s="52"/>
    </row>
    <row r="2595" spans="1:23" hidden="1" x14ac:dyDescent="0.35">
      <c r="A2595" s="52" t="s">
        <v>78</v>
      </c>
      <c r="B2595" s="52" t="s">
        <v>79</v>
      </c>
      <c r="C2595" s="3">
        <v>10</v>
      </c>
      <c r="D2595" s="52" t="s">
        <v>2024</v>
      </c>
      <c r="E2595" s="52" t="s">
        <v>26</v>
      </c>
      <c r="F2595" s="52" t="s">
        <v>81</v>
      </c>
      <c r="G2595" s="52" t="s">
        <v>82</v>
      </c>
      <c r="H2595" s="4">
        <v>1</v>
      </c>
      <c r="I2595" s="2">
        <v>14.65</v>
      </c>
      <c r="J2595" s="52" t="s">
        <v>6855</v>
      </c>
      <c r="K2595" s="71" t="s">
        <v>6856</v>
      </c>
      <c r="L2595" s="52" t="s">
        <v>2063</v>
      </c>
      <c r="M2595" s="72">
        <v>2622</v>
      </c>
      <c r="N2595" s="52" t="s">
        <v>2072</v>
      </c>
      <c r="O2595" s="52" t="s">
        <v>2073</v>
      </c>
      <c r="P2595" s="52"/>
      <c r="Q2595" s="52"/>
      <c r="R2595" s="52"/>
      <c r="S2595" s="52"/>
      <c r="T2595" s="52"/>
      <c r="U2595" s="52"/>
      <c r="V2595" s="52"/>
      <c r="W2595" s="52"/>
    </row>
    <row r="2596" spans="1:23" hidden="1" x14ac:dyDescent="0.35">
      <c r="A2596" s="52" t="s">
        <v>78</v>
      </c>
      <c r="B2596" s="52" t="s">
        <v>79</v>
      </c>
      <c r="C2596" s="3">
        <v>211</v>
      </c>
      <c r="D2596" s="52" t="s">
        <v>2021</v>
      </c>
      <c r="E2596" s="52" t="s">
        <v>26</v>
      </c>
      <c r="F2596" s="52" t="s">
        <v>81</v>
      </c>
      <c r="G2596" s="52" t="s">
        <v>82</v>
      </c>
      <c r="H2596" s="4">
        <v>1</v>
      </c>
      <c r="I2596" s="2">
        <v>14.65</v>
      </c>
      <c r="J2596" s="52" t="s">
        <v>6857</v>
      </c>
      <c r="K2596" s="71" t="s">
        <v>6858</v>
      </c>
      <c r="L2596" s="52" t="s">
        <v>2063</v>
      </c>
      <c r="M2596" s="72">
        <v>7185</v>
      </c>
      <c r="N2596" s="52" t="s">
        <v>2066</v>
      </c>
      <c r="O2596" s="52" t="s">
        <v>2067</v>
      </c>
      <c r="P2596" s="52"/>
      <c r="Q2596" s="52"/>
      <c r="R2596" s="52"/>
      <c r="S2596" s="52"/>
      <c r="T2596" s="52"/>
      <c r="U2596" s="52"/>
      <c r="V2596" s="52"/>
      <c r="W2596" s="52"/>
    </row>
    <row r="2597" spans="1:23" hidden="1" x14ac:dyDescent="0.35">
      <c r="A2597" s="52" t="s">
        <v>78</v>
      </c>
      <c r="B2597" s="52" t="s">
        <v>79</v>
      </c>
      <c r="C2597" s="3">
        <v>10</v>
      </c>
      <c r="D2597" s="52" t="s">
        <v>2019</v>
      </c>
      <c r="E2597" s="52" t="s">
        <v>26</v>
      </c>
      <c r="F2597" s="52" t="s">
        <v>81</v>
      </c>
      <c r="G2597" s="52" t="s">
        <v>82</v>
      </c>
      <c r="H2597" s="4">
        <v>1</v>
      </c>
      <c r="I2597" s="2">
        <v>14.65</v>
      </c>
      <c r="J2597" s="52" t="s">
        <v>6859</v>
      </c>
      <c r="K2597" s="71" t="s">
        <v>6860</v>
      </c>
      <c r="L2597" s="52" t="s">
        <v>2095</v>
      </c>
      <c r="M2597" s="72">
        <v>2709</v>
      </c>
      <c r="N2597" s="52" t="s">
        <v>2072</v>
      </c>
      <c r="O2597" s="52" t="s">
        <v>2073</v>
      </c>
      <c r="P2597" s="52"/>
      <c r="Q2597" s="52"/>
      <c r="R2597" s="52"/>
      <c r="S2597" s="52"/>
      <c r="T2597" s="52"/>
      <c r="U2597" s="52"/>
      <c r="V2597" s="52"/>
      <c r="W2597" s="52"/>
    </row>
    <row r="2598" spans="1:23" hidden="1" x14ac:dyDescent="0.35">
      <c r="A2598" s="52" t="s">
        <v>78</v>
      </c>
      <c r="B2598" s="52" t="s">
        <v>79</v>
      </c>
      <c r="C2598" s="3">
        <v>211</v>
      </c>
      <c r="D2598" s="52" t="s">
        <v>2023</v>
      </c>
      <c r="E2598" s="52" t="s">
        <v>26</v>
      </c>
      <c r="F2598" s="52" t="s">
        <v>81</v>
      </c>
      <c r="G2598" s="52" t="s">
        <v>82</v>
      </c>
      <c r="H2598" s="4">
        <v>1</v>
      </c>
      <c r="I2598" s="2">
        <v>14.65</v>
      </c>
      <c r="J2598" s="52" t="s">
        <v>6861</v>
      </c>
      <c r="K2598" s="71" t="s">
        <v>6862</v>
      </c>
      <c r="L2598" s="52" t="s">
        <v>2063</v>
      </c>
      <c r="M2598" s="72">
        <v>6112</v>
      </c>
      <c r="N2598" s="52" t="s">
        <v>2072</v>
      </c>
      <c r="O2598" s="52" t="s">
        <v>2073</v>
      </c>
      <c r="P2598" s="52"/>
      <c r="Q2598" s="52"/>
      <c r="R2598" s="52"/>
      <c r="S2598" s="52"/>
      <c r="T2598" s="52"/>
      <c r="U2598" s="52"/>
      <c r="V2598" s="52"/>
      <c r="W2598" s="52"/>
    </row>
    <row r="2599" spans="1:23" hidden="1" x14ac:dyDescent="0.35">
      <c r="A2599" s="52" t="s">
        <v>78</v>
      </c>
      <c r="B2599" s="52" t="s">
        <v>79</v>
      </c>
      <c r="C2599" s="3">
        <v>10</v>
      </c>
      <c r="D2599" s="52" t="s">
        <v>80</v>
      </c>
      <c r="E2599" s="52" t="s">
        <v>26</v>
      </c>
      <c r="F2599" s="52" t="s">
        <v>81</v>
      </c>
      <c r="G2599" s="52" t="s">
        <v>82</v>
      </c>
      <c r="H2599" s="4">
        <v>1</v>
      </c>
      <c r="I2599" s="2">
        <v>14.65</v>
      </c>
      <c r="J2599" s="52" t="s">
        <v>6863</v>
      </c>
      <c r="K2599" s="71" t="s">
        <v>6864</v>
      </c>
      <c r="L2599" s="52" t="s">
        <v>2063</v>
      </c>
      <c r="M2599" s="72">
        <v>7253</v>
      </c>
      <c r="N2599" s="52" t="s">
        <v>2072</v>
      </c>
      <c r="O2599" s="52" t="s">
        <v>2073</v>
      </c>
      <c r="P2599" s="52"/>
      <c r="Q2599" s="52"/>
      <c r="R2599" s="52"/>
      <c r="S2599" s="52"/>
      <c r="T2599" s="52"/>
      <c r="U2599" s="52"/>
      <c r="V2599" s="52"/>
      <c r="W2599" s="52"/>
    </row>
    <row r="2600" spans="1:23" x14ac:dyDescent="0.35">
      <c r="A2600" s="52" t="s">
        <v>78</v>
      </c>
      <c r="B2600" s="52" t="s">
        <v>79</v>
      </c>
      <c r="C2600" s="3">
        <v>20</v>
      </c>
      <c r="D2600" s="52" t="s">
        <v>2020</v>
      </c>
      <c r="E2600" s="52" t="s">
        <v>26</v>
      </c>
      <c r="F2600" s="52" t="s">
        <v>81</v>
      </c>
      <c r="G2600" s="52" t="s">
        <v>82</v>
      </c>
      <c r="H2600" s="4">
        <v>1</v>
      </c>
      <c r="I2600" s="2">
        <v>14.65</v>
      </c>
      <c r="J2600" s="52" t="s">
        <v>6865</v>
      </c>
      <c r="K2600" s="71" t="s">
        <v>6866</v>
      </c>
      <c r="L2600" s="52" t="s">
        <v>2063</v>
      </c>
      <c r="M2600" s="72">
        <v>1017</v>
      </c>
      <c r="N2600" s="52" t="s">
        <v>2076</v>
      </c>
      <c r="O2600" s="52" t="s">
        <v>2077</v>
      </c>
      <c r="P2600" s="52"/>
      <c r="Q2600" s="52"/>
      <c r="R2600" s="52"/>
      <c r="S2600" s="52"/>
      <c r="T2600" s="52"/>
      <c r="U2600" s="52"/>
      <c r="V2600" s="52"/>
      <c r="W2600" s="52"/>
    </row>
    <row r="2601" spans="1:23" hidden="1" x14ac:dyDescent="0.35">
      <c r="A2601" s="52" t="s">
        <v>78</v>
      </c>
      <c r="B2601" s="52" t="s">
        <v>79</v>
      </c>
      <c r="C2601" s="3">
        <v>20</v>
      </c>
      <c r="D2601" s="52" t="s">
        <v>83</v>
      </c>
      <c r="E2601" s="52" t="s">
        <v>26</v>
      </c>
      <c r="F2601" s="52" t="s">
        <v>81</v>
      </c>
      <c r="G2601" s="52" t="s">
        <v>82</v>
      </c>
      <c r="H2601" s="4">
        <v>1</v>
      </c>
      <c r="I2601" s="2">
        <v>14.65</v>
      </c>
      <c r="J2601" s="52" t="s">
        <v>6867</v>
      </c>
      <c r="K2601" s="71" t="s">
        <v>6868</v>
      </c>
      <c r="L2601" s="52" t="s">
        <v>2063</v>
      </c>
      <c r="M2601" s="72">
        <v>3153</v>
      </c>
      <c r="N2601" s="52" t="s">
        <v>2072</v>
      </c>
      <c r="O2601" s="52" t="s">
        <v>2073</v>
      </c>
      <c r="P2601" s="52"/>
      <c r="Q2601" s="52"/>
      <c r="R2601" s="52"/>
      <c r="S2601" s="52"/>
      <c r="T2601" s="52"/>
      <c r="U2601" s="52"/>
      <c r="V2601" s="52"/>
      <c r="W2601" s="52"/>
    </row>
    <row r="2602" spans="1:23" hidden="1" x14ac:dyDescent="0.35">
      <c r="A2602" s="52" t="s">
        <v>78</v>
      </c>
      <c r="B2602" s="52" t="s">
        <v>79</v>
      </c>
      <c r="C2602" s="3">
        <v>212</v>
      </c>
      <c r="D2602" s="52" t="s">
        <v>2019</v>
      </c>
      <c r="E2602" s="52" t="s">
        <v>26</v>
      </c>
      <c r="F2602" s="52" t="s">
        <v>81</v>
      </c>
      <c r="G2602" s="52" t="s">
        <v>82</v>
      </c>
      <c r="H2602" s="4">
        <v>1</v>
      </c>
      <c r="I2602" s="2">
        <v>14.65</v>
      </c>
      <c r="J2602" s="52" t="s">
        <v>6869</v>
      </c>
      <c r="K2602" s="71" t="s">
        <v>6870</v>
      </c>
      <c r="L2602" s="52" t="s">
        <v>2063</v>
      </c>
      <c r="M2602" s="72">
        <v>7488</v>
      </c>
      <c r="N2602" s="52" t="s">
        <v>2066</v>
      </c>
      <c r="O2602" s="52" t="s">
        <v>2067</v>
      </c>
      <c r="P2602" s="52"/>
      <c r="Q2602" s="52"/>
      <c r="R2602" s="52"/>
      <c r="S2602" s="52"/>
      <c r="T2602" s="52"/>
      <c r="U2602" s="52"/>
      <c r="V2602" s="52"/>
      <c r="W2602" s="52"/>
    </row>
    <row r="2603" spans="1:23" hidden="1" x14ac:dyDescent="0.35">
      <c r="A2603" s="52" t="s">
        <v>78</v>
      </c>
      <c r="B2603" s="52" t="s">
        <v>79</v>
      </c>
      <c r="C2603" s="3">
        <v>20</v>
      </c>
      <c r="D2603" s="52" t="s">
        <v>2019</v>
      </c>
      <c r="E2603" s="52" t="s">
        <v>26</v>
      </c>
      <c r="F2603" s="52" t="s">
        <v>81</v>
      </c>
      <c r="G2603" s="52" t="s">
        <v>82</v>
      </c>
      <c r="H2603" s="4">
        <v>1</v>
      </c>
      <c r="I2603" s="2">
        <v>14.65</v>
      </c>
      <c r="J2603" s="52" t="s">
        <v>6871</v>
      </c>
      <c r="K2603" s="71" t="s">
        <v>6872</v>
      </c>
      <c r="L2603" s="52" t="s">
        <v>2063</v>
      </c>
      <c r="M2603" s="72">
        <v>1736</v>
      </c>
      <c r="N2603" s="52"/>
      <c r="O2603" s="52"/>
      <c r="P2603" s="52"/>
      <c r="Q2603" s="52"/>
      <c r="R2603" s="52"/>
      <c r="S2603" s="52"/>
      <c r="T2603" s="52"/>
      <c r="U2603" s="52"/>
      <c r="V2603" s="52"/>
      <c r="W2603" s="52"/>
    </row>
    <row r="2604" spans="1:23" hidden="1" x14ac:dyDescent="0.35">
      <c r="A2604" s="52" t="s">
        <v>78</v>
      </c>
      <c r="B2604" s="52" t="s">
        <v>79</v>
      </c>
      <c r="C2604" s="3">
        <v>10</v>
      </c>
      <c r="D2604" s="52" t="s">
        <v>2022</v>
      </c>
      <c r="E2604" s="52" t="s">
        <v>26</v>
      </c>
      <c r="F2604" s="52" t="s">
        <v>81</v>
      </c>
      <c r="G2604" s="52" t="s">
        <v>82</v>
      </c>
      <c r="H2604" s="4">
        <v>1</v>
      </c>
      <c r="I2604" s="2">
        <v>14.65</v>
      </c>
      <c r="J2604" s="52" t="s">
        <v>6873</v>
      </c>
      <c r="K2604" s="71" t="s">
        <v>6874</v>
      </c>
      <c r="L2604" s="52" t="s">
        <v>2063</v>
      </c>
      <c r="M2604" s="72">
        <v>3275</v>
      </c>
      <c r="N2604" s="52" t="s">
        <v>2066</v>
      </c>
      <c r="O2604" s="52" t="s">
        <v>2067</v>
      </c>
      <c r="P2604" s="52"/>
      <c r="Q2604" s="52"/>
      <c r="R2604" s="52"/>
      <c r="S2604" s="52"/>
      <c r="T2604" s="52"/>
      <c r="U2604" s="52"/>
      <c r="V2604" s="52"/>
      <c r="W2604" s="52"/>
    </row>
    <row r="2605" spans="1:23" hidden="1" x14ac:dyDescent="0.35">
      <c r="A2605" s="52" t="s">
        <v>78</v>
      </c>
      <c r="B2605" s="52" t="s">
        <v>79</v>
      </c>
      <c r="C2605" s="3">
        <v>20</v>
      </c>
      <c r="D2605" s="52" t="s">
        <v>83</v>
      </c>
      <c r="E2605" s="52" t="s">
        <v>26</v>
      </c>
      <c r="F2605" s="52" t="s">
        <v>81</v>
      </c>
      <c r="G2605" s="52" t="s">
        <v>82</v>
      </c>
      <c r="H2605" s="4">
        <v>1</v>
      </c>
      <c r="I2605" s="2">
        <v>14.65</v>
      </c>
      <c r="J2605" s="52" t="s">
        <v>6039</v>
      </c>
      <c r="K2605" s="71" t="s">
        <v>6875</v>
      </c>
      <c r="L2605" s="52" t="s">
        <v>2063</v>
      </c>
      <c r="M2605" s="72">
        <v>5106</v>
      </c>
      <c r="N2605" s="52" t="s">
        <v>2072</v>
      </c>
      <c r="O2605" s="52" t="s">
        <v>2073</v>
      </c>
      <c r="P2605" s="52"/>
      <c r="Q2605" s="52"/>
      <c r="R2605" s="52"/>
      <c r="S2605" s="52"/>
      <c r="T2605" s="52"/>
      <c r="U2605" s="52"/>
      <c r="V2605" s="52"/>
      <c r="W2605" s="52"/>
    </row>
    <row r="2606" spans="1:23" hidden="1" x14ac:dyDescent="0.35">
      <c r="A2606" s="52" t="s">
        <v>78</v>
      </c>
      <c r="B2606" s="52" t="s">
        <v>79</v>
      </c>
      <c r="C2606" s="3">
        <v>10</v>
      </c>
      <c r="D2606" s="52" t="s">
        <v>2019</v>
      </c>
      <c r="E2606" s="52" t="s">
        <v>26</v>
      </c>
      <c r="F2606" s="52" t="s">
        <v>81</v>
      </c>
      <c r="G2606" s="52" t="s">
        <v>82</v>
      </c>
      <c r="H2606" s="4">
        <v>1</v>
      </c>
      <c r="I2606" s="2">
        <v>14.65</v>
      </c>
      <c r="J2606" s="52" t="s">
        <v>6876</v>
      </c>
      <c r="K2606" s="71" t="s">
        <v>6877</v>
      </c>
      <c r="L2606" s="52" t="s">
        <v>2063</v>
      </c>
      <c r="M2606" s="72">
        <v>6872</v>
      </c>
      <c r="N2606" s="52" t="s">
        <v>2072</v>
      </c>
      <c r="O2606" s="52" t="s">
        <v>2073</v>
      </c>
      <c r="P2606" s="52"/>
      <c r="Q2606" s="52"/>
      <c r="R2606" s="52"/>
      <c r="S2606" s="52"/>
      <c r="T2606" s="52"/>
      <c r="U2606" s="52"/>
      <c r="V2606" s="52"/>
      <c r="W2606" s="52"/>
    </row>
    <row r="2607" spans="1:23" hidden="1" x14ac:dyDescent="0.35">
      <c r="A2607" s="52" t="s">
        <v>78</v>
      </c>
      <c r="B2607" s="52" t="s">
        <v>79</v>
      </c>
      <c r="C2607" s="3">
        <v>20</v>
      </c>
      <c r="D2607" s="52" t="s">
        <v>2021</v>
      </c>
      <c r="E2607" s="52" t="s">
        <v>26</v>
      </c>
      <c r="F2607" s="52" t="s">
        <v>81</v>
      </c>
      <c r="G2607" s="52" t="s">
        <v>82</v>
      </c>
      <c r="H2607" s="4">
        <v>1</v>
      </c>
      <c r="I2607" s="2">
        <v>14.65</v>
      </c>
      <c r="J2607" s="52" t="s">
        <v>6878</v>
      </c>
      <c r="K2607" s="71" t="s">
        <v>6879</v>
      </c>
      <c r="L2607" s="52" t="s">
        <v>2063</v>
      </c>
      <c r="M2607" s="72">
        <v>3694</v>
      </c>
      <c r="N2607" s="52" t="s">
        <v>2066</v>
      </c>
      <c r="O2607" s="52" t="s">
        <v>2067</v>
      </c>
      <c r="P2607" s="52"/>
      <c r="Q2607" s="52"/>
      <c r="R2607" s="52"/>
      <c r="S2607" s="52"/>
      <c r="T2607" s="52"/>
      <c r="U2607" s="52"/>
      <c r="V2607" s="52"/>
      <c r="W2607" s="52"/>
    </row>
    <row r="2608" spans="1:23" hidden="1" x14ac:dyDescent="0.35">
      <c r="A2608" s="52" t="s">
        <v>78</v>
      </c>
      <c r="B2608" s="52" t="s">
        <v>79</v>
      </c>
      <c r="C2608" s="3">
        <v>20</v>
      </c>
      <c r="D2608" s="52" t="s">
        <v>2024</v>
      </c>
      <c r="E2608" s="52" t="s">
        <v>26</v>
      </c>
      <c r="F2608" s="52" t="s">
        <v>81</v>
      </c>
      <c r="G2608" s="52" t="s">
        <v>82</v>
      </c>
      <c r="H2608" s="4">
        <v>1</v>
      </c>
      <c r="I2608" s="2">
        <v>14.65</v>
      </c>
      <c r="J2608" s="52" t="s">
        <v>6880</v>
      </c>
      <c r="K2608" s="71" t="s">
        <v>6881</v>
      </c>
      <c r="L2608" s="52" t="s">
        <v>2063</v>
      </c>
      <c r="M2608" s="72">
        <v>1374</v>
      </c>
      <c r="N2608" s="52"/>
      <c r="O2608" s="52"/>
      <c r="P2608" s="52"/>
      <c r="Q2608" s="52"/>
      <c r="R2608" s="52"/>
      <c r="S2608" s="52"/>
      <c r="T2608" s="52"/>
      <c r="U2608" s="52"/>
      <c r="V2608" s="52"/>
      <c r="W2608" s="52"/>
    </row>
    <row r="2609" spans="1:23" x14ac:dyDescent="0.35">
      <c r="A2609" s="52" t="s">
        <v>78</v>
      </c>
      <c r="B2609" s="52" t="s">
        <v>79</v>
      </c>
      <c r="C2609" s="3">
        <v>20</v>
      </c>
      <c r="D2609" s="52" t="s">
        <v>83</v>
      </c>
      <c r="E2609" s="52" t="s">
        <v>26</v>
      </c>
      <c r="F2609" s="52" t="s">
        <v>81</v>
      </c>
      <c r="G2609" s="52" t="s">
        <v>82</v>
      </c>
      <c r="H2609" s="4">
        <v>1</v>
      </c>
      <c r="I2609" s="2">
        <v>14.65</v>
      </c>
      <c r="J2609" s="52" t="s">
        <v>6882</v>
      </c>
      <c r="K2609" s="71" t="s">
        <v>6883</v>
      </c>
      <c r="L2609" s="52" t="s">
        <v>2063</v>
      </c>
      <c r="M2609" s="72">
        <v>7891</v>
      </c>
      <c r="N2609" s="52" t="s">
        <v>2259</v>
      </c>
      <c r="O2609" s="52" t="s">
        <v>2260</v>
      </c>
      <c r="P2609" s="52"/>
      <c r="Q2609" s="52"/>
      <c r="R2609" s="52"/>
      <c r="S2609" s="52"/>
      <c r="T2609" s="52"/>
      <c r="U2609" s="52"/>
      <c r="V2609" s="52"/>
      <c r="W2609" s="52"/>
    </row>
    <row r="2610" spans="1:23" hidden="1" x14ac:dyDescent="0.35">
      <c r="A2610" s="52" t="s">
        <v>78</v>
      </c>
      <c r="B2610" s="52" t="s">
        <v>79</v>
      </c>
      <c r="C2610" s="3">
        <v>20</v>
      </c>
      <c r="D2610" s="52" t="s">
        <v>2024</v>
      </c>
      <c r="E2610" s="52" t="s">
        <v>26</v>
      </c>
      <c r="F2610" s="52" t="s">
        <v>81</v>
      </c>
      <c r="G2610" s="52" t="s">
        <v>82</v>
      </c>
      <c r="H2610" s="4">
        <v>1</v>
      </c>
      <c r="I2610" s="2">
        <v>14.65</v>
      </c>
      <c r="J2610" s="52" t="s">
        <v>6884</v>
      </c>
      <c r="K2610" s="71" t="s">
        <v>6885</v>
      </c>
      <c r="L2610" s="52" t="s">
        <v>2063</v>
      </c>
      <c r="M2610" s="72">
        <v>6668</v>
      </c>
      <c r="N2610" s="52" t="s">
        <v>2072</v>
      </c>
      <c r="O2610" s="52" t="s">
        <v>2073</v>
      </c>
      <c r="P2610" s="52"/>
      <c r="Q2610" s="52"/>
      <c r="R2610" s="52"/>
      <c r="S2610" s="52"/>
      <c r="T2610" s="52"/>
      <c r="U2610" s="52"/>
      <c r="V2610" s="52"/>
      <c r="W2610" s="52"/>
    </row>
    <row r="2611" spans="1:23" hidden="1" x14ac:dyDescent="0.35">
      <c r="A2611" s="52" t="s">
        <v>78</v>
      </c>
      <c r="B2611" s="52" t="s">
        <v>79</v>
      </c>
      <c r="C2611" s="3">
        <v>10</v>
      </c>
      <c r="D2611" s="52" t="s">
        <v>87</v>
      </c>
      <c r="E2611" s="52" t="s">
        <v>26</v>
      </c>
      <c r="F2611" s="52" t="s">
        <v>81</v>
      </c>
      <c r="G2611" s="52" t="s">
        <v>82</v>
      </c>
      <c r="H2611" s="4">
        <v>1</v>
      </c>
      <c r="I2611" s="2">
        <v>14.65</v>
      </c>
      <c r="J2611" s="52" t="s">
        <v>6886</v>
      </c>
      <c r="K2611" s="71" t="s">
        <v>6887</v>
      </c>
      <c r="L2611" s="52" t="s">
        <v>2063</v>
      </c>
      <c r="M2611" s="72">
        <v>2898</v>
      </c>
      <c r="N2611" s="52" t="s">
        <v>2072</v>
      </c>
      <c r="O2611" s="52" t="s">
        <v>2073</v>
      </c>
      <c r="P2611" s="52"/>
      <c r="Q2611" s="52"/>
      <c r="R2611" s="52"/>
      <c r="S2611" s="52"/>
      <c r="T2611" s="52"/>
      <c r="U2611" s="52"/>
      <c r="V2611" s="52"/>
      <c r="W2611" s="52"/>
    </row>
    <row r="2612" spans="1:23" hidden="1" x14ac:dyDescent="0.35">
      <c r="A2612" s="52" t="s">
        <v>78</v>
      </c>
      <c r="B2612" s="52" t="s">
        <v>79</v>
      </c>
      <c r="C2612" s="3">
        <v>212</v>
      </c>
      <c r="D2612" s="52" t="s">
        <v>85</v>
      </c>
      <c r="E2612" s="52" t="s">
        <v>26</v>
      </c>
      <c r="F2612" s="52" t="s">
        <v>81</v>
      </c>
      <c r="G2612" s="52" t="s">
        <v>82</v>
      </c>
      <c r="H2612" s="4">
        <v>1</v>
      </c>
      <c r="I2612" s="2">
        <v>14.65</v>
      </c>
      <c r="J2612" s="52" t="s">
        <v>6888</v>
      </c>
      <c r="K2612" s="71" t="s">
        <v>6889</v>
      </c>
      <c r="L2612" s="52" t="s">
        <v>2063</v>
      </c>
      <c r="M2612" s="72">
        <v>9689</v>
      </c>
      <c r="N2612" s="52" t="s">
        <v>2072</v>
      </c>
      <c r="O2612" s="52" t="s">
        <v>2073</v>
      </c>
      <c r="P2612" s="52"/>
      <c r="Q2612" s="52"/>
      <c r="R2612" s="52"/>
      <c r="S2612" s="52"/>
      <c r="T2612" s="52"/>
      <c r="U2612" s="52"/>
      <c r="V2612" s="52"/>
      <c r="W2612" s="52"/>
    </row>
    <row r="2613" spans="1:23" hidden="1" x14ac:dyDescent="0.35">
      <c r="A2613" s="52" t="s">
        <v>78</v>
      </c>
      <c r="B2613" s="52" t="s">
        <v>79</v>
      </c>
      <c r="C2613" s="3">
        <v>20</v>
      </c>
      <c r="D2613" s="52" t="s">
        <v>2020</v>
      </c>
      <c r="E2613" s="52" t="s">
        <v>26</v>
      </c>
      <c r="F2613" s="52" t="s">
        <v>81</v>
      </c>
      <c r="G2613" s="52" t="s">
        <v>82</v>
      </c>
      <c r="H2613" s="4">
        <v>1</v>
      </c>
      <c r="I2613" s="2">
        <v>14.65</v>
      </c>
      <c r="J2613" s="52" t="s">
        <v>6890</v>
      </c>
      <c r="K2613" s="71" t="s">
        <v>6891</v>
      </c>
      <c r="L2613" s="52" t="s">
        <v>2063</v>
      </c>
      <c r="M2613" s="72">
        <v>2223</v>
      </c>
      <c r="N2613" s="52" t="s">
        <v>2072</v>
      </c>
      <c r="O2613" s="52" t="s">
        <v>2073</v>
      </c>
      <c r="P2613" s="52"/>
      <c r="Q2613" s="52"/>
      <c r="R2613" s="52"/>
      <c r="S2613" s="52"/>
      <c r="T2613" s="52"/>
      <c r="U2613" s="52"/>
      <c r="V2613" s="52"/>
      <c r="W2613" s="52"/>
    </row>
    <row r="2614" spans="1:23" hidden="1" x14ac:dyDescent="0.35">
      <c r="A2614" s="52" t="s">
        <v>78</v>
      </c>
      <c r="B2614" s="52" t="s">
        <v>79</v>
      </c>
      <c r="C2614" s="3">
        <v>20</v>
      </c>
      <c r="D2614" s="52" t="s">
        <v>87</v>
      </c>
      <c r="E2614" s="52" t="s">
        <v>26</v>
      </c>
      <c r="F2614" s="52" t="s">
        <v>81</v>
      </c>
      <c r="G2614" s="52" t="s">
        <v>82</v>
      </c>
      <c r="H2614" s="4">
        <v>1</v>
      </c>
      <c r="I2614" s="2">
        <v>14.65</v>
      </c>
      <c r="J2614" s="52" t="s">
        <v>6892</v>
      </c>
      <c r="K2614" s="71" t="s">
        <v>6893</v>
      </c>
      <c r="L2614" s="52" t="s">
        <v>2063</v>
      </c>
      <c r="M2614" s="72">
        <v>5100</v>
      </c>
      <c r="N2614" s="52" t="s">
        <v>2072</v>
      </c>
      <c r="O2614" s="52" t="s">
        <v>2073</v>
      </c>
      <c r="P2614" s="52"/>
      <c r="Q2614" s="52"/>
      <c r="R2614" s="52"/>
      <c r="S2614" s="52"/>
      <c r="T2614" s="52"/>
      <c r="U2614" s="52"/>
      <c r="V2614" s="52"/>
      <c r="W2614" s="52"/>
    </row>
    <row r="2615" spans="1:23" hidden="1" x14ac:dyDescent="0.35">
      <c r="A2615" s="52" t="s">
        <v>78</v>
      </c>
      <c r="B2615" s="52" t="s">
        <v>79</v>
      </c>
      <c r="C2615" s="3">
        <v>20</v>
      </c>
      <c r="D2615" s="52" t="s">
        <v>85</v>
      </c>
      <c r="E2615" s="52" t="s">
        <v>26</v>
      </c>
      <c r="F2615" s="52" t="s">
        <v>81</v>
      </c>
      <c r="G2615" s="52" t="s">
        <v>82</v>
      </c>
      <c r="H2615" s="4">
        <v>1</v>
      </c>
      <c r="I2615" s="2">
        <v>14.65</v>
      </c>
      <c r="J2615" s="52" t="s">
        <v>6894</v>
      </c>
      <c r="K2615" s="71" t="s">
        <v>6895</v>
      </c>
      <c r="L2615" s="52" t="s">
        <v>2063</v>
      </c>
      <c r="M2615" s="72">
        <v>8592</v>
      </c>
      <c r="N2615" s="52" t="s">
        <v>2158</v>
      </c>
      <c r="O2615" s="52" t="s">
        <v>2159</v>
      </c>
      <c r="P2615" s="52"/>
      <c r="Q2615" s="52"/>
      <c r="R2615" s="52"/>
      <c r="S2615" s="52"/>
      <c r="T2615" s="52"/>
      <c r="U2615" s="52"/>
      <c r="V2615" s="52"/>
      <c r="W2615" s="52"/>
    </row>
    <row r="2616" spans="1:23" hidden="1" x14ac:dyDescent="0.35">
      <c r="A2616" s="52" t="s">
        <v>78</v>
      </c>
      <c r="B2616" s="52" t="s">
        <v>79</v>
      </c>
      <c r="C2616" s="3">
        <v>212</v>
      </c>
      <c r="D2616" s="52" t="s">
        <v>80</v>
      </c>
      <c r="E2616" s="52" t="s">
        <v>26</v>
      </c>
      <c r="F2616" s="52" t="s">
        <v>81</v>
      </c>
      <c r="G2616" s="52" t="s">
        <v>82</v>
      </c>
      <c r="H2616" s="4">
        <v>1</v>
      </c>
      <c r="I2616" s="2">
        <v>14.65</v>
      </c>
      <c r="J2616" s="52" t="s">
        <v>6896</v>
      </c>
      <c r="K2616" s="71" t="s">
        <v>6897</v>
      </c>
      <c r="L2616" s="52" t="s">
        <v>2063</v>
      </c>
      <c r="M2616" s="72">
        <v>3127</v>
      </c>
      <c r="N2616" s="52" t="s">
        <v>2066</v>
      </c>
      <c r="O2616" s="52" t="s">
        <v>2067</v>
      </c>
      <c r="P2616" s="52"/>
      <c r="Q2616" s="52"/>
      <c r="R2616" s="52"/>
      <c r="S2616" s="52"/>
      <c r="T2616" s="52"/>
      <c r="U2616" s="52"/>
      <c r="V2616" s="52"/>
      <c r="W2616" s="52"/>
    </row>
    <row r="2617" spans="1:23" hidden="1" x14ac:dyDescent="0.35">
      <c r="A2617" s="52" t="s">
        <v>78</v>
      </c>
      <c r="B2617" s="52" t="s">
        <v>79</v>
      </c>
      <c r="C2617" s="3">
        <v>20</v>
      </c>
      <c r="D2617" s="52" t="s">
        <v>80</v>
      </c>
      <c r="E2617" s="52" t="s">
        <v>26</v>
      </c>
      <c r="F2617" s="52" t="s">
        <v>81</v>
      </c>
      <c r="G2617" s="52" t="s">
        <v>82</v>
      </c>
      <c r="H2617" s="4">
        <v>1</v>
      </c>
      <c r="I2617" s="2">
        <v>14.65</v>
      </c>
      <c r="J2617" s="52" t="s">
        <v>6898</v>
      </c>
      <c r="K2617" s="71" t="s">
        <v>6899</v>
      </c>
      <c r="L2617" s="52" t="s">
        <v>2063</v>
      </c>
      <c r="M2617" s="72">
        <v>2969</v>
      </c>
      <c r="N2617" s="52" t="s">
        <v>2072</v>
      </c>
      <c r="O2617" s="52" t="s">
        <v>2073</v>
      </c>
      <c r="P2617" s="52"/>
      <c r="Q2617" s="52"/>
      <c r="R2617" s="52"/>
      <c r="S2617" s="52"/>
      <c r="T2617" s="52"/>
      <c r="U2617" s="52"/>
      <c r="V2617" s="52"/>
      <c r="W2617" s="52"/>
    </row>
    <row r="2618" spans="1:23" hidden="1" x14ac:dyDescent="0.35">
      <c r="A2618" s="52" t="s">
        <v>78</v>
      </c>
      <c r="B2618" s="52" t="s">
        <v>79</v>
      </c>
      <c r="C2618" s="3">
        <v>10</v>
      </c>
      <c r="D2618" s="52" t="s">
        <v>2022</v>
      </c>
      <c r="E2618" s="52" t="s">
        <v>26</v>
      </c>
      <c r="F2618" s="52" t="s">
        <v>81</v>
      </c>
      <c r="G2618" s="52" t="s">
        <v>82</v>
      </c>
      <c r="H2618" s="4">
        <v>1</v>
      </c>
      <c r="I2618" s="2">
        <v>14.65</v>
      </c>
      <c r="J2618" s="52" t="s">
        <v>6900</v>
      </c>
      <c r="K2618" s="71" t="s">
        <v>6901</v>
      </c>
      <c r="L2618" s="52" t="s">
        <v>2063</v>
      </c>
      <c r="M2618" s="72">
        <v>6312</v>
      </c>
      <c r="N2618" s="52"/>
      <c r="O2618" s="52"/>
      <c r="P2618" s="52"/>
      <c r="Q2618" s="52"/>
      <c r="R2618" s="52"/>
      <c r="S2618" s="52"/>
      <c r="T2618" s="52"/>
      <c r="U2618" s="52"/>
      <c r="V2618" s="52"/>
      <c r="W2618" s="52"/>
    </row>
    <row r="2619" spans="1:23" hidden="1" x14ac:dyDescent="0.35">
      <c r="A2619" s="52" t="s">
        <v>78</v>
      </c>
      <c r="B2619" s="52" t="s">
        <v>79</v>
      </c>
      <c r="C2619" s="3">
        <v>20</v>
      </c>
      <c r="D2619" s="52" t="s">
        <v>85</v>
      </c>
      <c r="E2619" s="52" t="s">
        <v>26</v>
      </c>
      <c r="F2619" s="52" t="s">
        <v>81</v>
      </c>
      <c r="G2619" s="52" t="s">
        <v>82</v>
      </c>
      <c r="H2619" s="4">
        <v>1</v>
      </c>
      <c r="I2619" s="2">
        <v>14.65</v>
      </c>
      <c r="J2619" s="52" t="s">
        <v>6902</v>
      </c>
      <c r="K2619" s="71" t="s">
        <v>6903</v>
      </c>
      <c r="L2619" s="52" t="s">
        <v>2063</v>
      </c>
      <c r="M2619" s="72">
        <v>1622</v>
      </c>
      <c r="N2619" s="52"/>
      <c r="O2619" s="52"/>
      <c r="P2619" s="52"/>
      <c r="Q2619" s="52"/>
      <c r="R2619" s="52"/>
      <c r="S2619" s="52"/>
      <c r="T2619" s="52"/>
      <c r="U2619" s="52"/>
      <c r="V2619" s="52"/>
      <c r="W2619" s="52"/>
    </row>
    <row r="2620" spans="1:23" hidden="1" x14ac:dyDescent="0.35">
      <c r="A2620" s="52" t="s">
        <v>78</v>
      </c>
      <c r="B2620" s="52" t="s">
        <v>79</v>
      </c>
      <c r="C2620" s="3">
        <v>20</v>
      </c>
      <c r="D2620" s="52" t="s">
        <v>80</v>
      </c>
      <c r="E2620" s="52" t="s">
        <v>26</v>
      </c>
      <c r="F2620" s="52" t="s">
        <v>81</v>
      </c>
      <c r="G2620" s="52" t="s">
        <v>82</v>
      </c>
      <c r="H2620" s="4">
        <v>1</v>
      </c>
      <c r="I2620" s="2">
        <v>14.65</v>
      </c>
      <c r="J2620" s="52" t="s">
        <v>6904</v>
      </c>
      <c r="K2620" s="71" t="s">
        <v>6905</v>
      </c>
      <c r="L2620" s="52" t="s">
        <v>2063</v>
      </c>
      <c r="M2620" s="72">
        <v>204</v>
      </c>
      <c r="N2620" s="52" t="s">
        <v>2158</v>
      </c>
      <c r="O2620" s="52" t="s">
        <v>2159</v>
      </c>
      <c r="P2620" s="52"/>
      <c r="Q2620" s="52"/>
      <c r="R2620" s="52"/>
      <c r="S2620" s="52"/>
      <c r="T2620" s="52"/>
      <c r="U2620" s="52"/>
      <c r="V2620" s="52"/>
      <c r="W2620" s="52"/>
    </row>
    <row r="2621" spans="1:23" hidden="1" x14ac:dyDescent="0.35">
      <c r="A2621" s="52" t="s">
        <v>78</v>
      </c>
      <c r="B2621" s="52" t="s">
        <v>79</v>
      </c>
      <c r="C2621" s="3">
        <v>20</v>
      </c>
      <c r="D2621" s="52" t="s">
        <v>2019</v>
      </c>
      <c r="E2621" s="52" t="s">
        <v>26</v>
      </c>
      <c r="F2621" s="52" t="s">
        <v>81</v>
      </c>
      <c r="G2621" s="52" t="s">
        <v>82</v>
      </c>
      <c r="H2621" s="4">
        <v>1</v>
      </c>
      <c r="I2621" s="2">
        <v>14.65</v>
      </c>
      <c r="J2621" s="52" t="s">
        <v>6906</v>
      </c>
      <c r="K2621" s="71" t="s">
        <v>6907</v>
      </c>
      <c r="L2621" s="52" t="s">
        <v>2063</v>
      </c>
      <c r="M2621" s="72">
        <v>6417</v>
      </c>
      <c r="N2621" s="52" t="s">
        <v>2072</v>
      </c>
      <c r="O2621" s="52" t="s">
        <v>2073</v>
      </c>
      <c r="P2621" s="52"/>
      <c r="Q2621" s="52"/>
      <c r="R2621" s="52"/>
      <c r="S2621" s="52"/>
      <c r="T2621" s="52"/>
      <c r="U2621" s="52"/>
      <c r="V2621" s="52"/>
      <c r="W2621" s="52"/>
    </row>
    <row r="2622" spans="1:23" hidden="1" x14ac:dyDescent="0.35">
      <c r="A2622" s="52" t="s">
        <v>78</v>
      </c>
      <c r="B2622" s="52" t="s">
        <v>79</v>
      </c>
      <c r="C2622" s="3">
        <v>10</v>
      </c>
      <c r="D2622" s="52" t="s">
        <v>2024</v>
      </c>
      <c r="E2622" s="52" t="s">
        <v>26</v>
      </c>
      <c r="F2622" s="52" t="s">
        <v>81</v>
      </c>
      <c r="G2622" s="52" t="s">
        <v>82</v>
      </c>
      <c r="H2622" s="4">
        <v>1</v>
      </c>
      <c r="I2622" s="2">
        <v>14.65</v>
      </c>
      <c r="J2622" s="52" t="s">
        <v>6908</v>
      </c>
      <c r="K2622" s="71" t="s">
        <v>6909</v>
      </c>
      <c r="L2622" s="52" t="s">
        <v>2063</v>
      </c>
      <c r="M2622" s="72">
        <v>145</v>
      </c>
      <c r="N2622" s="52" t="s">
        <v>2072</v>
      </c>
      <c r="O2622" s="52" t="s">
        <v>2073</v>
      </c>
      <c r="P2622" s="52"/>
      <c r="Q2622" s="52"/>
      <c r="R2622" s="52"/>
      <c r="S2622" s="52"/>
      <c r="T2622" s="52"/>
      <c r="U2622" s="52"/>
      <c r="V2622" s="52"/>
      <c r="W2622" s="52"/>
    </row>
    <row r="2623" spans="1:23" hidden="1" x14ac:dyDescent="0.35">
      <c r="A2623" s="52" t="s">
        <v>78</v>
      </c>
      <c r="B2623" s="52" t="s">
        <v>79</v>
      </c>
      <c r="C2623" s="3">
        <v>20</v>
      </c>
      <c r="D2623" s="52" t="s">
        <v>83</v>
      </c>
      <c r="E2623" s="52" t="s">
        <v>26</v>
      </c>
      <c r="F2623" s="52" t="s">
        <v>81</v>
      </c>
      <c r="G2623" s="52" t="s">
        <v>82</v>
      </c>
      <c r="H2623" s="4">
        <v>1</v>
      </c>
      <c r="I2623" s="2">
        <v>14.65</v>
      </c>
      <c r="J2623" s="52" t="s">
        <v>6910</v>
      </c>
      <c r="K2623" s="71" t="s">
        <v>6911</v>
      </c>
      <c r="L2623" s="52" t="s">
        <v>2063</v>
      </c>
      <c r="M2623" s="72">
        <v>5490</v>
      </c>
      <c r="N2623" s="52" t="s">
        <v>2066</v>
      </c>
      <c r="O2623" s="52" t="s">
        <v>2067</v>
      </c>
      <c r="P2623" s="52"/>
      <c r="Q2623" s="52"/>
      <c r="R2623" s="52"/>
      <c r="S2623" s="52"/>
      <c r="T2623" s="52"/>
      <c r="U2623" s="52"/>
      <c r="V2623" s="52"/>
      <c r="W2623" s="52"/>
    </row>
    <row r="2624" spans="1:23" hidden="1" x14ac:dyDescent="0.35">
      <c r="A2624" s="52" t="s">
        <v>78</v>
      </c>
      <c r="B2624" s="52" t="s">
        <v>79</v>
      </c>
      <c r="C2624" s="3">
        <v>20</v>
      </c>
      <c r="D2624" s="52" t="s">
        <v>2022</v>
      </c>
      <c r="E2624" s="52" t="s">
        <v>26</v>
      </c>
      <c r="F2624" s="52" t="s">
        <v>81</v>
      </c>
      <c r="G2624" s="52" t="s">
        <v>82</v>
      </c>
      <c r="H2624" s="4">
        <v>1</v>
      </c>
      <c r="I2624" s="2">
        <v>14.65</v>
      </c>
      <c r="J2624" s="52" t="s">
        <v>6912</v>
      </c>
      <c r="K2624" s="71" t="s">
        <v>6913</v>
      </c>
      <c r="L2624" s="52" t="s">
        <v>2063</v>
      </c>
      <c r="M2624" s="72">
        <v>7839</v>
      </c>
      <c r="N2624" s="52" t="s">
        <v>2072</v>
      </c>
      <c r="O2624" s="52" t="s">
        <v>2073</v>
      </c>
      <c r="P2624" s="52"/>
      <c r="Q2624" s="52"/>
      <c r="R2624" s="52"/>
      <c r="S2624" s="52"/>
      <c r="T2624" s="52"/>
      <c r="U2624" s="52"/>
      <c r="V2624" s="52"/>
      <c r="W2624" s="52"/>
    </row>
    <row r="2625" spans="1:23" hidden="1" x14ac:dyDescent="0.35">
      <c r="A2625" s="52" t="s">
        <v>78</v>
      </c>
      <c r="B2625" s="52" t="s">
        <v>79</v>
      </c>
      <c r="C2625" s="3">
        <v>10</v>
      </c>
      <c r="D2625" s="52" t="s">
        <v>2022</v>
      </c>
      <c r="E2625" s="52" t="s">
        <v>26</v>
      </c>
      <c r="F2625" s="52" t="s">
        <v>81</v>
      </c>
      <c r="G2625" s="52" t="s">
        <v>82</v>
      </c>
      <c r="H2625" s="4">
        <v>1</v>
      </c>
      <c r="I2625" s="2">
        <v>14.65</v>
      </c>
      <c r="J2625" s="52" t="s">
        <v>6914</v>
      </c>
      <c r="K2625" s="71" t="s">
        <v>6915</v>
      </c>
      <c r="L2625" s="52" t="s">
        <v>2063</v>
      </c>
      <c r="M2625" s="72">
        <v>5027</v>
      </c>
      <c r="N2625" s="52" t="s">
        <v>2072</v>
      </c>
      <c r="O2625" s="52" t="s">
        <v>2073</v>
      </c>
      <c r="P2625" s="52"/>
      <c r="Q2625" s="52"/>
      <c r="R2625" s="52"/>
      <c r="S2625" s="52"/>
      <c r="T2625" s="52"/>
      <c r="U2625" s="52"/>
      <c r="V2625" s="52"/>
      <c r="W2625" s="52"/>
    </row>
    <row r="2626" spans="1:23" hidden="1" x14ac:dyDescent="0.35">
      <c r="A2626" s="52" t="s">
        <v>78</v>
      </c>
      <c r="B2626" s="52" t="s">
        <v>79</v>
      </c>
      <c r="C2626" s="3">
        <v>20</v>
      </c>
      <c r="D2626" s="52" t="s">
        <v>84</v>
      </c>
      <c r="E2626" s="52" t="s">
        <v>26</v>
      </c>
      <c r="F2626" s="52" t="s">
        <v>81</v>
      </c>
      <c r="G2626" s="52" t="s">
        <v>82</v>
      </c>
      <c r="H2626" s="4">
        <v>1</v>
      </c>
      <c r="I2626" s="2">
        <v>14.65</v>
      </c>
      <c r="J2626" s="52" t="s">
        <v>6916</v>
      </c>
      <c r="K2626" s="71" t="s">
        <v>6917</v>
      </c>
      <c r="L2626" s="52" t="s">
        <v>2063</v>
      </c>
      <c r="M2626" s="72">
        <v>5426</v>
      </c>
      <c r="N2626" s="52" t="s">
        <v>2066</v>
      </c>
      <c r="O2626" s="52" t="s">
        <v>2067</v>
      </c>
      <c r="P2626" s="52"/>
      <c r="Q2626" s="52"/>
      <c r="R2626" s="52"/>
      <c r="S2626" s="52"/>
      <c r="T2626" s="52"/>
      <c r="U2626" s="52"/>
      <c r="V2626" s="52"/>
      <c r="W2626" s="52"/>
    </row>
    <row r="2627" spans="1:23" x14ac:dyDescent="0.35">
      <c r="A2627" s="52" t="s">
        <v>78</v>
      </c>
      <c r="B2627" s="52" t="s">
        <v>79</v>
      </c>
      <c r="C2627" s="3">
        <v>10</v>
      </c>
      <c r="D2627" s="52" t="s">
        <v>2024</v>
      </c>
      <c r="E2627" s="52" t="s">
        <v>26</v>
      </c>
      <c r="F2627" s="52" t="s">
        <v>81</v>
      </c>
      <c r="G2627" s="52" t="s">
        <v>82</v>
      </c>
      <c r="H2627" s="4">
        <v>1</v>
      </c>
      <c r="I2627" s="2">
        <v>14.65</v>
      </c>
      <c r="J2627" s="52" t="s">
        <v>6918</v>
      </c>
      <c r="K2627" s="71" t="s">
        <v>6919</v>
      </c>
      <c r="L2627" s="52" t="s">
        <v>2063</v>
      </c>
      <c r="M2627" s="72">
        <v>5172</v>
      </c>
      <c r="N2627" s="52" t="s">
        <v>2076</v>
      </c>
      <c r="O2627" s="52" t="s">
        <v>2077</v>
      </c>
      <c r="P2627" s="52"/>
      <c r="Q2627" s="52"/>
      <c r="R2627" s="52"/>
      <c r="S2627" s="52"/>
      <c r="T2627" s="52"/>
      <c r="U2627" s="52"/>
      <c r="V2627" s="52"/>
      <c r="W2627" s="52"/>
    </row>
    <row r="2628" spans="1:23" hidden="1" x14ac:dyDescent="0.35">
      <c r="A2628" s="52" t="s">
        <v>78</v>
      </c>
      <c r="B2628" s="52" t="s">
        <v>79</v>
      </c>
      <c r="C2628" s="3">
        <v>10</v>
      </c>
      <c r="D2628" s="52" t="s">
        <v>2022</v>
      </c>
      <c r="E2628" s="52" t="s">
        <v>26</v>
      </c>
      <c r="F2628" s="52" t="s">
        <v>81</v>
      </c>
      <c r="G2628" s="52" t="s">
        <v>82</v>
      </c>
      <c r="H2628" s="4">
        <v>1</v>
      </c>
      <c r="I2628" s="2">
        <v>14.65</v>
      </c>
      <c r="J2628" s="52" t="s">
        <v>6920</v>
      </c>
      <c r="K2628" s="71" t="s">
        <v>6921</v>
      </c>
      <c r="L2628" s="52" t="s">
        <v>2063</v>
      </c>
      <c r="M2628" s="72">
        <v>7943</v>
      </c>
      <c r="N2628" s="52" t="s">
        <v>2072</v>
      </c>
      <c r="O2628" s="52" t="s">
        <v>2073</v>
      </c>
      <c r="P2628" s="52"/>
      <c r="Q2628" s="52"/>
      <c r="R2628" s="52"/>
      <c r="S2628" s="52"/>
      <c r="T2628" s="52"/>
      <c r="U2628" s="52"/>
      <c r="V2628" s="52"/>
      <c r="W2628" s="52"/>
    </row>
    <row r="2629" spans="1:23" hidden="1" x14ac:dyDescent="0.35">
      <c r="A2629" s="52" t="s">
        <v>78</v>
      </c>
      <c r="B2629" s="52" t="s">
        <v>79</v>
      </c>
      <c r="C2629" s="3">
        <v>10</v>
      </c>
      <c r="D2629" s="52" t="s">
        <v>2024</v>
      </c>
      <c r="E2629" s="52" t="s">
        <v>26</v>
      </c>
      <c r="F2629" s="52" t="s">
        <v>81</v>
      </c>
      <c r="G2629" s="52" t="s">
        <v>82</v>
      </c>
      <c r="H2629" s="4">
        <v>1</v>
      </c>
      <c r="I2629" s="2">
        <v>14.65</v>
      </c>
      <c r="J2629" s="52" t="s">
        <v>6922</v>
      </c>
      <c r="K2629" s="71" t="s">
        <v>6923</v>
      </c>
      <c r="L2629" s="52" t="s">
        <v>2063</v>
      </c>
      <c r="M2629" s="72">
        <v>1028</v>
      </c>
      <c r="N2629" s="52" t="s">
        <v>2072</v>
      </c>
      <c r="O2629" s="52" t="s">
        <v>2073</v>
      </c>
      <c r="P2629" s="52"/>
      <c r="Q2629" s="52"/>
      <c r="R2629" s="52"/>
      <c r="S2629" s="52"/>
      <c r="T2629" s="52"/>
      <c r="U2629" s="52"/>
      <c r="V2629" s="52"/>
      <c r="W2629" s="52"/>
    </row>
    <row r="2630" spans="1:23" hidden="1" x14ac:dyDescent="0.35">
      <c r="A2630" s="52" t="s">
        <v>78</v>
      </c>
      <c r="B2630" s="52" t="s">
        <v>79</v>
      </c>
      <c r="C2630" s="3">
        <v>20</v>
      </c>
      <c r="D2630" s="52" t="s">
        <v>2019</v>
      </c>
      <c r="E2630" s="52" t="s">
        <v>26</v>
      </c>
      <c r="F2630" s="52" t="s">
        <v>81</v>
      </c>
      <c r="G2630" s="52" t="s">
        <v>82</v>
      </c>
      <c r="H2630" s="4">
        <v>1</v>
      </c>
      <c r="I2630" s="2">
        <v>14.65</v>
      </c>
      <c r="J2630" s="52" t="s">
        <v>6924</v>
      </c>
      <c r="K2630" s="71" t="s">
        <v>6925</v>
      </c>
      <c r="L2630" s="52" t="s">
        <v>2063</v>
      </c>
      <c r="M2630" s="72">
        <v>5772</v>
      </c>
      <c r="N2630" s="52" t="s">
        <v>2154</v>
      </c>
      <c r="O2630" s="52" t="s">
        <v>2155</v>
      </c>
      <c r="P2630" s="52" t="s">
        <v>2259</v>
      </c>
      <c r="Q2630" s="52" t="s">
        <v>2260</v>
      </c>
      <c r="R2630" s="52"/>
      <c r="S2630" s="52"/>
      <c r="T2630" s="52"/>
      <c r="U2630" s="52"/>
      <c r="V2630" s="52"/>
      <c r="W2630" s="52"/>
    </row>
    <row r="2631" spans="1:23" hidden="1" x14ac:dyDescent="0.35">
      <c r="A2631" s="52" t="s">
        <v>78</v>
      </c>
      <c r="B2631" s="52" t="s">
        <v>79</v>
      </c>
      <c r="C2631" s="3">
        <v>20</v>
      </c>
      <c r="D2631" s="52" t="s">
        <v>84</v>
      </c>
      <c r="E2631" s="52" t="s">
        <v>26</v>
      </c>
      <c r="F2631" s="52" t="s">
        <v>81</v>
      </c>
      <c r="G2631" s="52" t="s">
        <v>82</v>
      </c>
      <c r="H2631" s="4">
        <v>1</v>
      </c>
      <c r="I2631" s="2">
        <v>14.65</v>
      </c>
      <c r="J2631" s="52" t="s">
        <v>6926</v>
      </c>
      <c r="K2631" s="71" t="s">
        <v>6927</v>
      </c>
      <c r="L2631" s="52" t="s">
        <v>2063</v>
      </c>
      <c r="M2631" s="72">
        <v>2120</v>
      </c>
      <c r="N2631" s="52" t="s">
        <v>2072</v>
      </c>
      <c r="O2631" s="52" t="s">
        <v>2073</v>
      </c>
      <c r="P2631" s="52"/>
      <c r="Q2631" s="52"/>
      <c r="R2631" s="52"/>
      <c r="S2631" s="52"/>
      <c r="T2631" s="52"/>
      <c r="U2631" s="52"/>
      <c r="V2631" s="52"/>
      <c r="W2631" s="52"/>
    </row>
    <row r="2632" spans="1:23" hidden="1" x14ac:dyDescent="0.35">
      <c r="A2632" s="52" t="s">
        <v>78</v>
      </c>
      <c r="B2632" s="52" t="s">
        <v>79</v>
      </c>
      <c r="C2632" s="3">
        <v>20</v>
      </c>
      <c r="D2632" s="52" t="s">
        <v>2021</v>
      </c>
      <c r="E2632" s="52" t="s">
        <v>26</v>
      </c>
      <c r="F2632" s="52" t="s">
        <v>81</v>
      </c>
      <c r="G2632" s="52" t="s">
        <v>82</v>
      </c>
      <c r="H2632" s="4">
        <v>1</v>
      </c>
      <c r="I2632" s="2">
        <v>14.65</v>
      </c>
      <c r="J2632" s="52" t="s">
        <v>6928</v>
      </c>
      <c r="K2632" s="71" t="s">
        <v>6929</v>
      </c>
      <c r="L2632" s="52" t="s">
        <v>2063</v>
      </c>
      <c r="M2632" s="72">
        <v>6803</v>
      </c>
      <c r="N2632" s="52" t="s">
        <v>2195</v>
      </c>
      <c r="O2632" s="52" t="s">
        <v>2196</v>
      </c>
      <c r="P2632" s="52"/>
      <c r="Q2632" s="52"/>
      <c r="R2632" s="52"/>
      <c r="S2632" s="52"/>
      <c r="T2632" s="52"/>
      <c r="U2632" s="52"/>
      <c r="V2632" s="52"/>
      <c r="W2632" s="52"/>
    </row>
    <row r="2633" spans="1:23" hidden="1" x14ac:dyDescent="0.35">
      <c r="A2633" s="52" t="s">
        <v>78</v>
      </c>
      <c r="B2633" s="52" t="s">
        <v>79</v>
      </c>
      <c r="C2633" s="3">
        <v>20</v>
      </c>
      <c r="D2633" s="52" t="s">
        <v>2020</v>
      </c>
      <c r="E2633" s="52" t="s">
        <v>26</v>
      </c>
      <c r="F2633" s="52" t="s">
        <v>81</v>
      </c>
      <c r="G2633" s="52" t="s">
        <v>82</v>
      </c>
      <c r="H2633" s="4">
        <v>1</v>
      </c>
      <c r="I2633" s="2">
        <v>14.65</v>
      </c>
      <c r="J2633" s="52" t="s">
        <v>6930</v>
      </c>
      <c r="K2633" s="71" t="s">
        <v>6931</v>
      </c>
      <c r="L2633" s="52" t="s">
        <v>2063</v>
      </c>
      <c r="M2633" s="72">
        <v>5479</v>
      </c>
      <c r="N2633" s="52" t="s">
        <v>2072</v>
      </c>
      <c r="O2633" s="52" t="s">
        <v>2073</v>
      </c>
      <c r="P2633" s="52"/>
      <c r="Q2633" s="52"/>
      <c r="R2633" s="52"/>
      <c r="S2633" s="52"/>
      <c r="T2633" s="52"/>
      <c r="U2633" s="52"/>
      <c r="V2633" s="52"/>
      <c r="W2633" s="52"/>
    </row>
    <row r="2634" spans="1:23" hidden="1" x14ac:dyDescent="0.35">
      <c r="A2634" s="52" t="s">
        <v>78</v>
      </c>
      <c r="B2634" s="52" t="s">
        <v>79</v>
      </c>
      <c r="C2634" s="3">
        <v>20</v>
      </c>
      <c r="D2634" s="52" t="s">
        <v>2020</v>
      </c>
      <c r="E2634" s="52" t="s">
        <v>26</v>
      </c>
      <c r="F2634" s="52" t="s">
        <v>81</v>
      </c>
      <c r="G2634" s="52" t="s">
        <v>82</v>
      </c>
      <c r="H2634" s="4">
        <v>1</v>
      </c>
      <c r="I2634" s="2">
        <v>14.65</v>
      </c>
      <c r="J2634" s="52" t="s">
        <v>6932</v>
      </c>
      <c r="K2634" s="71" t="s">
        <v>6933</v>
      </c>
      <c r="L2634" s="52" t="s">
        <v>2063</v>
      </c>
      <c r="M2634" s="72">
        <v>1128</v>
      </c>
      <c r="N2634" s="52" t="s">
        <v>2066</v>
      </c>
      <c r="O2634" s="52" t="s">
        <v>2067</v>
      </c>
      <c r="P2634" s="52"/>
      <c r="Q2634" s="52"/>
      <c r="R2634" s="52"/>
      <c r="S2634" s="52"/>
      <c r="T2634" s="52"/>
      <c r="U2634" s="52"/>
      <c r="V2634" s="52"/>
      <c r="W2634" s="52"/>
    </row>
    <row r="2635" spans="1:23" hidden="1" x14ac:dyDescent="0.35">
      <c r="A2635" s="52" t="s">
        <v>78</v>
      </c>
      <c r="B2635" s="52" t="s">
        <v>79</v>
      </c>
      <c r="C2635" s="3">
        <v>10</v>
      </c>
      <c r="D2635" s="52" t="s">
        <v>2024</v>
      </c>
      <c r="E2635" s="52" t="s">
        <v>26</v>
      </c>
      <c r="F2635" s="52" t="s">
        <v>81</v>
      </c>
      <c r="G2635" s="52" t="s">
        <v>82</v>
      </c>
      <c r="H2635" s="4">
        <v>1</v>
      </c>
      <c r="I2635" s="2">
        <v>14.65</v>
      </c>
      <c r="J2635" s="52" t="s">
        <v>6934</v>
      </c>
      <c r="K2635" s="71" t="s">
        <v>6935</v>
      </c>
      <c r="L2635" s="52" t="s">
        <v>2063</v>
      </c>
      <c r="M2635" s="72">
        <v>498</v>
      </c>
      <c r="N2635" s="52" t="s">
        <v>2072</v>
      </c>
      <c r="O2635" s="52" t="s">
        <v>2073</v>
      </c>
      <c r="P2635" s="52"/>
      <c r="Q2635" s="52"/>
      <c r="R2635" s="52"/>
      <c r="S2635" s="52"/>
      <c r="T2635" s="52"/>
      <c r="U2635" s="52"/>
      <c r="V2635" s="52"/>
      <c r="W2635" s="52"/>
    </row>
    <row r="2636" spans="1:23" hidden="1" x14ac:dyDescent="0.35">
      <c r="A2636" s="52" t="s">
        <v>78</v>
      </c>
      <c r="B2636" s="52" t="s">
        <v>79</v>
      </c>
      <c r="C2636" s="3">
        <v>20</v>
      </c>
      <c r="D2636" s="52" t="s">
        <v>85</v>
      </c>
      <c r="E2636" s="52" t="s">
        <v>26</v>
      </c>
      <c r="F2636" s="52" t="s">
        <v>81</v>
      </c>
      <c r="G2636" s="52" t="s">
        <v>82</v>
      </c>
      <c r="H2636" s="4">
        <v>1</v>
      </c>
      <c r="I2636" s="2">
        <v>14.65</v>
      </c>
      <c r="J2636" s="52" t="s">
        <v>6936</v>
      </c>
      <c r="K2636" s="71" t="s">
        <v>6937</v>
      </c>
      <c r="L2636" s="52" t="s">
        <v>2063</v>
      </c>
      <c r="M2636" s="72">
        <v>3799</v>
      </c>
      <c r="N2636" s="52"/>
      <c r="O2636" s="52"/>
      <c r="P2636" s="52"/>
      <c r="Q2636" s="52"/>
      <c r="R2636" s="52"/>
      <c r="S2636" s="52"/>
      <c r="T2636" s="52"/>
      <c r="U2636" s="52"/>
      <c r="V2636" s="52"/>
      <c r="W2636" s="52"/>
    </row>
    <row r="2637" spans="1:23" hidden="1" x14ac:dyDescent="0.35">
      <c r="A2637" s="52" t="s">
        <v>78</v>
      </c>
      <c r="B2637" s="52" t="s">
        <v>79</v>
      </c>
      <c r="C2637" s="3">
        <v>10</v>
      </c>
      <c r="D2637" s="52" t="s">
        <v>2023</v>
      </c>
      <c r="E2637" s="52" t="s">
        <v>26</v>
      </c>
      <c r="F2637" s="52" t="s">
        <v>81</v>
      </c>
      <c r="G2637" s="52" t="s">
        <v>82</v>
      </c>
      <c r="H2637" s="4">
        <v>1</v>
      </c>
      <c r="I2637" s="2">
        <v>14.65</v>
      </c>
      <c r="J2637" s="52" t="s">
        <v>6938</v>
      </c>
      <c r="K2637" s="71" t="s">
        <v>6939</v>
      </c>
      <c r="L2637" s="52" t="s">
        <v>2063</v>
      </c>
      <c r="M2637" s="72">
        <v>759</v>
      </c>
      <c r="N2637" s="52"/>
      <c r="O2637" s="52"/>
      <c r="P2637" s="52"/>
      <c r="Q2637" s="52"/>
      <c r="R2637" s="52"/>
      <c r="S2637" s="52"/>
      <c r="T2637" s="52"/>
      <c r="U2637" s="52"/>
      <c r="V2637" s="52"/>
      <c r="W2637" s="52"/>
    </row>
    <row r="2638" spans="1:23" hidden="1" x14ac:dyDescent="0.35">
      <c r="A2638" s="52" t="s">
        <v>78</v>
      </c>
      <c r="B2638" s="52" t="s">
        <v>79</v>
      </c>
      <c r="C2638" s="3">
        <v>20</v>
      </c>
      <c r="D2638" s="52" t="s">
        <v>80</v>
      </c>
      <c r="E2638" s="52" t="s">
        <v>26</v>
      </c>
      <c r="F2638" s="52" t="s">
        <v>81</v>
      </c>
      <c r="G2638" s="52" t="s">
        <v>82</v>
      </c>
      <c r="H2638" s="4">
        <v>1</v>
      </c>
      <c r="I2638" s="2">
        <v>14.65</v>
      </c>
      <c r="J2638" s="52" t="s">
        <v>6940</v>
      </c>
      <c r="K2638" s="71" t="s">
        <v>6941</v>
      </c>
      <c r="L2638" s="52" t="s">
        <v>2063</v>
      </c>
      <c r="M2638" s="72">
        <v>1777</v>
      </c>
      <c r="N2638" s="52" t="s">
        <v>2072</v>
      </c>
      <c r="O2638" s="52" t="s">
        <v>2073</v>
      </c>
      <c r="P2638" s="52"/>
      <c r="Q2638" s="52"/>
      <c r="R2638" s="52"/>
      <c r="S2638" s="52"/>
      <c r="T2638" s="52"/>
      <c r="U2638" s="52"/>
      <c r="V2638" s="52"/>
      <c r="W2638" s="52"/>
    </row>
    <row r="2639" spans="1:23" x14ac:dyDescent="0.35">
      <c r="A2639" s="52" t="s">
        <v>78</v>
      </c>
      <c r="B2639" s="52" t="s">
        <v>79</v>
      </c>
      <c r="C2639" s="3">
        <v>20</v>
      </c>
      <c r="D2639" s="52" t="s">
        <v>84</v>
      </c>
      <c r="E2639" s="52" t="s">
        <v>26</v>
      </c>
      <c r="F2639" s="52" t="s">
        <v>81</v>
      </c>
      <c r="G2639" s="52" t="s">
        <v>82</v>
      </c>
      <c r="H2639" s="4">
        <v>1</v>
      </c>
      <c r="I2639" s="2">
        <v>14.65</v>
      </c>
      <c r="J2639" s="52" t="s">
        <v>6867</v>
      </c>
      <c r="K2639" s="71" t="s">
        <v>6942</v>
      </c>
      <c r="L2639" s="52" t="s">
        <v>2063</v>
      </c>
      <c r="M2639" s="72">
        <v>4768</v>
      </c>
      <c r="N2639" s="52" t="s">
        <v>2259</v>
      </c>
      <c r="O2639" s="52" t="s">
        <v>2260</v>
      </c>
      <c r="P2639" s="52"/>
      <c r="Q2639" s="52"/>
      <c r="R2639" s="52"/>
      <c r="S2639" s="52"/>
      <c r="T2639" s="52"/>
      <c r="U2639" s="52"/>
      <c r="V2639" s="52"/>
      <c r="W2639" s="52"/>
    </row>
    <row r="2640" spans="1:23" hidden="1" x14ac:dyDescent="0.35">
      <c r="A2640" s="52" t="s">
        <v>78</v>
      </c>
      <c r="B2640" s="52" t="s">
        <v>79</v>
      </c>
      <c r="C2640" s="3">
        <v>20</v>
      </c>
      <c r="D2640" s="52" t="s">
        <v>2019</v>
      </c>
      <c r="E2640" s="52" t="s">
        <v>26</v>
      </c>
      <c r="F2640" s="52" t="s">
        <v>81</v>
      </c>
      <c r="G2640" s="52" t="s">
        <v>82</v>
      </c>
      <c r="H2640" s="4">
        <v>1</v>
      </c>
      <c r="I2640" s="2">
        <v>14.65</v>
      </c>
      <c r="J2640" s="52" t="s">
        <v>6943</v>
      </c>
      <c r="K2640" s="71" t="s">
        <v>6944</v>
      </c>
      <c r="L2640" s="52" t="s">
        <v>2063</v>
      </c>
      <c r="M2640" s="72">
        <v>7402</v>
      </c>
      <c r="N2640" s="52"/>
      <c r="O2640" s="52"/>
      <c r="P2640" s="52"/>
      <c r="Q2640" s="52"/>
      <c r="R2640" s="52"/>
      <c r="S2640" s="52"/>
      <c r="T2640" s="52"/>
      <c r="U2640" s="52"/>
      <c r="V2640" s="52"/>
      <c r="W2640" s="52"/>
    </row>
    <row r="2641" spans="1:23" hidden="1" x14ac:dyDescent="0.35">
      <c r="A2641" s="52" t="s">
        <v>78</v>
      </c>
      <c r="B2641" s="52" t="s">
        <v>79</v>
      </c>
      <c r="C2641" s="3">
        <v>10</v>
      </c>
      <c r="D2641" s="52" t="s">
        <v>2020</v>
      </c>
      <c r="E2641" s="52" t="s">
        <v>26</v>
      </c>
      <c r="F2641" s="52" t="s">
        <v>81</v>
      </c>
      <c r="G2641" s="52" t="s">
        <v>82</v>
      </c>
      <c r="H2641" s="4">
        <v>1</v>
      </c>
      <c r="I2641" s="2">
        <v>14.65</v>
      </c>
      <c r="J2641" s="52" t="s">
        <v>6945</v>
      </c>
      <c r="K2641" s="71" t="s">
        <v>6946</v>
      </c>
      <c r="L2641" s="52" t="s">
        <v>2063</v>
      </c>
      <c r="M2641" s="72">
        <v>7633</v>
      </c>
      <c r="N2641" s="52" t="s">
        <v>2072</v>
      </c>
      <c r="O2641" s="52" t="s">
        <v>2073</v>
      </c>
      <c r="P2641" s="52"/>
      <c r="Q2641" s="52"/>
      <c r="R2641" s="52"/>
      <c r="S2641" s="52"/>
      <c r="T2641" s="52"/>
      <c r="U2641" s="52"/>
      <c r="V2641" s="52"/>
      <c r="W2641" s="52"/>
    </row>
    <row r="2642" spans="1:23" hidden="1" x14ac:dyDescent="0.35">
      <c r="A2642" s="52" t="s">
        <v>78</v>
      </c>
      <c r="B2642" s="52" t="s">
        <v>79</v>
      </c>
      <c r="C2642" s="3">
        <v>20</v>
      </c>
      <c r="D2642" s="52" t="s">
        <v>87</v>
      </c>
      <c r="E2642" s="52" t="s">
        <v>26</v>
      </c>
      <c r="F2642" s="52" t="s">
        <v>81</v>
      </c>
      <c r="G2642" s="52" t="s">
        <v>82</v>
      </c>
      <c r="H2642" s="4">
        <v>1</v>
      </c>
      <c r="I2642" s="2">
        <v>14.65</v>
      </c>
      <c r="J2642" s="52" t="s">
        <v>6947</v>
      </c>
      <c r="K2642" s="71" t="s">
        <v>6948</v>
      </c>
      <c r="L2642" s="52" t="s">
        <v>2063</v>
      </c>
      <c r="M2642" s="72">
        <v>1174</v>
      </c>
      <c r="N2642" s="52" t="s">
        <v>2072</v>
      </c>
      <c r="O2642" s="52" t="s">
        <v>2073</v>
      </c>
      <c r="P2642" s="52"/>
      <c r="Q2642" s="52"/>
      <c r="R2642" s="52"/>
      <c r="S2642" s="52"/>
      <c r="T2642" s="52"/>
      <c r="U2642" s="52"/>
      <c r="V2642" s="52"/>
      <c r="W2642" s="52"/>
    </row>
    <row r="2643" spans="1:23" hidden="1" x14ac:dyDescent="0.35">
      <c r="A2643" s="52" t="s">
        <v>78</v>
      </c>
      <c r="B2643" s="52" t="s">
        <v>79</v>
      </c>
      <c r="C2643" s="3">
        <v>20</v>
      </c>
      <c r="D2643" s="52" t="s">
        <v>83</v>
      </c>
      <c r="E2643" s="52" t="s">
        <v>26</v>
      </c>
      <c r="F2643" s="52" t="s">
        <v>81</v>
      </c>
      <c r="G2643" s="52" t="s">
        <v>82</v>
      </c>
      <c r="H2643" s="4">
        <v>1</v>
      </c>
      <c r="I2643" s="2">
        <v>14.65</v>
      </c>
      <c r="J2643" s="52" t="s">
        <v>6949</v>
      </c>
      <c r="K2643" s="71" t="s">
        <v>6950</v>
      </c>
      <c r="L2643" s="52" t="s">
        <v>2063</v>
      </c>
      <c r="M2643" s="72">
        <v>8800</v>
      </c>
      <c r="N2643" s="52" t="s">
        <v>2072</v>
      </c>
      <c r="O2643" s="52" t="s">
        <v>2073</v>
      </c>
      <c r="P2643" s="52"/>
      <c r="Q2643" s="52"/>
      <c r="R2643" s="52"/>
      <c r="S2643" s="52"/>
      <c r="T2643" s="52"/>
      <c r="U2643" s="52"/>
      <c r="V2643" s="52"/>
      <c r="W2643" s="52"/>
    </row>
    <row r="2644" spans="1:23" hidden="1" x14ac:dyDescent="0.35">
      <c r="A2644" s="52" t="s">
        <v>78</v>
      </c>
      <c r="B2644" s="52" t="s">
        <v>79</v>
      </c>
      <c r="C2644" s="3">
        <v>20</v>
      </c>
      <c r="D2644" s="52" t="s">
        <v>80</v>
      </c>
      <c r="E2644" s="52" t="s">
        <v>26</v>
      </c>
      <c r="F2644" s="52" t="s">
        <v>81</v>
      </c>
      <c r="G2644" s="52" t="s">
        <v>82</v>
      </c>
      <c r="H2644" s="4">
        <v>1</v>
      </c>
      <c r="I2644" s="2">
        <v>14.65</v>
      </c>
      <c r="J2644" s="52" t="s">
        <v>6940</v>
      </c>
      <c r="K2644" s="71" t="s">
        <v>6951</v>
      </c>
      <c r="L2644" s="52" t="s">
        <v>2063</v>
      </c>
      <c r="M2644" s="72">
        <v>5858</v>
      </c>
      <c r="N2644" s="52" t="s">
        <v>2072</v>
      </c>
      <c r="O2644" s="52" t="s">
        <v>2073</v>
      </c>
      <c r="P2644" s="52"/>
      <c r="Q2644" s="52"/>
      <c r="R2644" s="52"/>
      <c r="S2644" s="52"/>
      <c r="T2644" s="52"/>
      <c r="U2644" s="52"/>
      <c r="V2644" s="52"/>
      <c r="W2644" s="52"/>
    </row>
    <row r="2645" spans="1:23" hidden="1" x14ac:dyDescent="0.35">
      <c r="A2645" s="52" t="s">
        <v>78</v>
      </c>
      <c r="B2645" s="52" t="s">
        <v>79</v>
      </c>
      <c r="C2645" s="3">
        <v>10</v>
      </c>
      <c r="D2645" s="52" t="s">
        <v>2019</v>
      </c>
      <c r="E2645" s="52" t="s">
        <v>26</v>
      </c>
      <c r="F2645" s="52" t="s">
        <v>81</v>
      </c>
      <c r="G2645" s="52" t="s">
        <v>82</v>
      </c>
      <c r="H2645" s="4">
        <v>1</v>
      </c>
      <c r="I2645" s="2">
        <v>14.65</v>
      </c>
      <c r="J2645" s="52" t="s">
        <v>6952</v>
      </c>
      <c r="K2645" s="71" t="s">
        <v>6953</v>
      </c>
      <c r="L2645" s="52" t="s">
        <v>2063</v>
      </c>
      <c r="M2645" s="72">
        <v>1314</v>
      </c>
      <c r="N2645" s="52"/>
      <c r="O2645" s="52"/>
      <c r="P2645" s="52"/>
      <c r="Q2645" s="52"/>
      <c r="R2645" s="52"/>
      <c r="S2645" s="52"/>
      <c r="T2645" s="52"/>
      <c r="U2645" s="52"/>
      <c r="V2645" s="52"/>
      <c r="W2645" s="52"/>
    </row>
    <row r="2646" spans="1:23" hidden="1" x14ac:dyDescent="0.35">
      <c r="A2646" s="52" t="s">
        <v>78</v>
      </c>
      <c r="B2646" s="52" t="s">
        <v>79</v>
      </c>
      <c r="C2646" s="3">
        <v>20</v>
      </c>
      <c r="D2646" s="52" t="s">
        <v>84</v>
      </c>
      <c r="E2646" s="52" t="s">
        <v>26</v>
      </c>
      <c r="F2646" s="52" t="s">
        <v>81</v>
      </c>
      <c r="G2646" s="52" t="s">
        <v>82</v>
      </c>
      <c r="H2646" s="4">
        <v>1</v>
      </c>
      <c r="I2646" s="2">
        <v>14.65</v>
      </c>
      <c r="J2646" s="52" t="s">
        <v>6954</v>
      </c>
      <c r="K2646" s="71" t="s">
        <v>6955</v>
      </c>
      <c r="L2646" s="52" t="s">
        <v>2063</v>
      </c>
      <c r="M2646" s="72">
        <v>3270</v>
      </c>
      <c r="N2646" s="52" t="s">
        <v>2072</v>
      </c>
      <c r="O2646" s="52" t="s">
        <v>2073</v>
      </c>
      <c r="P2646" s="52"/>
      <c r="Q2646" s="52"/>
      <c r="R2646" s="52"/>
      <c r="S2646" s="52"/>
      <c r="T2646" s="52"/>
      <c r="U2646" s="52"/>
      <c r="V2646" s="52"/>
      <c r="W2646" s="52"/>
    </row>
    <row r="2647" spans="1:23" hidden="1" x14ac:dyDescent="0.35">
      <c r="A2647" s="52" t="s">
        <v>78</v>
      </c>
      <c r="B2647" s="52" t="s">
        <v>79</v>
      </c>
      <c r="C2647" s="3">
        <v>10</v>
      </c>
      <c r="D2647" s="52" t="s">
        <v>2022</v>
      </c>
      <c r="E2647" s="52" t="s">
        <v>26</v>
      </c>
      <c r="F2647" s="52" t="s">
        <v>81</v>
      </c>
      <c r="G2647" s="52" t="s">
        <v>82</v>
      </c>
      <c r="H2647" s="4">
        <v>1</v>
      </c>
      <c r="I2647" s="2">
        <v>14.65</v>
      </c>
      <c r="J2647" s="52" t="s">
        <v>6956</v>
      </c>
      <c r="K2647" s="71" t="s">
        <v>6957</v>
      </c>
      <c r="L2647" s="52" t="s">
        <v>2063</v>
      </c>
      <c r="M2647" s="72">
        <v>2211</v>
      </c>
      <c r="N2647" s="52" t="s">
        <v>2072</v>
      </c>
      <c r="O2647" s="52" t="s">
        <v>2073</v>
      </c>
      <c r="P2647" s="52"/>
      <c r="Q2647" s="52"/>
      <c r="R2647" s="52"/>
      <c r="S2647" s="52"/>
      <c r="T2647" s="52"/>
      <c r="U2647" s="52"/>
      <c r="V2647" s="52"/>
      <c r="W2647" s="52"/>
    </row>
    <row r="2648" spans="1:23" hidden="1" x14ac:dyDescent="0.35">
      <c r="A2648" s="52" t="s">
        <v>78</v>
      </c>
      <c r="B2648" s="52" t="s">
        <v>79</v>
      </c>
      <c r="C2648" s="3">
        <v>10</v>
      </c>
      <c r="D2648" s="52" t="s">
        <v>2021</v>
      </c>
      <c r="E2648" s="52" t="s">
        <v>26</v>
      </c>
      <c r="F2648" s="52" t="s">
        <v>81</v>
      </c>
      <c r="G2648" s="52" t="s">
        <v>82</v>
      </c>
      <c r="H2648" s="4">
        <v>1</v>
      </c>
      <c r="I2648" s="2">
        <v>14.65</v>
      </c>
      <c r="J2648" s="52" t="s">
        <v>6958</v>
      </c>
      <c r="K2648" s="71" t="s">
        <v>6959</v>
      </c>
      <c r="L2648" s="52" t="s">
        <v>2063</v>
      </c>
      <c r="M2648" s="72">
        <v>6725</v>
      </c>
      <c r="N2648" s="52" t="s">
        <v>2304</v>
      </c>
      <c r="O2648" s="52" t="s">
        <v>2305</v>
      </c>
      <c r="P2648" s="52"/>
      <c r="Q2648" s="52"/>
      <c r="R2648" s="52"/>
      <c r="S2648" s="52"/>
      <c r="T2648" s="52"/>
      <c r="U2648" s="52"/>
      <c r="V2648" s="52"/>
      <c r="W2648" s="52"/>
    </row>
    <row r="2649" spans="1:23" hidden="1" x14ac:dyDescent="0.35">
      <c r="A2649" s="52" t="s">
        <v>78</v>
      </c>
      <c r="B2649" s="52" t="s">
        <v>79</v>
      </c>
      <c r="C2649" s="3">
        <v>20</v>
      </c>
      <c r="D2649" s="52" t="s">
        <v>85</v>
      </c>
      <c r="E2649" s="52" t="s">
        <v>26</v>
      </c>
      <c r="F2649" s="52" t="s">
        <v>81</v>
      </c>
      <c r="G2649" s="52" t="s">
        <v>82</v>
      </c>
      <c r="H2649" s="4">
        <v>1</v>
      </c>
      <c r="I2649" s="2">
        <v>14.65</v>
      </c>
      <c r="J2649" s="52" t="s">
        <v>6960</v>
      </c>
      <c r="K2649" s="71" t="s">
        <v>6961</v>
      </c>
      <c r="L2649" s="52" t="s">
        <v>2063</v>
      </c>
      <c r="M2649" s="72">
        <v>6002</v>
      </c>
      <c r="N2649" s="52" t="s">
        <v>2072</v>
      </c>
      <c r="O2649" s="52" t="s">
        <v>2073</v>
      </c>
      <c r="P2649" s="52"/>
      <c r="Q2649" s="52"/>
      <c r="R2649" s="52"/>
      <c r="S2649" s="52"/>
      <c r="T2649" s="52"/>
      <c r="U2649" s="52"/>
      <c r="V2649" s="52"/>
      <c r="W2649" s="52"/>
    </row>
    <row r="2650" spans="1:23" hidden="1" x14ac:dyDescent="0.35">
      <c r="A2650" s="52" t="s">
        <v>78</v>
      </c>
      <c r="B2650" s="52" t="s">
        <v>79</v>
      </c>
      <c r="C2650" s="3">
        <v>10</v>
      </c>
      <c r="D2650" s="52" t="s">
        <v>2022</v>
      </c>
      <c r="E2650" s="52" t="s">
        <v>26</v>
      </c>
      <c r="F2650" s="52" t="s">
        <v>81</v>
      </c>
      <c r="G2650" s="52" t="s">
        <v>82</v>
      </c>
      <c r="H2650" s="4">
        <v>1</v>
      </c>
      <c r="I2650" s="2">
        <v>14.65</v>
      </c>
      <c r="J2650" s="52" t="s">
        <v>6962</v>
      </c>
      <c r="K2650" s="71" t="s">
        <v>6963</v>
      </c>
      <c r="L2650" s="52" t="s">
        <v>2063</v>
      </c>
      <c r="M2650" s="72">
        <v>2500</v>
      </c>
      <c r="N2650" s="52" t="s">
        <v>2072</v>
      </c>
      <c r="O2650" s="52" t="s">
        <v>2073</v>
      </c>
      <c r="P2650" s="52"/>
      <c r="Q2650" s="52"/>
      <c r="R2650" s="52"/>
      <c r="S2650" s="52"/>
      <c r="T2650" s="52"/>
      <c r="U2650" s="52"/>
      <c r="V2650" s="52"/>
      <c r="W2650" s="52"/>
    </row>
    <row r="2651" spans="1:23" hidden="1" x14ac:dyDescent="0.35">
      <c r="A2651" s="52" t="s">
        <v>78</v>
      </c>
      <c r="B2651" s="52" t="s">
        <v>79</v>
      </c>
      <c r="C2651" s="3">
        <v>20</v>
      </c>
      <c r="D2651" s="52" t="s">
        <v>2024</v>
      </c>
      <c r="E2651" s="52" t="s">
        <v>26</v>
      </c>
      <c r="F2651" s="52" t="s">
        <v>81</v>
      </c>
      <c r="G2651" s="52" t="s">
        <v>82</v>
      </c>
      <c r="H2651" s="4">
        <v>1</v>
      </c>
      <c r="I2651" s="2">
        <v>14.65</v>
      </c>
      <c r="J2651" s="52" t="s">
        <v>6964</v>
      </c>
      <c r="K2651" s="71" t="s">
        <v>6965</v>
      </c>
      <c r="L2651" s="52" t="s">
        <v>2063</v>
      </c>
      <c r="M2651" s="72">
        <v>7110</v>
      </c>
      <c r="N2651" s="52" t="s">
        <v>2072</v>
      </c>
      <c r="O2651" s="52" t="s">
        <v>2073</v>
      </c>
      <c r="P2651" s="52"/>
      <c r="Q2651" s="52"/>
      <c r="R2651" s="52"/>
      <c r="S2651" s="52"/>
      <c r="T2651" s="52"/>
      <c r="U2651" s="52"/>
      <c r="V2651" s="52"/>
      <c r="W2651" s="52"/>
    </row>
    <row r="2652" spans="1:23" hidden="1" x14ac:dyDescent="0.35">
      <c r="A2652" s="52" t="s">
        <v>78</v>
      </c>
      <c r="B2652" s="52" t="s">
        <v>79</v>
      </c>
      <c r="C2652" s="3">
        <v>10</v>
      </c>
      <c r="D2652" s="52" t="s">
        <v>2022</v>
      </c>
      <c r="E2652" s="52" t="s">
        <v>26</v>
      </c>
      <c r="F2652" s="52" t="s">
        <v>81</v>
      </c>
      <c r="G2652" s="52" t="s">
        <v>82</v>
      </c>
      <c r="H2652" s="4">
        <v>1</v>
      </c>
      <c r="I2652" s="2">
        <v>14.65</v>
      </c>
      <c r="J2652" s="52" t="s">
        <v>6966</v>
      </c>
      <c r="K2652" s="71" t="s">
        <v>6967</v>
      </c>
      <c r="L2652" s="52" t="s">
        <v>2063</v>
      </c>
      <c r="M2652" s="72">
        <v>2853</v>
      </c>
      <c r="N2652" s="52" t="s">
        <v>2072</v>
      </c>
      <c r="O2652" s="52" t="s">
        <v>2073</v>
      </c>
      <c r="P2652" s="52"/>
      <c r="Q2652" s="52"/>
      <c r="R2652" s="52"/>
      <c r="S2652" s="52"/>
      <c r="T2652" s="52"/>
      <c r="U2652" s="52"/>
      <c r="V2652" s="52"/>
      <c r="W2652" s="52"/>
    </row>
    <row r="2653" spans="1:23" hidden="1" x14ac:dyDescent="0.35">
      <c r="A2653" s="52" t="s">
        <v>78</v>
      </c>
      <c r="B2653" s="52" t="s">
        <v>79</v>
      </c>
      <c r="C2653" s="3">
        <v>20</v>
      </c>
      <c r="D2653" s="52" t="s">
        <v>2022</v>
      </c>
      <c r="E2653" s="52" t="s">
        <v>26</v>
      </c>
      <c r="F2653" s="52" t="s">
        <v>81</v>
      </c>
      <c r="G2653" s="52" t="s">
        <v>82</v>
      </c>
      <c r="H2653" s="4">
        <v>1</v>
      </c>
      <c r="I2653" s="2">
        <v>14.65</v>
      </c>
      <c r="J2653" s="52" t="s">
        <v>6968</v>
      </c>
      <c r="K2653" s="71" t="s">
        <v>6969</v>
      </c>
      <c r="L2653" s="52" t="s">
        <v>2063</v>
      </c>
      <c r="M2653" s="72">
        <v>5771</v>
      </c>
      <c r="N2653" s="52"/>
      <c r="O2653" s="52"/>
      <c r="P2653" s="52"/>
      <c r="Q2653" s="52"/>
      <c r="R2653" s="52"/>
      <c r="S2653" s="52"/>
      <c r="T2653" s="52"/>
      <c r="U2653" s="52"/>
      <c r="V2653" s="52"/>
      <c r="W2653" s="52"/>
    </row>
    <row r="2654" spans="1:23" hidden="1" x14ac:dyDescent="0.35">
      <c r="A2654" s="52" t="s">
        <v>78</v>
      </c>
      <c r="B2654" s="52" t="s">
        <v>79</v>
      </c>
      <c r="C2654" s="3">
        <v>20</v>
      </c>
      <c r="D2654" s="52" t="s">
        <v>80</v>
      </c>
      <c r="E2654" s="52" t="s">
        <v>26</v>
      </c>
      <c r="F2654" s="52" t="s">
        <v>81</v>
      </c>
      <c r="G2654" s="52" t="s">
        <v>82</v>
      </c>
      <c r="H2654" s="4">
        <v>1</v>
      </c>
      <c r="I2654" s="2">
        <v>14.65</v>
      </c>
      <c r="J2654" s="52" t="s">
        <v>6970</v>
      </c>
      <c r="K2654" s="71" t="s">
        <v>6971</v>
      </c>
      <c r="L2654" s="52" t="s">
        <v>2095</v>
      </c>
      <c r="M2654" s="72">
        <v>8616</v>
      </c>
      <c r="N2654" s="52" t="s">
        <v>2066</v>
      </c>
      <c r="O2654" s="52" t="s">
        <v>2067</v>
      </c>
      <c r="P2654" s="52"/>
      <c r="Q2654" s="52"/>
      <c r="R2654" s="52"/>
      <c r="S2654" s="52"/>
      <c r="T2654" s="52"/>
      <c r="U2654" s="52"/>
      <c r="V2654" s="52"/>
      <c r="W2654" s="52"/>
    </row>
    <row r="2655" spans="1:23" hidden="1" x14ac:dyDescent="0.35">
      <c r="A2655" s="52" t="s">
        <v>78</v>
      </c>
      <c r="B2655" s="52" t="s">
        <v>79</v>
      </c>
      <c r="C2655" s="3">
        <v>10</v>
      </c>
      <c r="D2655" s="52" t="s">
        <v>80</v>
      </c>
      <c r="E2655" s="52" t="s">
        <v>26</v>
      </c>
      <c r="F2655" s="52" t="s">
        <v>81</v>
      </c>
      <c r="G2655" s="52" t="s">
        <v>82</v>
      </c>
      <c r="H2655" s="4">
        <v>1</v>
      </c>
      <c r="I2655" s="2">
        <v>14.65</v>
      </c>
      <c r="J2655" s="52" t="s">
        <v>6972</v>
      </c>
      <c r="K2655" s="71" t="s">
        <v>6973</v>
      </c>
      <c r="L2655" s="52" t="s">
        <v>2063</v>
      </c>
      <c r="M2655" s="72">
        <v>7034</v>
      </c>
      <c r="N2655" s="52" t="s">
        <v>2072</v>
      </c>
      <c r="O2655" s="52" t="s">
        <v>2073</v>
      </c>
      <c r="P2655" s="52"/>
      <c r="Q2655" s="52"/>
      <c r="R2655" s="52"/>
      <c r="S2655" s="52"/>
      <c r="T2655" s="52"/>
      <c r="U2655" s="52"/>
      <c r="V2655" s="52"/>
      <c r="W2655" s="52"/>
    </row>
    <row r="2656" spans="1:23" hidden="1" x14ac:dyDescent="0.35">
      <c r="A2656" s="52" t="s">
        <v>78</v>
      </c>
      <c r="B2656" s="52" t="s">
        <v>79</v>
      </c>
      <c r="C2656" s="3">
        <v>20</v>
      </c>
      <c r="D2656" s="52" t="s">
        <v>80</v>
      </c>
      <c r="E2656" s="52" t="s">
        <v>26</v>
      </c>
      <c r="F2656" s="52" t="s">
        <v>81</v>
      </c>
      <c r="G2656" s="52" t="s">
        <v>82</v>
      </c>
      <c r="H2656" s="4">
        <v>1</v>
      </c>
      <c r="I2656" s="2">
        <v>14.65</v>
      </c>
      <c r="J2656" s="52" t="s">
        <v>6974</v>
      </c>
      <c r="K2656" s="71" t="s">
        <v>6975</v>
      </c>
      <c r="L2656" s="52" t="s">
        <v>2063</v>
      </c>
      <c r="M2656" s="72">
        <v>8047</v>
      </c>
      <c r="N2656" s="52"/>
      <c r="O2656" s="52"/>
      <c r="P2656" s="52"/>
      <c r="Q2656" s="52"/>
      <c r="R2656" s="52"/>
      <c r="S2656" s="52"/>
      <c r="T2656" s="52"/>
      <c r="U2656" s="52"/>
      <c r="V2656" s="52"/>
      <c r="W2656" s="52"/>
    </row>
    <row r="2657" spans="1:23" hidden="1" x14ac:dyDescent="0.35">
      <c r="A2657" s="52" t="s">
        <v>78</v>
      </c>
      <c r="B2657" s="52" t="s">
        <v>79</v>
      </c>
      <c r="C2657" s="3">
        <v>20</v>
      </c>
      <c r="D2657" s="52" t="s">
        <v>2023</v>
      </c>
      <c r="E2657" s="52" t="s">
        <v>26</v>
      </c>
      <c r="F2657" s="52" t="s">
        <v>81</v>
      </c>
      <c r="G2657" s="52" t="s">
        <v>82</v>
      </c>
      <c r="H2657" s="4">
        <v>1</v>
      </c>
      <c r="I2657" s="2">
        <v>14.65</v>
      </c>
      <c r="J2657" s="52" t="s">
        <v>6045</v>
      </c>
      <c r="K2657" s="71" t="s">
        <v>6976</v>
      </c>
      <c r="L2657" s="52" t="s">
        <v>2063</v>
      </c>
      <c r="M2657" s="72">
        <v>7673</v>
      </c>
      <c r="N2657" s="52" t="s">
        <v>2072</v>
      </c>
      <c r="O2657" s="52" t="s">
        <v>2073</v>
      </c>
      <c r="P2657" s="52"/>
      <c r="Q2657" s="52"/>
      <c r="R2657" s="52"/>
      <c r="S2657" s="52"/>
      <c r="T2657" s="52"/>
      <c r="U2657" s="52"/>
      <c r="V2657" s="52"/>
      <c r="W2657" s="52"/>
    </row>
    <row r="2658" spans="1:23" hidden="1" x14ac:dyDescent="0.35">
      <c r="A2658" s="52" t="s">
        <v>78</v>
      </c>
      <c r="B2658" s="52" t="s">
        <v>79</v>
      </c>
      <c r="C2658" s="3">
        <v>10</v>
      </c>
      <c r="D2658" s="52" t="s">
        <v>2023</v>
      </c>
      <c r="E2658" s="52" t="s">
        <v>26</v>
      </c>
      <c r="F2658" s="52" t="s">
        <v>81</v>
      </c>
      <c r="G2658" s="52" t="s">
        <v>82</v>
      </c>
      <c r="H2658" s="4">
        <v>1</v>
      </c>
      <c r="I2658" s="2">
        <v>14.65</v>
      </c>
      <c r="J2658" s="52" t="s">
        <v>6977</v>
      </c>
      <c r="K2658" s="71" t="s">
        <v>6978</v>
      </c>
      <c r="L2658" s="52" t="s">
        <v>2063</v>
      </c>
      <c r="M2658" s="72">
        <v>9786</v>
      </c>
      <c r="N2658" s="52" t="s">
        <v>2072</v>
      </c>
      <c r="O2658" s="52" t="s">
        <v>2073</v>
      </c>
      <c r="P2658" s="52"/>
      <c r="Q2658" s="52"/>
      <c r="R2658" s="52"/>
      <c r="S2658" s="52"/>
      <c r="T2658" s="52"/>
      <c r="U2658" s="52"/>
      <c r="V2658" s="52"/>
      <c r="W2658" s="52"/>
    </row>
    <row r="2659" spans="1:23" hidden="1" x14ac:dyDescent="0.35">
      <c r="A2659" s="52" t="s">
        <v>78</v>
      </c>
      <c r="B2659" s="52" t="s">
        <v>79</v>
      </c>
      <c r="C2659" s="3">
        <v>20</v>
      </c>
      <c r="D2659" s="52" t="s">
        <v>2022</v>
      </c>
      <c r="E2659" s="52" t="s">
        <v>26</v>
      </c>
      <c r="F2659" s="52" t="s">
        <v>81</v>
      </c>
      <c r="G2659" s="52" t="s">
        <v>82</v>
      </c>
      <c r="H2659" s="4">
        <v>1</v>
      </c>
      <c r="I2659" s="2">
        <v>14.65</v>
      </c>
      <c r="J2659" s="52" t="s">
        <v>6979</v>
      </c>
      <c r="K2659" s="71" t="s">
        <v>6980</v>
      </c>
      <c r="L2659" s="52" t="s">
        <v>2063</v>
      </c>
      <c r="M2659" s="72">
        <v>4036</v>
      </c>
      <c r="N2659" s="52" t="s">
        <v>2066</v>
      </c>
      <c r="O2659" s="52" t="s">
        <v>2067</v>
      </c>
      <c r="P2659" s="52"/>
      <c r="Q2659" s="52"/>
      <c r="R2659" s="52"/>
      <c r="S2659" s="52"/>
      <c r="T2659" s="52"/>
      <c r="U2659" s="52"/>
      <c r="V2659" s="52"/>
      <c r="W2659" s="52"/>
    </row>
    <row r="2660" spans="1:23" hidden="1" x14ac:dyDescent="0.35">
      <c r="A2660" s="52" t="s">
        <v>78</v>
      </c>
      <c r="B2660" s="52" t="s">
        <v>79</v>
      </c>
      <c r="C2660" s="3">
        <v>20</v>
      </c>
      <c r="D2660" s="52" t="s">
        <v>2024</v>
      </c>
      <c r="E2660" s="52" t="s">
        <v>26</v>
      </c>
      <c r="F2660" s="52" t="s">
        <v>81</v>
      </c>
      <c r="G2660" s="52" t="s">
        <v>82</v>
      </c>
      <c r="H2660" s="4">
        <v>1</v>
      </c>
      <c r="I2660" s="2">
        <v>14.65</v>
      </c>
      <c r="J2660" s="52" t="s">
        <v>6981</v>
      </c>
      <c r="K2660" s="71" t="s">
        <v>6982</v>
      </c>
      <c r="L2660" s="52" t="s">
        <v>2063</v>
      </c>
      <c r="M2660" s="72">
        <v>1517</v>
      </c>
      <c r="N2660" s="52" t="s">
        <v>2072</v>
      </c>
      <c r="O2660" s="52" t="s">
        <v>2073</v>
      </c>
      <c r="P2660" s="52"/>
      <c r="Q2660" s="52"/>
      <c r="R2660" s="52"/>
      <c r="S2660" s="52"/>
      <c r="T2660" s="52"/>
      <c r="U2660" s="52"/>
      <c r="V2660" s="52"/>
      <c r="W2660" s="52"/>
    </row>
    <row r="2661" spans="1:23" x14ac:dyDescent="0.35">
      <c r="A2661" s="52" t="s">
        <v>78</v>
      </c>
      <c r="B2661" s="52" t="s">
        <v>79</v>
      </c>
      <c r="C2661" s="3">
        <v>20</v>
      </c>
      <c r="D2661" s="52" t="s">
        <v>2019</v>
      </c>
      <c r="E2661" s="52" t="s">
        <v>26</v>
      </c>
      <c r="F2661" s="52" t="s">
        <v>81</v>
      </c>
      <c r="G2661" s="52" t="s">
        <v>82</v>
      </c>
      <c r="H2661" s="4">
        <v>1</v>
      </c>
      <c r="I2661" s="2">
        <v>14.65</v>
      </c>
      <c r="J2661" s="52" t="s">
        <v>6983</v>
      </c>
      <c r="K2661" s="71" t="s">
        <v>6984</v>
      </c>
      <c r="L2661" s="52" t="s">
        <v>2063</v>
      </c>
      <c r="M2661" s="72">
        <v>3552</v>
      </c>
      <c r="N2661" s="52" t="s">
        <v>2259</v>
      </c>
      <c r="O2661" s="52" t="s">
        <v>2260</v>
      </c>
      <c r="P2661" s="52"/>
      <c r="Q2661" s="52"/>
      <c r="R2661" s="52"/>
      <c r="S2661" s="52"/>
      <c r="T2661" s="52"/>
      <c r="U2661" s="52"/>
      <c r="V2661" s="52"/>
      <c r="W2661" s="52"/>
    </row>
    <row r="2662" spans="1:23" hidden="1" x14ac:dyDescent="0.35">
      <c r="A2662" s="52" t="s">
        <v>78</v>
      </c>
      <c r="B2662" s="52" t="s">
        <v>79</v>
      </c>
      <c r="C2662" s="3">
        <v>211</v>
      </c>
      <c r="D2662" s="52" t="s">
        <v>86</v>
      </c>
      <c r="E2662" s="52" t="s">
        <v>26</v>
      </c>
      <c r="F2662" s="52" t="s">
        <v>81</v>
      </c>
      <c r="G2662" s="52" t="s">
        <v>82</v>
      </c>
      <c r="H2662" s="4">
        <v>1</v>
      </c>
      <c r="I2662" s="2">
        <v>14.65</v>
      </c>
      <c r="J2662" s="52" t="s">
        <v>6985</v>
      </c>
      <c r="K2662" s="71" t="s">
        <v>6986</v>
      </c>
      <c r="L2662" s="52" t="s">
        <v>2063</v>
      </c>
      <c r="M2662" s="72">
        <v>3806</v>
      </c>
      <c r="N2662" s="52" t="s">
        <v>2158</v>
      </c>
      <c r="O2662" s="52" t="s">
        <v>2159</v>
      </c>
      <c r="P2662" s="52"/>
      <c r="Q2662" s="52"/>
      <c r="R2662" s="52"/>
      <c r="S2662" s="52"/>
      <c r="T2662" s="52"/>
      <c r="U2662" s="52"/>
      <c r="V2662" s="52"/>
      <c r="W2662" s="52"/>
    </row>
    <row r="2663" spans="1:23" hidden="1" x14ac:dyDescent="0.35">
      <c r="A2663" s="52" t="s">
        <v>78</v>
      </c>
      <c r="B2663" s="52" t="s">
        <v>79</v>
      </c>
      <c r="C2663" s="3">
        <v>20</v>
      </c>
      <c r="D2663" s="52" t="s">
        <v>2022</v>
      </c>
      <c r="E2663" s="52" t="s">
        <v>26</v>
      </c>
      <c r="F2663" s="52" t="s">
        <v>81</v>
      </c>
      <c r="G2663" s="52" t="s">
        <v>82</v>
      </c>
      <c r="H2663" s="4">
        <v>1</v>
      </c>
      <c r="I2663" s="2">
        <v>14.65</v>
      </c>
      <c r="J2663" s="52" t="s">
        <v>6987</v>
      </c>
      <c r="K2663" s="71" t="s">
        <v>6988</v>
      </c>
      <c r="L2663" s="52" t="s">
        <v>2095</v>
      </c>
      <c r="M2663" s="72">
        <v>8594</v>
      </c>
      <c r="N2663" s="52" t="s">
        <v>2072</v>
      </c>
      <c r="O2663" s="52" t="s">
        <v>2073</v>
      </c>
      <c r="P2663" s="52"/>
      <c r="Q2663" s="52"/>
      <c r="R2663" s="52"/>
      <c r="S2663" s="52"/>
      <c r="T2663" s="52"/>
      <c r="U2663" s="52"/>
      <c r="V2663" s="52"/>
      <c r="W2663" s="52"/>
    </row>
    <row r="2664" spans="1:23" hidden="1" x14ac:dyDescent="0.35">
      <c r="A2664" s="52" t="s">
        <v>78</v>
      </c>
      <c r="B2664" s="52" t="s">
        <v>79</v>
      </c>
      <c r="C2664" s="3">
        <v>10</v>
      </c>
      <c r="D2664" s="52" t="s">
        <v>84</v>
      </c>
      <c r="E2664" s="52" t="s">
        <v>26</v>
      </c>
      <c r="F2664" s="52" t="s">
        <v>81</v>
      </c>
      <c r="G2664" s="52" t="s">
        <v>82</v>
      </c>
      <c r="H2664" s="4">
        <v>1</v>
      </c>
      <c r="I2664" s="2">
        <v>14.65</v>
      </c>
      <c r="J2664" s="52" t="s">
        <v>6989</v>
      </c>
      <c r="K2664" s="71" t="s">
        <v>6990</v>
      </c>
      <c r="L2664" s="52" t="s">
        <v>2063</v>
      </c>
      <c r="M2664" s="72">
        <v>7006</v>
      </c>
      <c r="N2664" s="52" t="s">
        <v>2158</v>
      </c>
      <c r="O2664" s="52" t="s">
        <v>2159</v>
      </c>
      <c r="P2664" s="52"/>
      <c r="Q2664" s="52"/>
      <c r="R2664" s="52"/>
      <c r="S2664" s="52"/>
      <c r="T2664" s="52"/>
      <c r="U2664" s="52"/>
      <c r="V2664" s="52"/>
      <c r="W2664" s="52"/>
    </row>
    <row r="2665" spans="1:23" hidden="1" x14ac:dyDescent="0.35">
      <c r="A2665" s="52" t="s">
        <v>78</v>
      </c>
      <c r="B2665" s="52" t="s">
        <v>79</v>
      </c>
      <c r="C2665" s="3">
        <v>211</v>
      </c>
      <c r="D2665" s="52" t="s">
        <v>83</v>
      </c>
      <c r="E2665" s="52" t="s">
        <v>26</v>
      </c>
      <c r="F2665" s="52" t="s">
        <v>81</v>
      </c>
      <c r="G2665" s="52" t="s">
        <v>82</v>
      </c>
      <c r="H2665" s="4">
        <v>1</v>
      </c>
      <c r="I2665" s="2">
        <v>14.65</v>
      </c>
      <c r="J2665" s="52" t="s">
        <v>6991</v>
      </c>
      <c r="K2665" s="71" t="s">
        <v>6992</v>
      </c>
      <c r="L2665" s="52" t="s">
        <v>2063</v>
      </c>
      <c r="M2665" s="72">
        <v>567</v>
      </c>
      <c r="N2665" s="52"/>
      <c r="O2665" s="52"/>
      <c r="P2665" s="52"/>
      <c r="Q2665" s="52"/>
      <c r="R2665" s="52"/>
      <c r="S2665" s="52"/>
      <c r="T2665" s="52"/>
      <c r="U2665" s="52"/>
      <c r="V2665" s="52"/>
      <c r="W2665" s="52"/>
    </row>
    <row r="2666" spans="1:23" hidden="1" x14ac:dyDescent="0.35">
      <c r="A2666" s="52" t="s">
        <v>78</v>
      </c>
      <c r="B2666" s="52" t="s">
        <v>79</v>
      </c>
      <c r="C2666" s="3">
        <v>20</v>
      </c>
      <c r="D2666" s="52" t="s">
        <v>2019</v>
      </c>
      <c r="E2666" s="52" t="s">
        <v>26</v>
      </c>
      <c r="F2666" s="52" t="s">
        <v>81</v>
      </c>
      <c r="G2666" s="52" t="s">
        <v>82</v>
      </c>
      <c r="H2666" s="4">
        <v>1</v>
      </c>
      <c r="I2666" s="2">
        <v>14.65</v>
      </c>
      <c r="J2666" s="52" t="s">
        <v>6993</v>
      </c>
      <c r="K2666" s="71" t="s">
        <v>6994</v>
      </c>
      <c r="L2666" s="52" t="s">
        <v>2063</v>
      </c>
      <c r="M2666" s="72">
        <v>8865</v>
      </c>
      <c r="N2666" s="52" t="s">
        <v>2066</v>
      </c>
      <c r="O2666" s="52" t="s">
        <v>2067</v>
      </c>
      <c r="P2666" s="52"/>
      <c r="Q2666" s="52"/>
      <c r="R2666" s="52"/>
      <c r="S2666" s="52"/>
      <c r="T2666" s="52"/>
      <c r="U2666" s="52"/>
      <c r="V2666" s="52"/>
      <c r="W2666" s="52"/>
    </row>
    <row r="2667" spans="1:23" hidden="1" x14ac:dyDescent="0.35">
      <c r="A2667" s="52" t="s">
        <v>78</v>
      </c>
      <c r="B2667" s="52" t="s">
        <v>79</v>
      </c>
      <c r="C2667" s="3">
        <v>20</v>
      </c>
      <c r="D2667" s="52" t="s">
        <v>2019</v>
      </c>
      <c r="E2667" s="52" t="s">
        <v>26</v>
      </c>
      <c r="F2667" s="52" t="s">
        <v>81</v>
      </c>
      <c r="G2667" s="52" t="s">
        <v>82</v>
      </c>
      <c r="H2667" s="4">
        <v>1</v>
      </c>
      <c r="I2667" s="2">
        <v>14.65</v>
      </c>
      <c r="J2667" s="52" t="s">
        <v>6995</v>
      </c>
      <c r="K2667" s="71" t="s">
        <v>6996</v>
      </c>
      <c r="L2667" s="52" t="s">
        <v>2063</v>
      </c>
      <c r="M2667" s="72">
        <v>1768</v>
      </c>
      <c r="N2667" s="52" t="s">
        <v>2072</v>
      </c>
      <c r="O2667" s="52" t="s">
        <v>2073</v>
      </c>
      <c r="P2667" s="52"/>
      <c r="Q2667" s="52"/>
      <c r="R2667" s="52"/>
      <c r="S2667" s="52"/>
      <c r="T2667" s="52"/>
      <c r="U2667" s="52"/>
      <c r="V2667" s="52"/>
      <c r="W2667" s="52"/>
    </row>
    <row r="2668" spans="1:23" x14ac:dyDescent="0.35">
      <c r="A2668" s="52" t="s">
        <v>78</v>
      </c>
      <c r="B2668" s="52" t="s">
        <v>79</v>
      </c>
      <c r="C2668" s="3">
        <v>10</v>
      </c>
      <c r="D2668" s="52" t="s">
        <v>2024</v>
      </c>
      <c r="E2668" s="52" t="s">
        <v>26</v>
      </c>
      <c r="F2668" s="52" t="s">
        <v>81</v>
      </c>
      <c r="G2668" s="52" t="s">
        <v>82</v>
      </c>
      <c r="H2668" s="4">
        <v>1</v>
      </c>
      <c r="I2668" s="2">
        <v>14.65</v>
      </c>
      <c r="J2668" s="52" t="s">
        <v>6997</v>
      </c>
      <c r="K2668" s="71" t="s">
        <v>6998</v>
      </c>
      <c r="L2668" s="52" t="s">
        <v>2063</v>
      </c>
      <c r="M2668" s="72">
        <v>2154</v>
      </c>
      <c r="N2668" s="52" t="s">
        <v>2259</v>
      </c>
      <c r="O2668" s="52" t="s">
        <v>2260</v>
      </c>
      <c r="P2668" s="52"/>
      <c r="Q2668" s="52"/>
      <c r="R2668" s="52"/>
      <c r="S2668" s="52"/>
      <c r="T2668" s="52"/>
      <c r="U2668" s="52"/>
      <c r="V2668" s="52"/>
      <c r="W2668" s="52"/>
    </row>
    <row r="2669" spans="1:23" hidden="1" x14ac:dyDescent="0.35">
      <c r="A2669" s="52" t="s">
        <v>78</v>
      </c>
      <c r="B2669" s="52" t="s">
        <v>79</v>
      </c>
      <c r="C2669" s="3">
        <v>10</v>
      </c>
      <c r="D2669" s="52" t="s">
        <v>83</v>
      </c>
      <c r="E2669" s="52" t="s">
        <v>26</v>
      </c>
      <c r="F2669" s="52" t="s">
        <v>81</v>
      </c>
      <c r="G2669" s="52" t="s">
        <v>82</v>
      </c>
      <c r="H2669" s="4">
        <v>1</v>
      </c>
      <c r="I2669" s="2">
        <v>14.65</v>
      </c>
      <c r="J2669" s="52" t="s">
        <v>6999</v>
      </c>
      <c r="K2669" s="71" t="s">
        <v>7000</v>
      </c>
      <c r="L2669" s="52" t="s">
        <v>2063</v>
      </c>
      <c r="M2669" s="72">
        <v>2394</v>
      </c>
      <c r="N2669" s="52"/>
      <c r="O2669" s="52"/>
      <c r="P2669" s="52"/>
      <c r="Q2669" s="52"/>
      <c r="R2669" s="52"/>
      <c r="S2669" s="52"/>
      <c r="T2669" s="52"/>
      <c r="U2669" s="52"/>
      <c r="V2669" s="52"/>
      <c r="W2669" s="52"/>
    </row>
    <row r="2670" spans="1:23" hidden="1" x14ac:dyDescent="0.35">
      <c r="A2670" s="52" t="s">
        <v>78</v>
      </c>
      <c r="B2670" s="52" t="s">
        <v>79</v>
      </c>
      <c r="C2670" s="3">
        <v>20</v>
      </c>
      <c r="D2670" s="52" t="s">
        <v>2019</v>
      </c>
      <c r="E2670" s="52" t="s">
        <v>26</v>
      </c>
      <c r="F2670" s="52" t="s">
        <v>81</v>
      </c>
      <c r="G2670" s="52" t="s">
        <v>82</v>
      </c>
      <c r="H2670" s="4">
        <v>1</v>
      </c>
      <c r="I2670" s="2">
        <v>14.65</v>
      </c>
      <c r="J2670" s="52" t="s">
        <v>7001</v>
      </c>
      <c r="K2670" s="71" t="s">
        <v>7002</v>
      </c>
      <c r="L2670" s="52" t="s">
        <v>2063</v>
      </c>
      <c r="M2670" s="72">
        <v>2958</v>
      </c>
      <c r="N2670" s="52"/>
      <c r="O2670" s="52"/>
      <c r="P2670" s="52"/>
      <c r="Q2670" s="52"/>
      <c r="R2670" s="52"/>
      <c r="S2670" s="52"/>
      <c r="T2670" s="52"/>
      <c r="U2670" s="52"/>
      <c r="V2670" s="52"/>
      <c r="W2670" s="52"/>
    </row>
    <row r="2671" spans="1:23" hidden="1" x14ac:dyDescent="0.35">
      <c r="A2671" s="52" t="s">
        <v>78</v>
      </c>
      <c r="B2671" s="52" t="s">
        <v>79</v>
      </c>
      <c r="C2671" s="3">
        <v>10</v>
      </c>
      <c r="D2671" s="52" t="s">
        <v>2020</v>
      </c>
      <c r="E2671" s="52" t="s">
        <v>26</v>
      </c>
      <c r="F2671" s="52" t="s">
        <v>81</v>
      </c>
      <c r="G2671" s="52" t="s">
        <v>82</v>
      </c>
      <c r="H2671" s="4">
        <v>1</v>
      </c>
      <c r="I2671" s="2">
        <v>14.65</v>
      </c>
      <c r="J2671" s="52" t="s">
        <v>6037</v>
      </c>
      <c r="K2671" s="71" t="s">
        <v>7003</v>
      </c>
      <c r="L2671" s="52" t="s">
        <v>2063</v>
      </c>
      <c r="M2671" s="72">
        <v>6152</v>
      </c>
      <c r="N2671" s="52" t="s">
        <v>2304</v>
      </c>
      <c r="O2671" s="52" t="s">
        <v>2305</v>
      </c>
      <c r="P2671" s="52"/>
      <c r="Q2671" s="52"/>
      <c r="R2671" s="52"/>
      <c r="S2671" s="52"/>
      <c r="T2671" s="52"/>
      <c r="U2671" s="52"/>
      <c r="V2671" s="52"/>
      <c r="W2671" s="52"/>
    </row>
    <row r="2672" spans="1:23" hidden="1" x14ac:dyDescent="0.35">
      <c r="A2672" s="52" t="s">
        <v>78</v>
      </c>
      <c r="B2672" s="52" t="s">
        <v>79</v>
      </c>
      <c r="C2672" s="3">
        <v>10</v>
      </c>
      <c r="D2672" s="52" t="s">
        <v>85</v>
      </c>
      <c r="E2672" s="52" t="s">
        <v>26</v>
      </c>
      <c r="F2672" s="52" t="s">
        <v>81</v>
      </c>
      <c r="G2672" s="52" t="s">
        <v>82</v>
      </c>
      <c r="H2672" s="4">
        <v>1</v>
      </c>
      <c r="I2672" s="2">
        <v>14.65</v>
      </c>
      <c r="J2672" s="52" t="s">
        <v>7004</v>
      </c>
      <c r="K2672" s="71" t="s">
        <v>7005</v>
      </c>
      <c r="L2672" s="52" t="s">
        <v>2063</v>
      </c>
      <c r="M2672" s="72">
        <v>4820</v>
      </c>
      <c r="N2672" s="52" t="s">
        <v>2304</v>
      </c>
      <c r="O2672" s="52" t="s">
        <v>2305</v>
      </c>
      <c r="P2672" s="52"/>
      <c r="Q2672" s="52"/>
      <c r="R2672" s="52"/>
      <c r="S2672" s="52"/>
      <c r="T2672" s="52"/>
      <c r="U2672" s="52"/>
      <c r="V2672" s="52"/>
      <c r="W2672" s="52"/>
    </row>
    <row r="2673" spans="1:23" hidden="1" x14ac:dyDescent="0.35">
      <c r="A2673" s="52" t="s">
        <v>78</v>
      </c>
      <c r="B2673" s="52" t="s">
        <v>79</v>
      </c>
      <c r="C2673" s="3">
        <v>10</v>
      </c>
      <c r="D2673" s="52" t="s">
        <v>2022</v>
      </c>
      <c r="E2673" s="52" t="s">
        <v>26</v>
      </c>
      <c r="F2673" s="52" t="s">
        <v>81</v>
      </c>
      <c r="G2673" s="52" t="s">
        <v>82</v>
      </c>
      <c r="H2673" s="4">
        <v>1</v>
      </c>
      <c r="I2673" s="2">
        <v>14.65</v>
      </c>
      <c r="J2673" s="52" t="s">
        <v>7006</v>
      </c>
      <c r="K2673" s="71" t="s">
        <v>7007</v>
      </c>
      <c r="L2673" s="52" t="s">
        <v>2063</v>
      </c>
      <c r="M2673" s="72">
        <v>9473</v>
      </c>
      <c r="N2673" s="52" t="s">
        <v>2072</v>
      </c>
      <c r="O2673" s="52" t="s">
        <v>2073</v>
      </c>
      <c r="P2673" s="52"/>
      <c r="Q2673" s="52"/>
      <c r="R2673" s="52"/>
      <c r="S2673" s="52"/>
      <c r="T2673" s="52"/>
      <c r="U2673" s="52"/>
      <c r="V2673" s="52"/>
      <c r="W2673" s="52"/>
    </row>
    <row r="2674" spans="1:23" hidden="1" x14ac:dyDescent="0.35">
      <c r="A2674" s="52" t="s">
        <v>78</v>
      </c>
      <c r="B2674" s="52" t="s">
        <v>79</v>
      </c>
      <c r="C2674" s="3">
        <v>20</v>
      </c>
      <c r="D2674" s="52" t="s">
        <v>2022</v>
      </c>
      <c r="E2674" s="52" t="s">
        <v>26</v>
      </c>
      <c r="F2674" s="52" t="s">
        <v>81</v>
      </c>
      <c r="G2674" s="52" t="s">
        <v>82</v>
      </c>
      <c r="H2674" s="4">
        <v>1</v>
      </c>
      <c r="I2674" s="2">
        <v>14.65</v>
      </c>
      <c r="J2674" s="52" t="s">
        <v>7008</v>
      </c>
      <c r="K2674" s="71" t="s">
        <v>7009</v>
      </c>
      <c r="L2674" s="52" t="s">
        <v>2063</v>
      </c>
      <c r="M2674" s="72">
        <v>4382</v>
      </c>
      <c r="N2674" s="52" t="s">
        <v>2072</v>
      </c>
      <c r="O2674" s="52" t="s">
        <v>2073</v>
      </c>
      <c r="P2674" s="52"/>
      <c r="Q2674" s="52"/>
      <c r="R2674" s="52"/>
      <c r="S2674" s="52"/>
      <c r="T2674" s="52"/>
      <c r="U2674" s="52"/>
      <c r="V2674" s="52"/>
      <c r="W2674" s="52"/>
    </row>
    <row r="2675" spans="1:23" hidden="1" x14ac:dyDescent="0.35">
      <c r="A2675" s="52" t="s">
        <v>78</v>
      </c>
      <c r="B2675" s="52" t="s">
        <v>79</v>
      </c>
      <c r="C2675" s="3">
        <v>20</v>
      </c>
      <c r="D2675" s="52" t="s">
        <v>2022</v>
      </c>
      <c r="E2675" s="52" t="s">
        <v>26</v>
      </c>
      <c r="F2675" s="52" t="s">
        <v>81</v>
      </c>
      <c r="G2675" s="52" t="s">
        <v>82</v>
      </c>
      <c r="H2675" s="4">
        <v>1</v>
      </c>
      <c r="I2675" s="2">
        <v>14.65</v>
      </c>
      <c r="J2675" s="52" t="s">
        <v>7010</v>
      </c>
      <c r="K2675" s="71" t="s">
        <v>7011</v>
      </c>
      <c r="L2675" s="52" t="s">
        <v>2063</v>
      </c>
      <c r="M2675" s="72">
        <v>8441</v>
      </c>
      <c r="N2675" s="52" t="s">
        <v>2072</v>
      </c>
      <c r="O2675" s="52" t="s">
        <v>2073</v>
      </c>
      <c r="P2675" s="52"/>
      <c r="Q2675" s="52"/>
      <c r="R2675" s="52"/>
      <c r="S2675" s="52"/>
      <c r="T2675" s="52"/>
      <c r="U2675" s="52"/>
      <c r="V2675" s="52"/>
      <c r="W2675" s="52"/>
    </row>
    <row r="2676" spans="1:23" hidden="1" x14ac:dyDescent="0.35">
      <c r="A2676" s="52" t="s">
        <v>78</v>
      </c>
      <c r="B2676" s="52" t="s">
        <v>79</v>
      </c>
      <c r="C2676" s="3">
        <v>10</v>
      </c>
      <c r="D2676" s="52" t="s">
        <v>2023</v>
      </c>
      <c r="E2676" s="52" t="s">
        <v>26</v>
      </c>
      <c r="F2676" s="52" t="s">
        <v>81</v>
      </c>
      <c r="G2676" s="52" t="s">
        <v>82</v>
      </c>
      <c r="H2676" s="4">
        <v>1</v>
      </c>
      <c r="I2676" s="2">
        <v>14.65</v>
      </c>
      <c r="J2676" s="52" t="s">
        <v>7012</v>
      </c>
      <c r="K2676" s="71" t="s">
        <v>7013</v>
      </c>
      <c r="L2676" s="52" t="s">
        <v>2063</v>
      </c>
      <c r="M2676" s="72">
        <v>5286</v>
      </c>
      <c r="N2676" s="52" t="s">
        <v>2072</v>
      </c>
      <c r="O2676" s="52" t="s">
        <v>2073</v>
      </c>
      <c r="P2676" s="52"/>
      <c r="Q2676" s="52"/>
      <c r="R2676" s="52"/>
      <c r="S2676" s="52"/>
      <c r="T2676" s="52"/>
      <c r="U2676" s="52"/>
      <c r="V2676" s="52"/>
      <c r="W2676" s="52"/>
    </row>
    <row r="2677" spans="1:23" x14ac:dyDescent="0.35">
      <c r="A2677" s="52" t="s">
        <v>78</v>
      </c>
      <c r="B2677" s="52" t="s">
        <v>79</v>
      </c>
      <c r="C2677" s="3">
        <v>20</v>
      </c>
      <c r="D2677" s="52" t="s">
        <v>86</v>
      </c>
      <c r="E2677" s="52" t="s">
        <v>26</v>
      </c>
      <c r="F2677" s="52" t="s">
        <v>81</v>
      </c>
      <c r="G2677" s="52" t="s">
        <v>82</v>
      </c>
      <c r="H2677" s="4">
        <v>1</v>
      </c>
      <c r="I2677" s="2">
        <v>14.65</v>
      </c>
      <c r="J2677" s="52" t="s">
        <v>7014</v>
      </c>
      <c r="K2677" s="71" t="s">
        <v>7015</v>
      </c>
      <c r="L2677" s="52" t="s">
        <v>2063</v>
      </c>
      <c r="M2677" s="72">
        <v>6508</v>
      </c>
      <c r="N2677" s="52" t="s">
        <v>2076</v>
      </c>
      <c r="O2677" s="52" t="s">
        <v>2077</v>
      </c>
      <c r="P2677" s="52"/>
      <c r="Q2677" s="52"/>
      <c r="R2677" s="52"/>
      <c r="S2677" s="52"/>
      <c r="T2677" s="52"/>
      <c r="U2677" s="52"/>
      <c r="V2677" s="52"/>
      <c r="W2677" s="52"/>
    </row>
    <row r="2678" spans="1:23" hidden="1" x14ac:dyDescent="0.35">
      <c r="A2678" s="52" t="s">
        <v>78</v>
      </c>
      <c r="B2678" s="52" t="s">
        <v>79</v>
      </c>
      <c r="C2678" s="3">
        <v>211</v>
      </c>
      <c r="D2678" s="52" t="s">
        <v>85</v>
      </c>
      <c r="E2678" s="52" t="s">
        <v>26</v>
      </c>
      <c r="F2678" s="52" t="s">
        <v>81</v>
      </c>
      <c r="G2678" s="52" t="s">
        <v>82</v>
      </c>
      <c r="H2678" s="4">
        <v>1</v>
      </c>
      <c r="I2678" s="2">
        <v>14.65</v>
      </c>
      <c r="J2678" s="52" t="s">
        <v>7016</v>
      </c>
      <c r="K2678" s="71" t="s">
        <v>7017</v>
      </c>
      <c r="L2678" s="52" t="s">
        <v>2063</v>
      </c>
      <c r="M2678" s="72">
        <v>8231</v>
      </c>
      <c r="N2678" s="52" t="s">
        <v>2072</v>
      </c>
      <c r="O2678" s="52" t="s">
        <v>2073</v>
      </c>
      <c r="P2678" s="52"/>
      <c r="Q2678" s="52"/>
      <c r="R2678" s="52"/>
      <c r="S2678" s="52"/>
      <c r="T2678" s="52"/>
      <c r="U2678" s="52"/>
      <c r="V2678" s="52"/>
      <c r="W2678" s="52"/>
    </row>
    <row r="2679" spans="1:23" hidden="1" x14ac:dyDescent="0.35">
      <c r="A2679" s="52" t="s">
        <v>78</v>
      </c>
      <c r="B2679" s="52" t="s">
        <v>79</v>
      </c>
      <c r="C2679" s="3">
        <v>211</v>
      </c>
      <c r="D2679" s="52" t="s">
        <v>85</v>
      </c>
      <c r="E2679" s="52" t="s">
        <v>26</v>
      </c>
      <c r="F2679" s="52" t="s">
        <v>81</v>
      </c>
      <c r="G2679" s="52" t="s">
        <v>82</v>
      </c>
      <c r="H2679" s="4">
        <v>1</v>
      </c>
      <c r="I2679" s="2">
        <v>14.65</v>
      </c>
      <c r="J2679" s="52" t="s">
        <v>7018</v>
      </c>
      <c r="K2679" s="71" t="s">
        <v>7019</v>
      </c>
      <c r="L2679" s="52" t="s">
        <v>2063</v>
      </c>
      <c r="M2679" s="72">
        <v>5553</v>
      </c>
      <c r="N2679" s="52" t="s">
        <v>2066</v>
      </c>
      <c r="O2679" s="52" t="s">
        <v>2067</v>
      </c>
      <c r="P2679" s="52"/>
      <c r="Q2679" s="52"/>
      <c r="R2679" s="52"/>
      <c r="S2679" s="52"/>
      <c r="T2679" s="52"/>
      <c r="U2679" s="52"/>
      <c r="V2679" s="52"/>
      <c r="W2679" s="52"/>
    </row>
    <row r="2680" spans="1:23" hidden="1" x14ac:dyDescent="0.35">
      <c r="A2680" s="52" t="s">
        <v>78</v>
      </c>
      <c r="B2680" s="52" t="s">
        <v>79</v>
      </c>
      <c r="C2680" s="3">
        <v>20</v>
      </c>
      <c r="D2680" s="52" t="s">
        <v>87</v>
      </c>
      <c r="E2680" s="52" t="s">
        <v>26</v>
      </c>
      <c r="F2680" s="52" t="s">
        <v>81</v>
      </c>
      <c r="G2680" s="52" t="s">
        <v>82</v>
      </c>
      <c r="H2680" s="4">
        <v>1</v>
      </c>
      <c r="I2680" s="2">
        <v>14.65</v>
      </c>
      <c r="J2680" s="52" t="s">
        <v>7020</v>
      </c>
      <c r="K2680" s="71" t="s">
        <v>7021</v>
      </c>
      <c r="L2680" s="52" t="s">
        <v>2063</v>
      </c>
      <c r="M2680" s="72">
        <v>3705</v>
      </c>
      <c r="N2680" s="52" t="s">
        <v>2072</v>
      </c>
      <c r="O2680" s="52" t="s">
        <v>2073</v>
      </c>
      <c r="P2680" s="52"/>
      <c r="Q2680" s="52"/>
      <c r="R2680" s="52"/>
      <c r="S2680" s="52"/>
      <c r="T2680" s="52"/>
      <c r="U2680" s="52"/>
      <c r="V2680" s="52"/>
      <c r="W2680" s="52"/>
    </row>
    <row r="2681" spans="1:23" hidden="1" x14ac:dyDescent="0.35">
      <c r="A2681" s="52" t="s">
        <v>78</v>
      </c>
      <c r="B2681" s="52" t="s">
        <v>79</v>
      </c>
      <c r="C2681" s="3">
        <v>0</v>
      </c>
      <c r="D2681" s="52" t="s">
        <v>83</v>
      </c>
      <c r="E2681" s="52" t="s">
        <v>26</v>
      </c>
      <c r="F2681" s="52" t="s">
        <v>81</v>
      </c>
      <c r="G2681" s="52" t="s">
        <v>82</v>
      </c>
      <c r="H2681" s="4">
        <v>1</v>
      </c>
      <c r="I2681" s="2">
        <v>14.65</v>
      </c>
      <c r="J2681" s="52" t="s">
        <v>7022</v>
      </c>
      <c r="K2681" s="71" t="s">
        <v>7023</v>
      </c>
      <c r="L2681" s="52" t="s">
        <v>2063</v>
      </c>
      <c r="M2681" s="72">
        <v>4882</v>
      </c>
      <c r="N2681" s="52" t="s">
        <v>2066</v>
      </c>
      <c r="O2681" s="52" t="s">
        <v>2067</v>
      </c>
      <c r="P2681" s="52"/>
      <c r="Q2681" s="52"/>
      <c r="R2681" s="52"/>
      <c r="S2681" s="52"/>
      <c r="T2681" s="52"/>
      <c r="U2681" s="52"/>
      <c r="V2681" s="52"/>
      <c r="W2681" s="52"/>
    </row>
    <row r="2682" spans="1:23" hidden="1" x14ac:dyDescent="0.35">
      <c r="A2682" s="52" t="s">
        <v>78</v>
      </c>
      <c r="B2682" s="52" t="s">
        <v>79</v>
      </c>
      <c r="C2682" s="3">
        <v>211</v>
      </c>
      <c r="D2682" s="52" t="s">
        <v>2022</v>
      </c>
      <c r="E2682" s="52" t="s">
        <v>26</v>
      </c>
      <c r="F2682" s="52" t="s">
        <v>81</v>
      </c>
      <c r="G2682" s="52" t="s">
        <v>82</v>
      </c>
      <c r="H2682" s="4">
        <v>1</v>
      </c>
      <c r="I2682" s="2">
        <v>14.65</v>
      </c>
      <c r="J2682" s="52" t="s">
        <v>7024</v>
      </c>
      <c r="K2682" s="71" t="s">
        <v>7025</v>
      </c>
      <c r="L2682" s="52" t="s">
        <v>2063</v>
      </c>
      <c r="M2682" s="72">
        <v>7602</v>
      </c>
      <c r="N2682" s="52" t="s">
        <v>2066</v>
      </c>
      <c r="O2682" s="52" t="s">
        <v>2067</v>
      </c>
      <c r="P2682" s="52"/>
      <c r="Q2682" s="52"/>
      <c r="R2682" s="52"/>
      <c r="S2682" s="52"/>
      <c r="T2682" s="52"/>
      <c r="U2682" s="52"/>
      <c r="V2682" s="52"/>
      <c r="W2682" s="52"/>
    </row>
    <row r="2683" spans="1:23" hidden="1" x14ac:dyDescent="0.35">
      <c r="A2683" s="52" t="s">
        <v>78</v>
      </c>
      <c r="B2683" s="52" t="s">
        <v>79</v>
      </c>
      <c r="C2683" s="3">
        <v>10</v>
      </c>
      <c r="D2683" s="52" t="s">
        <v>83</v>
      </c>
      <c r="E2683" s="52" t="s">
        <v>26</v>
      </c>
      <c r="F2683" s="52" t="s">
        <v>81</v>
      </c>
      <c r="G2683" s="52" t="s">
        <v>82</v>
      </c>
      <c r="H2683" s="4">
        <v>1</v>
      </c>
      <c r="I2683" s="2">
        <v>14.65</v>
      </c>
      <c r="J2683" s="52" t="s">
        <v>7026</v>
      </c>
      <c r="K2683" s="71" t="s">
        <v>7027</v>
      </c>
      <c r="L2683" s="52" t="s">
        <v>2063</v>
      </c>
      <c r="M2683" s="72">
        <v>8122</v>
      </c>
      <c r="N2683" s="52" t="s">
        <v>2066</v>
      </c>
      <c r="O2683" s="52" t="s">
        <v>2067</v>
      </c>
      <c r="P2683" s="52" t="s">
        <v>2066</v>
      </c>
      <c r="Q2683" s="52" t="s">
        <v>2067</v>
      </c>
      <c r="R2683" s="52"/>
      <c r="S2683" s="52"/>
      <c r="T2683" s="52"/>
      <c r="U2683" s="52"/>
      <c r="V2683" s="52"/>
      <c r="W2683" s="52"/>
    </row>
    <row r="2684" spans="1:23" hidden="1" x14ac:dyDescent="0.35">
      <c r="A2684" s="52" t="s">
        <v>78</v>
      </c>
      <c r="B2684" s="52" t="s">
        <v>79</v>
      </c>
      <c r="C2684" s="3">
        <v>212</v>
      </c>
      <c r="D2684" s="52" t="s">
        <v>85</v>
      </c>
      <c r="E2684" s="52" t="s">
        <v>26</v>
      </c>
      <c r="F2684" s="52" t="s">
        <v>81</v>
      </c>
      <c r="G2684" s="52" t="s">
        <v>82</v>
      </c>
      <c r="H2684" s="4">
        <v>1</v>
      </c>
      <c r="I2684" s="2">
        <v>14.65</v>
      </c>
      <c r="J2684" s="52" t="s">
        <v>7028</v>
      </c>
      <c r="K2684" s="71" t="s">
        <v>7029</v>
      </c>
      <c r="L2684" s="52" t="s">
        <v>2063</v>
      </c>
      <c r="M2684" s="72">
        <v>4473</v>
      </c>
      <c r="N2684" s="52" t="s">
        <v>2072</v>
      </c>
      <c r="O2684" s="52" t="s">
        <v>2073</v>
      </c>
      <c r="P2684" s="52"/>
      <c r="Q2684" s="52"/>
      <c r="R2684" s="52"/>
      <c r="S2684" s="52"/>
      <c r="T2684" s="52"/>
      <c r="U2684" s="52"/>
      <c r="V2684" s="52"/>
      <c r="W2684" s="52"/>
    </row>
    <row r="2685" spans="1:23" hidden="1" x14ac:dyDescent="0.35">
      <c r="A2685" s="52" t="s">
        <v>78</v>
      </c>
      <c r="B2685" s="52" t="s">
        <v>79</v>
      </c>
      <c r="C2685" s="3">
        <v>211</v>
      </c>
      <c r="D2685" s="52" t="s">
        <v>87</v>
      </c>
      <c r="E2685" s="52" t="s">
        <v>26</v>
      </c>
      <c r="F2685" s="52" t="s">
        <v>81</v>
      </c>
      <c r="G2685" s="52" t="s">
        <v>82</v>
      </c>
      <c r="H2685" s="4">
        <v>1</v>
      </c>
      <c r="I2685" s="2">
        <v>14.65</v>
      </c>
      <c r="J2685" s="52" t="s">
        <v>7030</v>
      </c>
      <c r="K2685" s="71" t="s">
        <v>7031</v>
      </c>
      <c r="L2685" s="52" t="s">
        <v>2063</v>
      </c>
      <c r="M2685" s="72">
        <v>5851</v>
      </c>
      <c r="N2685" s="52" t="s">
        <v>2158</v>
      </c>
      <c r="O2685" s="52" t="s">
        <v>2159</v>
      </c>
      <c r="P2685" s="52"/>
      <c r="Q2685" s="52"/>
      <c r="R2685" s="52"/>
      <c r="S2685" s="52"/>
      <c r="T2685" s="52"/>
      <c r="U2685" s="52"/>
      <c r="V2685" s="52"/>
      <c r="W2685" s="52"/>
    </row>
    <row r="2686" spans="1:23" hidden="1" x14ac:dyDescent="0.35">
      <c r="A2686" s="52" t="s">
        <v>78</v>
      </c>
      <c r="B2686" s="52" t="s">
        <v>79</v>
      </c>
      <c r="C2686" s="3">
        <v>20</v>
      </c>
      <c r="D2686" s="52" t="s">
        <v>2021</v>
      </c>
      <c r="E2686" s="52" t="s">
        <v>26</v>
      </c>
      <c r="F2686" s="52" t="s">
        <v>81</v>
      </c>
      <c r="G2686" s="52" t="s">
        <v>82</v>
      </c>
      <c r="H2686" s="4">
        <v>1</v>
      </c>
      <c r="I2686" s="2">
        <v>14.65</v>
      </c>
      <c r="J2686" s="52" t="s">
        <v>7032</v>
      </c>
      <c r="K2686" s="71" t="s">
        <v>7033</v>
      </c>
      <c r="L2686" s="52" t="s">
        <v>2063</v>
      </c>
      <c r="M2686" s="72">
        <v>3338</v>
      </c>
      <c r="N2686" s="52" t="s">
        <v>2072</v>
      </c>
      <c r="O2686" s="52" t="s">
        <v>2073</v>
      </c>
      <c r="P2686" s="52"/>
      <c r="Q2686" s="52"/>
      <c r="R2686" s="52"/>
      <c r="S2686" s="52"/>
      <c r="T2686" s="52"/>
      <c r="U2686" s="52"/>
      <c r="V2686" s="52"/>
      <c r="W2686" s="52"/>
    </row>
    <row r="2687" spans="1:23" hidden="1" x14ac:dyDescent="0.35">
      <c r="A2687" s="52" t="s">
        <v>78</v>
      </c>
      <c r="B2687" s="52" t="s">
        <v>79</v>
      </c>
      <c r="C2687" s="3">
        <v>20</v>
      </c>
      <c r="D2687" s="52" t="s">
        <v>2021</v>
      </c>
      <c r="E2687" s="52" t="s">
        <v>26</v>
      </c>
      <c r="F2687" s="52" t="s">
        <v>81</v>
      </c>
      <c r="G2687" s="52" t="s">
        <v>82</v>
      </c>
      <c r="H2687" s="4">
        <v>1</v>
      </c>
      <c r="I2687" s="2">
        <v>14.65</v>
      </c>
      <c r="J2687" s="52" t="s">
        <v>7034</v>
      </c>
      <c r="K2687" s="71" t="s">
        <v>7035</v>
      </c>
      <c r="L2687" s="52" t="s">
        <v>2063</v>
      </c>
      <c r="M2687" s="72">
        <v>1425</v>
      </c>
      <c r="N2687" s="52"/>
      <c r="O2687" s="52"/>
      <c r="P2687" s="52"/>
      <c r="Q2687" s="52"/>
      <c r="R2687" s="52"/>
      <c r="S2687" s="52"/>
      <c r="T2687" s="52"/>
      <c r="U2687" s="52"/>
      <c r="V2687" s="52"/>
      <c r="W2687" s="52"/>
    </row>
    <row r="2688" spans="1:23" hidden="1" x14ac:dyDescent="0.35">
      <c r="A2688" s="52" t="s">
        <v>78</v>
      </c>
      <c r="B2688" s="52" t="s">
        <v>79</v>
      </c>
      <c r="C2688" s="3">
        <v>20</v>
      </c>
      <c r="D2688" s="52" t="s">
        <v>2023</v>
      </c>
      <c r="E2688" s="52" t="s">
        <v>26</v>
      </c>
      <c r="F2688" s="52" t="s">
        <v>81</v>
      </c>
      <c r="G2688" s="52" t="s">
        <v>82</v>
      </c>
      <c r="H2688" s="4">
        <v>1</v>
      </c>
      <c r="I2688" s="2">
        <v>14.65</v>
      </c>
      <c r="J2688" s="52" t="s">
        <v>7036</v>
      </c>
      <c r="K2688" s="71" t="s">
        <v>7037</v>
      </c>
      <c r="L2688" s="52" t="s">
        <v>2063</v>
      </c>
      <c r="M2688" s="72">
        <v>904</v>
      </c>
      <c r="N2688" s="52"/>
      <c r="O2688" s="52"/>
      <c r="P2688" s="52"/>
      <c r="Q2688" s="52"/>
      <c r="R2688" s="52"/>
      <c r="S2688" s="52"/>
      <c r="T2688" s="52"/>
      <c r="U2688" s="52"/>
      <c r="V2688" s="52"/>
      <c r="W2688" s="52"/>
    </row>
    <row r="2689" spans="1:23" x14ac:dyDescent="0.35">
      <c r="A2689" s="52" t="s">
        <v>78</v>
      </c>
      <c r="B2689" s="52" t="s">
        <v>79</v>
      </c>
      <c r="C2689" s="3">
        <v>211</v>
      </c>
      <c r="D2689" s="52" t="s">
        <v>2021</v>
      </c>
      <c r="E2689" s="52" t="s">
        <v>26</v>
      </c>
      <c r="F2689" s="52" t="s">
        <v>81</v>
      </c>
      <c r="G2689" s="52" t="s">
        <v>82</v>
      </c>
      <c r="H2689" s="4">
        <v>1</v>
      </c>
      <c r="I2689" s="2">
        <v>14.65</v>
      </c>
      <c r="J2689" s="52" t="s">
        <v>7038</v>
      </c>
      <c r="K2689" s="71" t="s">
        <v>7039</v>
      </c>
      <c r="L2689" s="52" t="s">
        <v>2063</v>
      </c>
      <c r="M2689" s="72">
        <v>1843</v>
      </c>
      <c r="N2689" s="52" t="s">
        <v>2076</v>
      </c>
      <c r="O2689" s="52" t="s">
        <v>2077</v>
      </c>
      <c r="P2689" s="52"/>
      <c r="Q2689" s="52"/>
      <c r="R2689" s="52"/>
      <c r="S2689" s="52"/>
      <c r="T2689" s="52"/>
      <c r="U2689" s="52"/>
      <c r="V2689" s="52"/>
      <c r="W2689" s="52"/>
    </row>
    <row r="2690" spans="1:23" hidden="1" x14ac:dyDescent="0.35">
      <c r="A2690" s="52" t="s">
        <v>78</v>
      </c>
      <c r="B2690" s="52" t="s">
        <v>79</v>
      </c>
      <c r="C2690" s="3">
        <v>20</v>
      </c>
      <c r="D2690" s="52" t="s">
        <v>2019</v>
      </c>
      <c r="E2690" s="52" t="s">
        <v>26</v>
      </c>
      <c r="F2690" s="52" t="s">
        <v>81</v>
      </c>
      <c r="G2690" s="52" t="s">
        <v>82</v>
      </c>
      <c r="H2690" s="4">
        <v>1</v>
      </c>
      <c r="I2690" s="2">
        <v>14.65</v>
      </c>
      <c r="J2690" s="52" t="s">
        <v>7040</v>
      </c>
      <c r="K2690" s="71" t="s">
        <v>7041</v>
      </c>
      <c r="L2690" s="52" t="s">
        <v>2095</v>
      </c>
      <c r="M2690" s="72">
        <v>479</v>
      </c>
      <c r="N2690" s="52"/>
      <c r="O2690" s="52"/>
      <c r="P2690" s="52"/>
      <c r="Q2690" s="52"/>
      <c r="R2690" s="52"/>
      <c r="S2690" s="52"/>
      <c r="T2690" s="52"/>
      <c r="U2690" s="52"/>
      <c r="V2690" s="52"/>
      <c r="W2690" s="52"/>
    </row>
    <row r="2691" spans="1:23" x14ac:dyDescent="0.35">
      <c r="A2691" s="52" t="s">
        <v>78</v>
      </c>
      <c r="B2691" s="52" t="s">
        <v>79</v>
      </c>
      <c r="C2691" s="3">
        <v>20</v>
      </c>
      <c r="D2691" s="52" t="s">
        <v>2022</v>
      </c>
      <c r="E2691" s="52" t="s">
        <v>26</v>
      </c>
      <c r="F2691" s="52" t="s">
        <v>81</v>
      </c>
      <c r="G2691" s="52" t="s">
        <v>82</v>
      </c>
      <c r="H2691" s="4">
        <v>1</v>
      </c>
      <c r="I2691" s="2">
        <v>14.65</v>
      </c>
      <c r="J2691" s="52" t="s">
        <v>7042</v>
      </c>
      <c r="K2691" s="71" t="s">
        <v>7043</v>
      </c>
      <c r="L2691" s="52" t="s">
        <v>2063</v>
      </c>
      <c r="M2691" s="72">
        <v>5099</v>
      </c>
      <c r="N2691" s="52" t="s">
        <v>2076</v>
      </c>
      <c r="O2691" s="52" t="s">
        <v>2077</v>
      </c>
      <c r="P2691" s="52"/>
      <c r="Q2691" s="52"/>
      <c r="R2691" s="52"/>
      <c r="S2691" s="52"/>
      <c r="T2691" s="52"/>
      <c r="U2691" s="52"/>
      <c r="V2691" s="52"/>
      <c r="W2691" s="52"/>
    </row>
    <row r="2692" spans="1:23" hidden="1" x14ac:dyDescent="0.35">
      <c r="A2692" s="52" t="s">
        <v>78</v>
      </c>
      <c r="B2692" s="52" t="s">
        <v>79</v>
      </c>
      <c r="C2692" s="3">
        <v>20</v>
      </c>
      <c r="D2692" s="52" t="s">
        <v>2019</v>
      </c>
      <c r="E2692" s="52" t="s">
        <v>26</v>
      </c>
      <c r="F2692" s="52" t="s">
        <v>81</v>
      </c>
      <c r="G2692" s="52" t="s">
        <v>82</v>
      </c>
      <c r="H2692" s="4">
        <v>1</v>
      </c>
      <c r="I2692" s="2">
        <v>14.65</v>
      </c>
      <c r="J2692" s="52" t="s">
        <v>7044</v>
      </c>
      <c r="K2692" s="71" t="s">
        <v>7045</v>
      </c>
      <c r="L2692" s="52" t="s">
        <v>2063</v>
      </c>
      <c r="M2692" s="72">
        <v>9345</v>
      </c>
      <c r="N2692" s="52" t="s">
        <v>2072</v>
      </c>
      <c r="O2692" s="52" t="s">
        <v>2073</v>
      </c>
      <c r="P2692" s="52"/>
      <c r="Q2692" s="52"/>
      <c r="R2692" s="52"/>
      <c r="S2692" s="52"/>
      <c r="T2692" s="52"/>
      <c r="U2692" s="52"/>
      <c r="V2692" s="52"/>
      <c r="W2692" s="52"/>
    </row>
    <row r="2693" spans="1:23" hidden="1" x14ac:dyDescent="0.35">
      <c r="A2693" s="52" t="s">
        <v>78</v>
      </c>
      <c r="B2693" s="52" t="s">
        <v>79</v>
      </c>
      <c r="C2693" s="3">
        <v>10</v>
      </c>
      <c r="D2693" s="52" t="s">
        <v>2019</v>
      </c>
      <c r="E2693" s="52" t="s">
        <v>26</v>
      </c>
      <c r="F2693" s="52" t="s">
        <v>81</v>
      </c>
      <c r="G2693" s="52" t="s">
        <v>82</v>
      </c>
      <c r="H2693" s="4">
        <v>1</v>
      </c>
      <c r="I2693" s="2">
        <v>14.65</v>
      </c>
      <c r="J2693" s="52" t="s">
        <v>7046</v>
      </c>
      <c r="K2693" s="71" t="s">
        <v>7047</v>
      </c>
      <c r="L2693" s="52" t="s">
        <v>2063</v>
      </c>
      <c r="M2693" s="72">
        <v>4303</v>
      </c>
      <c r="N2693" s="52" t="s">
        <v>2066</v>
      </c>
      <c r="O2693" s="52" t="s">
        <v>2067</v>
      </c>
      <c r="P2693" s="52"/>
      <c r="Q2693" s="52"/>
      <c r="R2693" s="52"/>
      <c r="S2693" s="52"/>
      <c r="T2693" s="52"/>
      <c r="U2693" s="52"/>
      <c r="V2693" s="52"/>
      <c r="W2693" s="52"/>
    </row>
    <row r="2694" spans="1:23" hidden="1" x14ac:dyDescent="0.35">
      <c r="A2694" s="52" t="s">
        <v>78</v>
      </c>
      <c r="B2694" s="52" t="s">
        <v>79</v>
      </c>
      <c r="C2694" s="3">
        <v>20</v>
      </c>
      <c r="D2694" s="52" t="s">
        <v>2020</v>
      </c>
      <c r="E2694" s="52" t="s">
        <v>26</v>
      </c>
      <c r="F2694" s="52" t="s">
        <v>81</v>
      </c>
      <c r="G2694" s="52" t="s">
        <v>82</v>
      </c>
      <c r="H2694" s="4">
        <v>1</v>
      </c>
      <c r="I2694" s="2">
        <v>14.65</v>
      </c>
      <c r="J2694" s="52" t="s">
        <v>7048</v>
      </c>
      <c r="K2694" s="71" t="s">
        <v>7049</v>
      </c>
      <c r="L2694" s="52" t="s">
        <v>2063</v>
      </c>
      <c r="M2694" s="72">
        <v>5861</v>
      </c>
      <c r="N2694" s="52" t="s">
        <v>2066</v>
      </c>
      <c r="O2694" s="52" t="s">
        <v>2067</v>
      </c>
      <c r="P2694" s="52"/>
      <c r="Q2694" s="52"/>
      <c r="R2694" s="52"/>
      <c r="S2694" s="52"/>
      <c r="T2694" s="52"/>
      <c r="U2694" s="52"/>
      <c r="V2694" s="52"/>
      <c r="W2694" s="52"/>
    </row>
    <row r="2695" spans="1:23" hidden="1" x14ac:dyDescent="0.35">
      <c r="A2695" s="52" t="s">
        <v>78</v>
      </c>
      <c r="B2695" s="52" t="s">
        <v>79</v>
      </c>
      <c r="C2695" s="3">
        <v>20</v>
      </c>
      <c r="D2695" s="52" t="s">
        <v>2023</v>
      </c>
      <c r="E2695" s="52" t="s">
        <v>26</v>
      </c>
      <c r="F2695" s="52" t="s">
        <v>81</v>
      </c>
      <c r="G2695" s="52" t="s">
        <v>82</v>
      </c>
      <c r="H2695" s="4">
        <v>1</v>
      </c>
      <c r="I2695" s="2">
        <v>14.65</v>
      </c>
      <c r="J2695" s="52" t="s">
        <v>7050</v>
      </c>
      <c r="K2695" s="71" t="s">
        <v>7051</v>
      </c>
      <c r="L2695" s="52" t="s">
        <v>2063</v>
      </c>
      <c r="M2695" s="72">
        <v>2563</v>
      </c>
      <c r="N2695" s="52"/>
      <c r="O2695" s="52"/>
      <c r="P2695" s="52"/>
      <c r="Q2695" s="52"/>
      <c r="R2695" s="52"/>
      <c r="S2695" s="52"/>
      <c r="T2695" s="52"/>
      <c r="U2695" s="52"/>
      <c r="V2695" s="52"/>
      <c r="W2695" s="52"/>
    </row>
    <row r="2696" spans="1:23" hidden="1" x14ac:dyDescent="0.35">
      <c r="A2696" s="52" t="s">
        <v>78</v>
      </c>
      <c r="B2696" s="52" t="s">
        <v>79</v>
      </c>
      <c r="C2696" s="3">
        <v>10</v>
      </c>
      <c r="D2696" s="52" t="s">
        <v>83</v>
      </c>
      <c r="E2696" s="52" t="s">
        <v>26</v>
      </c>
      <c r="F2696" s="52" t="s">
        <v>81</v>
      </c>
      <c r="G2696" s="52" t="s">
        <v>82</v>
      </c>
      <c r="H2696" s="4">
        <v>1</v>
      </c>
      <c r="I2696" s="2">
        <v>14.65</v>
      </c>
      <c r="J2696" s="52" t="s">
        <v>7052</v>
      </c>
      <c r="K2696" s="71" t="s">
        <v>7053</v>
      </c>
      <c r="L2696" s="52" t="s">
        <v>2063</v>
      </c>
      <c r="M2696" s="72">
        <v>3290</v>
      </c>
      <c r="N2696" s="52" t="s">
        <v>2066</v>
      </c>
      <c r="O2696" s="52" t="s">
        <v>2067</v>
      </c>
      <c r="P2696" s="52"/>
      <c r="Q2696" s="52"/>
      <c r="R2696" s="52"/>
      <c r="S2696" s="52"/>
      <c r="T2696" s="52"/>
      <c r="U2696" s="52"/>
      <c r="V2696" s="52"/>
      <c r="W2696" s="52"/>
    </row>
    <row r="2697" spans="1:23" hidden="1" x14ac:dyDescent="0.35">
      <c r="A2697" s="52" t="s">
        <v>78</v>
      </c>
      <c r="B2697" s="52" t="s">
        <v>79</v>
      </c>
      <c r="C2697" s="3">
        <v>20</v>
      </c>
      <c r="D2697" s="52" t="s">
        <v>2021</v>
      </c>
      <c r="E2697" s="52" t="s">
        <v>26</v>
      </c>
      <c r="F2697" s="52" t="s">
        <v>81</v>
      </c>
      <c r="G2697" s="52" t="s">
        <v>82</v>
      </c>
      <c r="H2697" s="4">
        <v>1</v>
      </c>
      <c r="I2697" s="2">
        <v>14.65</v>
      </c>
      <c r="J2697" s="52" t="s">
        <v>7054</v>
      </c>
      <c r="K2697" s="71" t="s">
        <v>7055</v>
      </c>
      <c r="L2697" s="52" t="s">
        <v>2063</v>
      </c>
      <c r="M2697" s="72">
        <v>9626</v>
      </c>
      <c r="N2697" s="52" t="s">
        <v>2072</v>
      </c>
      <c r="O2697" s="52" t="s">
        <v>2073</v>
      </c>
      <c r="P2697" s="52"/>
      <c r="Q2697" s="52"/>
      <c r="R2697" s="52"/>
      <c r="S2697" s="52"/>
      <c r="T2697" s="52"/>
      <c r="U2697" s="52"/>
      <c r="V2697" s="52"/>
      <c r="W2697" s="52"/>
    </row>
    <row r="2698" spans="1:23" hidden="1" x14ac:dyDescent="0.35">
      <c r="A2698" s="52" t="s">
        <v>78</v>
      </c>
      <c r="B2698" s="52" t="s">
        <v>79</v>
      </c>
      <c r="C2698" s="3">
        <v>20</v>
      </c>
      <c r="D2698" s="52" t="s">
        <v>84</v>
      </c>
      <c r="E2698" s="52" t="s">
        <v>26</v>
      </c>
      <c r="F2698" s="52" t="s">
        <v>81</v>
      </c>
      <c r="G2698" s="52" t="s">
        <v>82</v>
      </c>
      <c r="H2698" s="4">
        <v>1</v>
      </c>
      <c r="I2698" s="2">
        <v>14.65</v>
      </c>
      <c r="J2698" s="52" t="s">
        <v>7056</v>
      </c>
      <c r="K2698" s="71" t="s">
        <v>7057</v>
      </c>
      <c r="L2698" s="52" t="s">
        <v>2063</v>
      </c>
      <c r="M2698" s="72">
        <v>305</v>
      </c>
      <c r="N2698" s="52" t="s">
        <v>2072</v>
      </c>
      <c r="O2698" s="52" t="s">
        <v>2073</v>
      </c>
      <c r="P2698" s="52"/>
      <c r="Q2698" s="52"/>
      <c r="R2698" s="52"/>
      <c r="S2698" s="52"/>
      <c r="T2698" s="52"/>
      <c r="U2698" s="52"/>
      <c r="V2698" s="52"/>
      <c r="W2698" s="52"/>
    </row>
    <row r="2699" spans="1:23" hidden="1" x14ac:dyDescent="0.35">
      <c r="A2699" s="52" t="s">
        <v>78</v>
      </c>
      <c r="B2699" s="52" t="s">
        <v>79</v>
      </c>
      <c r="C2699" s="3">
        <v>20</v>
      </c>
      <c r="D2699" s="52" t="s">
        <v>83</v>
      </c>
      <c r="E2699" s="52" t="s">
        <v>26</v>
      </c>
      <c r="F2699" s="52" t="s">
        <v>81</v>
      </c>
      <c r="G2699" s="52" t="s">
        <v>82</v>
      </c>
      <c r="H2699" s="4">
        <v>1</v>
      </c>
      <c r="I2699" s="2">
        <v>14.65</v>
      </c>
      <c r="J2699" s="52" t="s">
        <v>7058</v>
      </c>
      <c r="K2699" s="71" t="s">
        <v>7059</v>
      </c>
      <c r="L2699" s="52" t="s">
        <v>2063</v>
      </c>
      <c r="M2699" s="72">
        <v>6075</v>
      </c>
      <c r="N2699" s="52"/>
      <c r="O2699" s="52"/>
      <c r="P2699" s="52"/>
      <c r="Q2699" s="52"/>
      <c r="R2699" s="52"/>
      <c r="S2699" s="52"/>
      <c r="T2699" s="52"/>
      <c r="U2699" s="52"/>
      <c r="V2699" s="52"/>
      <c r="W2699" s="52"/>
    </row>
    <row r="2700" spans="1:23" hidden="1" x14ac:dyDescent="0.35">
      <c r="A2700" s="52" t="s">
        <v>78</v>
      </c>
      <c r="B2700" s="52" t="s">
        <v>79</v>
      </c>
      <c r="C2700" s="3">
        <v>20</v>
      </c>
      <c r="D2700" s="52" t="s">
        <v>2020</v>
      </c>
      <c r="E2700" s="52" t="s">
        <v>26</v>
      </c>
      <c r="F2700" s="52" t="s">
        <v>81</v>
      </c>
      <c r="G2700" s="52" t="s">
        <v>82</v>
      </c>
      <c r="H2700" s="4">
        <v>1</v>
      </c>
      <c r="I2700" s="2">
        <v>14.65</v>
      </c>
      <c r="J2700" s="52" t="s">
        <v>6993</v>
      </c>
      <c r="K2700" s="71" t="s">
        <v>7060</v>
      </c>
      <c r="L2700" s="52" t="s">
        <v>2063</v>
      </c>
      <c r="M2700" s="72">
        <v>3468</v>
      </c>
      <c r="N2700" s="52"/>
      <c r="O2700" s="52"/>
      <c r="P2700" s="52"/>
      <c r="Q2700" s="52"/>
      <c r="R2700" s="52"/>
      <c r="S2700" s="52"/>
      <c r="T2700" s="52"/>
      <c r="U2700" s="52"/>
      <c r="V2700" s="52"/>
      <c r="W2700" s="52"/>
    </row>
    <row r="2701" spans="1:23" hidden="1" x14ac:dyDescent="0.35">
      <c r="A2701" s="52" t="s">
        <v>78</v>
      </c>
      <c r="B2701" s="52" t="s">
        <v>79</v>
      </c>
      <c r="C2701" s="3">
        <v>10</v>
      </c>
      <c r="D2701" s="52" t="s">
        <v>2019</v>
      </c>
      <c r="E2701" s="52" t="s">
        <v>26</v>
      </c>
      <c r="F2701" s="52" t="s">
        <v>81</v>
      </c>
      <c r="G2701" s="52" t="s">
        <v>82</v>
      </c>
      <c r="H2701" s="4">
        <v>1</v>
      </c>
      <c r="I2701" s="2">
        <v>14.65</v>
      </c>
      <c r="J2701" s="52" t="s">
        <v>7061</v>
      </c>
      <c r="K2701" s="71" t="s">
        <v>7062</v>
      </c>
      <c r="L2701" s="52" t="s">
        <v>2063</v>
      </c>
      <c r="M2701" s="72">
        <v>1206</v>
      </c>
      <c r="N2701" s="52"/>
      <c r="O2701" s="52"/>
      <c r="P2701" s="52"/>
      <c r="Q2701" s="52"/>
      <c r="R2701" s="52"/>
      <c r="S2701" s="52"/>
      <c r="T2701" s="52"/>
      <c r="U2701" s="52"/>
      <c r="V2701" s="52"/>
      <c r="W2701" s="52"/>
    </row>
    <row r="2702" spans="1:23" x14ac:dyDescent="0.35">
      <c r="A2702" s="52" t="s">
        <v>78</v>
      </c>
      <c r="B2702" s="52" t="s">
        <v>79</v>
      </c>
      <c r="C2702" s="3">
        <v>10</v>
      </c>
      <c r="D2702" s="52" t="s">
        <v>85</v>
      </c>
      <c r="E2702" s="52" t="s">
        <v>26</v>
      </c>
      <c r="F2702" s="52" t="s">
        <v>81</v>
      </c>
      <c r="G2702" s="52" t="s">
        <v>82</v>
      </c>
      <c r="H2702" s="4">
        <v>1</v>
      </c>
      <c r="I2702" s="2">
        <v>14.65</v>
      </c>
      <c r="J2702" s="52" t="s">
        <v>7063</v>
      </c>
      <c r="K2702" s="71" t="s">
        <v>7064</v>
      </c>
      <c r="L2702" s="52" t="s">
        <v>2063</v>
      </c>
      <c r="M2702" s="72">
        <v>9436</v>
      </c>
      <c r="N2702" s="52" t="s">
        <v>2259</v>
      </c>
      <c r="O2702" s="52" t="s">
        <v>2260</v>
      </c>
      <c r="P2702" s="52"/>
      <c r="Q2702" s="52"/>
      <c r="R2702" s="52"/>
      <c r="S2702" s="52"/>
      <c r="T2702" s="52"/>
      <c r="U2702" s="52"/>
      <c r="V2702" s="52"/>
      <c r="W2702" s="52"/>
    </row>
    <row r="2703" spans="1:23" hidden="1" x14ac:dyDescent="0.35">
      <c r="A2703" s="52" t="s">
        <v>78</v>
      </c>
      <c r="B2703" s="52" t="s">
        <v>79</v>
      </c>
      <c r="C2703" s="3">
        <v>20</v>
      </c>
      <c r="D2703" s="52" t="s">
        <v>2023</v>
      </c>
      <c r="E2703" s="52" t="s">
        <v>26</v>
      </c>
      <c r="F2703" s="52" t="s">
        <v>81</v>
      </c>
      <c r="G2703" s="52" t="s">
        <v>82</v>
      </c>
      <c r="H2703" s="4">
        <v>1</v>
      </c>
      <c r="I2703" s="2">
        <v>14.65</v>
      </c>
      <c r="J2703" s="52" t="s">
        <v>7065</v>
      </c>
      <c r="K2703" s="71" t="s">
        <v>7066</v>
      </c>
      <c r="L2703" s="52" t="s">
        <v>2095</v>
      </c>
      <c r="M2703" s="72">
        <v>9742</v>
      </c>
      <c r="N2703" s="52"/>
      <c r="O2703" s="52"/>
      <c r="P2703" s="52"/>
      <c r="Q2703" s="52"/>
      <c r="R2703" s="52"/>
      <c r="S2703" s="52"/>
      <c r="T2703" s="52"/>
      <c r="U2703" s="52"/>
      <c r="V2703" s="52"/>
      <c r="W2703" s="52"/>
    </row>
    <row r="2704" spans="1:23" hidden="1" x14ac:dyDescent="0.35">
      <c r="A2704" s="52" t="s">
        <v>78</v>
      </c>
      <c r="B2704" s="52" t="s">
        <v>79</v>
      </c>
      <c r="C2704" s="3">
        <v>10</v>
      </c>
      <c r="D2704" s="52" t="s">
        <v>2019</v>
      </c>
      <c r="E2704" s="52" t="s">
        <v>26</v>
      </c>
      <c r="F2704" s="52" t="s">
        <v>81</v>
      </c>
      <c r="G2704" s="52" t="s">
        <v>82</v>
      </c>
      <c r="H2704" s="4">
        <v>1</v>
      </c>
      <c r="I2704" s="2">
        <v>14.65</v>
      </c>
      <c r="J2704" s="52" t="s">
        <v>7067</v>
      </c>
      <c r="K2704" s="71" t="s">
        <v>7068</v>
      </c>
      <c r="L2704" s="52" t="s">
        <v>2063</v>
      </c>
      <c r="M2704" s="72">
        <v>8941</v>
      </c>
      <c r="N2704" s="52" t="s">
        <v>2072</v>
      </c>
      <c r="O2704" s="52" t="s">
        <v>2073</v>
      </c>
      <c r="P2704" s="52"/>
      <c r="Q2704" s="52"/>
      <c r="R2704" s="52"/>
      <c r="S2704" s="52"/>
      <c r="T2704" s="52"/>
      <c r="U2704" s="52"/>
      <c r="V2704" s="52"/>
      <c r="W2704" s="52"/>
    </row>
    <row r="2705" spans="1:23" x14ac:dyDescent="0.35">
      <c r="A2705" s="52" t="s">
        <v>78</v>
      </c>
      <c r="B2705" s="52" t="s">
        <v>79</v>
      </c>
      <c r="C2705" s="3">
        <v>20</v>
      </c>
      <c r="D2705" s="52" t="s">
        <v>2021</v>
      </c>
      <c r="E2705" s="52" t="s">
        <v>26</v>
      </c>
      <c r="F2705" s="52" t="s">
        <v>81</v>
      </c>
      <c r="G2705" s="52" t="s">
        <v>82</v>
      </c>
      <c r="H2705" s="4">
        <v>1</v>
      </c>
      <c r="I2705" s="2">
        <v>14.65</v>
      </c>
      <c r="J2705" s="52" t="s">
        <v>6983</v>
      </c>
      <c r="K2705" s="71" t="s">
        <v>7069</v>
      </c>
      <c r="L2705" s="52" t="s">
        <v>2063</v>
      </c>
      <c r="M2705" s="72">
        <v>5668</v>
      </c>
      <c r="N2705" s="52" t="s">
        <v>2259</v>
      </c>
      <c r="O2705" s="52" t="s">
        <v>2260</v>
      </c>
      <c r="P2705" s="52"/>
      <c r="Q2705" s="52"/>
      <c r="R2705" s="52"/>
      <c r="S2705" s="52"/>
      <c r="T2705" s="52"/>
      <c r="U2705" s="52"/>
      <c r="V2705" s="52"/>
      <c r="W2705" s="52"/>
    </row>
    <row r="2706" spans="1:23" hidden="1" x14ac:dyDescent="0.35">
      <c r="A2706" s="52" t="s">
        <v>78</v>
      </c>
      <c r="B2706" s="52" t="s">
        <v>79</v>
      </c>
      <c r="C2706" s="3">
        <v>20</v>
      </c>
      <c r="D2706" s="52" t="s">
        <v>2020</v>
      </c>
      <c r="E2706" s="52" t="s">
        <v>26</v>
      </c>
      <c r="F2706" s="52" t="s">
        <v>81</v>
      </c>
      <c r="G2706" s="52" t="s">
        <v>82</v>
      </c>
      <c r="H2706" s="4">
        <v>1</v>
      </c>
      <c r="I2706" s="2">
        <v>14.65</v>
      </c>
      <c r="J2706" s="52" t="s">
        <v>7070</v>
      </c>
      <c r="K2706" s="71" t="s">
        <v>7071</v>
      </c>
      <c r="L2706" s="52" t="s">
        <v>2063</v>
      </c>
      <c r="M2706" s="72">
        <v>2818</v>
      </c>
      <c r="N2706" s="52" t="s">
        <v>2066</v>
      </c>
      <c r="O2706" s="52" t="s">
        <v>2067</v>
      </c>
      <c r="P2706" s="52"/>
      <c r="Q2706" s="52"/>
      <c r="R2706" s="52"/>
      <c r="S2706" s="52"/>
      <c r="T2706" s="52"/>
      <c r="U2706" s="52"/>
      <c r="V2706" s="52"/>
      <c r="W2706" s="52"/>
    </row>
    <row r="2707" spans="1:23" hidden="1" x14ac:dyDescent="0.35">
      <c r="A2707" s="52" t="s">
        <v>78</v>
      </c>
      <c r="B2707" s="52" t="s">
        <v>79</v>
      </c>
      <c r="C2707" s="3">
        <v>211</v>
      </c>
      <c r="D2707" s="52" t="s">
        <v>2021</v>
      </c>
      <c r="E2707" s="52" t="s">
        <v>26</v>
      </c>
      <c r="F2707" s="52" t="s">
        <v>81</v>
      </c>
      <c r="G2707" s="52" t="s">
        <v>82</v>
      </c>
      <c r="H2707" s="4">
        <v>1</v>
      </c>
      <c r="I2707" s="2">
        <v>14.65</v>
      </c>
      <c r="J2707" s="52" t="s">
        <v>7072</v>
      </c>
      <c r="K2707" s="71" t="s">
        <v>7073</v>
      </c>
      <c r="L2707" s="52" t="s">
        <v>2063</v>
      </c>
      <c r="M2707" s="72">
        <v>7585</v>
      </c>
      <c r="N2707" s="52"/>
      <c r="O2707" s="52"/>
      <c r="P2707" s="52"/>
      <c r="Q2707" s="52"/>
      <c r="R2707" s="52"/>
      <c r="S2707" s="52"/>
      <c r="T2707" s="52"/>
      <c r="U2707" s="52"/>
      <c r="V2707" s="52"/>
      <c r="W2707" s="52"/>
    </row>
    <row r="2708" spans="1:23" hidden="1" x14ac:dyDescent="0.35">
      <c r="A2708" s="52" t="s">
        <v>78</v>
      </c>
      <c r="B2708" s="52" t="s">
        <v>79</v>
      </c>
      <c r="C2708" s="3">
        <v>20</v>
      </c>
      <c r="D2708" s="52" t="s">
        <v>83</v>
      </c>
      <c r="E2708" s="52" t="s">
        <v>26</v>
      </c>
      <c r="F2708" s="52" t="s">
        <v>81</v>
      </c>
      <c r="G2708" s="52" t="s">
        <v>82</v>
      </c>
      <c r="H2708" s="4">
        <v>1</v>
      </c>
      <c r="I2708" s="2">
        <v>14.65</v>
      </c>
      <c r="J2708" s="52" t="s">
        <v>7074</v>
      </c>
      <c r="K2708" s="71" t="s">
        <v>7075</v>
      </c>
      <c r="L2708" s="52" t="s">
        <v>2063</v>
      </c>
      <c r="M2708" s="72">
        <v>1834</v>
      </c>
      <c r="N2708" s="52"/>
      <c r="O2708" s="52"/>
      <c r="P2708" s="52"/>
      <c r="Q2708" s="52"/>
      <c r="R2708" s="52"/>
      <c r="S2708" s="52"/>
      <c r="T2708" s="52"/>
      <c r="U2708" s="52"/>
      <c r="V2708" s="52"/>
      <c r="W2708" s="52"/>
    </row>
    <row r="2709" spans="1:23" hidden="1" x14ac:dyDescent="0.35">
      <c r="A2709" s="52" t="s">
        <v>78</v>
      </c>
      <c r="B2709" s="52" t="s">
        <v>79</v>
      </c>
      <c r="C2709" s="3">
        <v>10</v>
      </c>
      <c r="D2709" s="52" t="s">
        <v>2021</v>
      </c>
      <c r="E2709" s="52" t="s">
        <v>26</v>
      </c>
      <c r="F2709" s="52" t="s">
        <v>81</v>
      </c>
      <c r="G2709" s="52" t="s">
        <v>82</v>
      </c>
      <c r="H2709" s="4">
        <v>1</v>
      </c>
      <c r="I2709" s="2">
        <v>14.65</v>
      </c>
      <c r="J2709" s="52" t="s">
        <v>7076</v>
      </c>
      <c r="K2709" s="71" t="s">
        <v>7077</v>
      </c>
      <c r="L2709" s="52" t="s">
        <v>2063</v>
      </c>
      <c r="M2709" s="72">
        <v>1391</v>
      </c>
      <c r="N2709" s="52" t="s">
        <v>2072</v>
      </c>
      <c r="O2709" s="52" t="s">
        <v>2073</v>
      </c>
      <c r="P2709" s="52"/>
      <c r="Q2709" s="52"/>
      <c r="R2709" s="52"/>
      <c r="S2709" s="52"/>
      <c r="T2709" s="52"/>
      <c r="U2709" s="52"/>
      <c r="V2709" s="52"/>
      <c r="W2709" s="52"/>
    </row>
    <row r="2710" spans="1:23" hidden="1" x14ac:dyDescent="0.35">
      <c r="A2710" s="52" t="s">
        <v>78</v>
      </c>
      <c r="B2710" s="52" t="s">
        <v>79</v>
      </c>
      <c r="C2710" s="3">
        <v>10</v>
      </c>
      <c r="D2710" s="52" t="s">
        <v>85</v>
      </c>
      <c r="E2710" s="52" t="s">
        <v>26</v>
      </c>
      <c r="F2710" s="52" t="s">
        <v>81</v>
      </c>
      <c r="G2710" s="52" t="s">
        <v>82</v>
      </c>
      <c r="H2710" s="4">
        <v>1</v>
      </c>
      <c r="I2710" s="2">
        <v>14.65</v>
      </c>
      <c r="J2710" s="52" t="s">
        <v>7078</v>
      </c>
      <c r="K2710" s="71" t="s">
        <v>7079</v>
      </c>
      <c r="L2710" s="52" t="s">
        <v>2095</v>
      </c>
      <c r="M2710" s="72">
        <v>3386</v>
      </c>
      <c r="N2710" s="52" t="s">
        <v>2072</v>
      </c>
      <c r="O2710" s="52" t="s">
        <v>2073</v>
      </c>
      <c r="P2710" s="52"/>
      <c r="Q2710" s="52"/>
      <c r="R2710" s="52"/>
      <c r="S2710" s="52"/>
      <c r="T2710" s="52"/>
      <c r="U2710" s="52"/>
      <c r="V2710" s="52"/>
      <c r="W2710" s="52"/>
    </row>
    <row r="2711" spans="1:23" hidden="1" x14ac:dyDescent="0.35">
      <c r="A2711" s="52" t="s">
        <v>78</v>
      </c>
      <c r="B2711" s="52" t="s">
        <v>79</v>
      </c>
      <c r="C2711" s="3">
        <v>20</v>
      </c>
      <c r="D2711" s="52" t="s">
        <v>2024</v>
      </c>
      <c r="E2711" s="52" t="s">
        <v>26</v>
      </c>
      <c r="F2711" s="52" t="s">
        <v>81</v>
      </c>
      <c r="G2711" s="52" t="s">
        <v>82</v>
      </c>
      <c r="H2711" s="4">
        <v>1</v>
      </c>
      <c r="I2711" s="2">
        <v>14.65</v>
      </c>
      <c r="J2711" s="52" t="s">
        <v>7080</v>
      </c>
      <c r="K2711" s="71" t="s">
        <v>7081</v>
      </c>
      <c r="L2711" s="52" t="s">
        <v>2063</v>
      </c>
      <c r="M2711" s="72">
        <v>5420</v>
      </c>
      <c r="N2711" s="52" t="s">
        <v>2072</v>
      </c>
      <c r="O2711" s="52" t="s">
        <v>2073</v>
      </c>
      <c r="P2711" s="52"/>
      <c r="Q2711" s="52"/>
      <c r="R2711" s="52"/>
      <c r="S2711" s="52"/>
      <c r="T2711" s="52"/>
      <c r="U2711" s="52"/>
      <c r="V2711" s="52"/>
      <c r="W2711" s="52"/>
    </row>
    <row r="2712" spans="1:23" hidden="1" x14ac:dyDescent="0.35">
      <c r="A2712" s="52" t="s">
        <v>78</v>
      </c>
      <c r="B2712" s="52" t="s">
        <v>79</v>
      </c>
      <c r="C2712" s="3">
        <v>20</v>
      </c>
      <c r="D2712" s="52" t="s">
        <v>2021</v>
      </c>
      <c r="E2712" s="52" t="s">
        <v>26</v>
      </c>
      <c r="F2712" s="52" t="s">
        <v>81</v>
      </c>
      <c r="G2712" s="52" t="s">
        <v>82</v>
      </c>
      <c r="H2712" s="4">
        <v>1</v>
      </c>
      <c r="I2712" s="2">
        <v>14.65</v>
      </c>
      <c r="J2712" s="52" t="s">
        <v>7082</v>
      </c>
      <c r="K2712" s="71" t="s">
        <v>7083</v>
      </c>
      <c r="L2712" s="52" t="s">
        <v>2063</v>
      </c>
      <c r="M2712" s="72">
        <v>8185</v>
      </c>
      <c r="N2712" s="52" t="s">
        <v>2072</v>
      </c>
      <c r="O2712" s="52" t="s">
        <v>2073</v>
      </c>
      <c r="P2712" s="52"/>
      <c r="Q2712" s="52"/>
      <c r="R2712" s="52"/>
      <c r="S2712" s="52"/>
      <c r="T2712" s="52"/>
      <c r="U2712" s="52"/>
      <c r="V2712" s="52"/>
      <c r="W2712" s="52"/>
    </row>
    <row r="2713" spans="1:23" hidden="1" x14ac:dyDescent="0.35">
      <c r="A2713" s="52" t="s">
        <v>78</v>
      </c>
      <c r="B2713" s="52" t="s">
        <v>79</v>
      </c>
      <c r="C2713" s="3">
        <v>20</v>
      </c>
      <c r="D2713" s="52" t="s">
        <v>83</v>
      </c>
      <c r="E2713" s="52" t="s">
        <v>26</v>
      </c>
      <c r="F2713" s="52" t="s">
        <v>81</v>
      </c>
      <c r="G2713" s="52" t="s">
        <v>82</v>
      </c>
      <c r="H2713" s="4">
        <v>1</v>
      </c>
      <c r="I2713" s="2">
        <v>14.65</v>
      </c>
      <c r="J2713" s="52" t="s">
        <v>7084</v>
      </c>
      <c r="K2713" s="71" t="s">
        <v>7085</v>
      </c>
      <c r="L2713" s="52" t="s">
        <v>2063</v>
      </c>
      <c r="M2713" s="72">
        <v>2705</v>
      </c>
      <c r="N2713" s="52" t="s">
        <v>2072</v>
      </c>
      <c r="O2713" s="52" t="s">
        <v>2073</v>
      </c>
      <c r="P2713" s="52"/>
      <c r="Q2713" s="52"/>
      <c r="R2713" s="52"/>
      <c r="S2713" s="52"/>
      <c r="T2713" s="52"/>
      <c r="U2713" s="52"/>
      <c r="V2713" s="52"/>
      <c r="W2713" s="52"/>
    </row>
    <row r="2714" spans="1:23" hidden="1" x14ac:dyDescent="0.35">
      <c r="A2714" s="52" t="s">
        <v>78</v>
      </c>
      <c r="B2714" s="52" t="s">
        <v>79</v>
      </c>
      <c r="C2714" s="3">
        <v>211</v>
      </c>
      <c r="D2714" s="52" t="s">
        <v>86</v>
      </c>
      <c r="E2714" s="52" t="s">
        <v>26</v>
      </c>
      <c r="F2714" s="52" t="s">
        <v>81</v>
      </c>
      <c r="G2714" s="52" t="s">
        <v>82</v>
      </c>
      <c r="H2714" s="4">
        <v>1</v>
      </c>
      <c r="I2714" s="2">
        <v>14.65</v>
      </c>
      <c r="J2714" s="52" t="s">
        <v>7086</v>
      </c>
      <c r="K2714" s="71" t="s">
        <v>7087</v>
      </c>
      <c r="L2714" s="52" t="s">
        <v>2063</v>
      </c>
      <c r="M2714" s="72">
        <v>7326</v>
      </c>
      <c r="N2714" s="52" t="s">
        <v>2072</v>
      </c>
      <c r="O2714" s="52" t="s">
        <v>2073</v>
      </c>
      <c r="P2714" s="52"/>
      <c r="Q2714" s="52"/>
      <c r="R2714" s="52"/>
      <c r="S2714" s="52"/>
      <c r="T2714" s="52"/>
      <c r="U2714" s="52"/>
      <c r="V2714" s="52"/>
      <c r="W2714" s="52"/>
    </row>
    <row r="2715" spans="1:23" x14ac:dyDescent="0.35">
      <c r="A2715" s="52" t="s">
        <v>78</v>
      </c>
      <c r="B2715" s="52" t="s">
        <v>79</v>
      </c>
      <c r="C2715" s="3">
        <v>20</v>
      </c>
      <c r="D2715" s="52" t="s">
        <v>83</v>
      </c>
      <c r="E2715" s="52" t="s">
        <v>26</v>
      </c>
      <c r="F2715" s="52" t="s">
        <v>81</v>
      </c>
      <c r="G2715" s="52" t="s">
        <v>82</v>
      </c>
      <c r="H2715" s="4">
        <v>1</v>
      </c>
      <c r="I2715" s="2">
        <v>14.65</v>
      </c>
      <c r="J2715" s="52" t="s">
        <v>7088</v>
      </c>
      <c r="K2715" s="71" t="s">
        <v>7089</v>
      </c>
      <c r="L2715" s="52" t="s">
        <v>2063</v>
      </c>
      <c r="M2715" s="72">
        <v>1417</v>
      </c>
      <c r="N2715" s="52" t="s">
        <v>2076</v>
      </c>
      <c r="O2715" s="52" t="s">
        <v>2077</v>
      </c>
      <c r="P2715" s="52"/>
      <c r="Q2715" s="52"/>
      <c r="R2715" s="52"/>
      <c r="S2715" s="52"/>
      <c r="T2715" s="52"/>
      <c r="U2715" s="52"/>
      <c r="V2715" s="52"/>
      <c r="W2715" s="52"/>
    </row>
    <row r="2716" spans="1:23" hidden="1" x14ac:dyDescent="0.35">
      <c r="A2716" s="52" t="s">
        <v>78</v>
      </c>
      <c r="B2716" s="52" t="s">
        <v>79</v>
      </c>
      <c r="C2716" s="3">
        <v>20</v>
      </c>
      <c r="D2716" s="52" t="s">
        <v>2019</v>
      </c>
      <c r="E2716" s="52" t="s">
        <v>26</v>
      </c>
      <c r="F2716" s="52" t="s">
        <v>81</v>
      </c>
      <c r="G2716" s="52" t="s">
        <v>82</v>
      </c>
      <c r="H2716" s="4">
        <v>1</v>
      </c>
      <c r="I2716" s="2">
        <v>14.65</v>
      </c>
      <c r="J2716" s="52" t="s">
        <v>6890</v>
      </c>
      <c r="K2716" s="71" t="s">
        <v>7090</v>
      </c>
      <c r="L2716" s="52" t="s">
        <v>2063</v>
      </c>
      <c r="M2716" s="72">
        <v>6427</v>
      </c>
      <c r="N2716" s="52" t="s">
        <v>2072</v>
      </c>
      <c r="O2716" s="52" t="s">
        <v>2073</v>
      </c>
      <c r="P2716" s="52"/>
      <c r="Q2716" s="52"/>
      <c r="R2716" s="52"/>
      <c r="S2716" s="52"/>
      <c r="T2716" s="52"/>
      <c r="U2716" s="52"/>
      <c r="V2716" s="52"/>
      <c r="W2716" s="52"/>
    </row>
    <row r="2717" spans="1:23" x14ac:dyDescent="0.35">
      <c r="A2717" s="52" t="s">
        <v>78</v>
      </c>
      <c r="B2717" s="52" t="s">
        <v>79</v>
      </c>
      <c r="C2717" s="3">
        <v>20</v>
      </c>
      <c r="D2717" s="52" t="s">
        <v>2020</v>
      </c>
      <c r="E2717" s="52" t="s">
        <v>26</v>
      </c>
      <c r="F2717" s="52" t="s">
        <v>81</v>
      </c>
      <c r="G2717" s="52" t="s">
        <v>82</v>
      </c>
      <c r="H2717" s="4">
        <v>1</v>
      </c>
      <c r="I2717" s="2">
        <v>14.65</v>
      </c>
      <c r="J2717" s="52" t="s">
        <v>7091</v>
      </c>
      <c r="K2717" s="71" t="s">
        <v>7092</v>
      </c>
      <c r="L2717" s="52" t="s">
        <v>2063</v>
      </c>
      <c r="M2717" s="72">
        <v>7713</v>
      </c>
      <c r="N2717" s="52" t="s">
        <v>2259</v>
      </c>
      <c r="O2717" s="52" t="s">
        <v>2260</v>
      </c>
      <c r="P2717" s="52"/>
      <c r="Q2717" s="52"/>
      <c r="R2717" s="52"/>
      <c r="S2717" s="52"/>
      <c r="T2717" s="52"/>
      <c r="U2717" s="52"/>
      <c r="V2717" s="52"/>
      <c r="W2717" s="52"/>
    </row>
    <row r="2718" spans="1:23" hidden="1" x14ac:dyDescent="0.35">
      <c r="A2718" s="52" t="s">
        <v>78</v>
      </c>
      <c r="B2718" s="52" t="s">
        <v>79</v>
      </c>
      <c r="C2718" s="3">
        <v>20</v>
      </c>
      <c r="D2718" s="52" t="s">
        <v>84</v>
      </c>
      <c r="E2718" s="52" t="s">
        <v>26</v>
      </c>
      <c r="F2718" s="52" t="s">
        <v>81</v>
      </c>
      <c r="G2718" s="52" t="s">
        <v>82</v>
      </c>
      <c r="H2718" s="4">
        <v>1</v>
      </c>
      <c r="I2718" s="2">
        <v>14.65</v>
      </c>
      <c r="J2718" s="52" t="s">
        <v>7093</v>
      </c>
      <c r="K2718" s="71" t="s">
        <v>7094</v>
      </c>
      <c r="L2718" s="52" t="s">
        <v>2063</v>
      </c>
      <c r="M2718" s="72">
        <v>7440</v>
      </c>
      <c r="N2718" s="52"/>
      <c r="O2718" s="52"/>
      <c r="P2718" s="52"/>
      <c r="Q2718" s="52"/>
      <c r="R2718" s="52"/>
      <c r="S2718" s="52"/>
      <c r="T2718" s="52"/>
      <c r="U2718" s="52"/>
      <c r="V2718" s="52"/>
      <c r="W2718" s="52"/>
    </row>
    <row r="2719" spans="1:23" hidden="1" x14ac:dyDescent="0.35">
      <c r="A2719" s="52" t="s">
        <v>78</v>
      </c>
      <c r="B2719" s="52" t="s">
        <v>79</v>
      </c>
      <c r="C2719" s="3">
        <v>10</v>
      </c>
      <c r="D2719" s="52" t="s">
        <v>86</v>
      </c>
      <c r="E2719" s="52" t="s">
        <v>26</v>
      </c>
      <c r="F2719" s="52" t="s">
        <v>81</v>
      </c>
      <c r="G2719" s="52" t="s">
        <v>82</v>
      </c>
      <c r="H2719" s="4">
        <v>1</v>
      </c>
      <c r="I2719" s="2">
        <v>14.65</v>
      </c>
      <c r="J2719" s="52" t="s">
        <v>7095</v>
      </c>
      <c r="K2719" s="71" t="s">
        <v>7096</v>
      </c>
      <c r="L2719" s="52" t="s">
        <v>2095</v>
      </c>
      <c r="M2719" s="72">
        <v>7123</v>
      </c>
      <c r="N2719" s="52" t="s">
        <v>2072</v>
      </c>
      <c r="O2719" s="52" t="s">
        <v>2073</v>
      </c>
      <c r="P2719" s="52"/>
      <c r="Q2719" s="52"/>
      <c r="R2719" s="52"/>
      <c r="S2719" s="52"/>
      <c r="T2719" s="52"/>
      <c r="U2719" s="52"/>
      <c r="V2719" s="52"/>
      <c r="W2719" s="52"/>
    </row>
    <row r="2720" spans="1:23" hidden="1" x14ac:dyDescent="0.35">
      <c r="A2720" s="52" t="s">
        <v>78</v>
      </c>
      <c r="B2720" s="52" t="s">
        <v>79</v>
      </c>
      <c r="C2720" s="3">
        <v>211</v>
      </c>
      <c r="D2720" s="52" t="s">
        <v>84</v>
      </c>
      <c r="E2720" s="52" t="s">
        <v>26</v>
      </c>
      <c r="F2720" s="52" t="s">
        <v>81</v>
      </c>
      <c r="G2720" s="52" t="s">
        <v>82</v>
      </c>
      <c r="H2720" s="4">
        <v>1</v>
      </c>
      <c r="I2720" s="2">
        <v>14.65</v>
      </c>
      <c r="J2720" s="52" t="s">
        <v>7097</v>
      </c>
      <c r="K2720" s="71" t="s">
        <v>7098</v>
      </c>
      <c r="L2720" s="52" t="s">
        <v>2063</v>
      </c>
      <c r="M2720" s="72">
        <v>8203</v>
      </c>
      <c r="N2720" s="52" t="s">
        <v>2072</v>
      </c>
      <c r="O2720" s="52" t="s">
        <v>2073</v>
      </c>
      <c r="P2720" s="52"/>
      <c r="Q2720" s="52"/>
      <c r="R2720" s="52"/>
      <c r="S2720" s="52"/>
      <c r="T2720" s="52"/>
      <c r="U2720" s="52"/>
      <c r="V2720" s="52"/>
      <c r="W2720" s="52"/>
    </row>
    <row r="2721" spans="1:23" hidden="1" x14ac:dyDescent="0.35">
      <c r="A2721" s="52" t="s">
        <v>78</v>
      </c>
      <c r="B2721" s="52" t="s">
        <v>79</v>
      </c>
      <c r="C2721" s="3">
        <v>10</v>
      </c>
      <c r="D2721" s="52" t="s">
        <v>2020</v>
      </c>
      <c r="E2721" s="52" t="s">
        <v>26</v>
      </c>
      <c r="F2721" s="52" t="s">
        <v>81</v>
      </c>
      <c r="G2721" s="52" t="s">
        <v>82</v>
      </c>
      <c r="H2721" s="4">
        <v>1</v>
      </c>
      <c r="I2721" s="2">
        <v>14.65</v>
      </c>
      <c r="J2721" s="52" t="s">
        <v>7099</v>
      </c>
      <c r="K2721" s="71" t="s">
        <v>7100</v>
      </c>
      <c r="L2721" s="52" t="s">
        <v>2063</v>
      </c>
      <c r="M2721" s="72">
        <v>9711</v>
      </c>
      <c r="N2721" s="52"/>
      <c r="O2721" s="52"/>
      <c r="P2721" s="52"/>
      <c r="Q2721" s="52"/>
      <c r="R2721" s="52"/>
      <c r="S2721" s="52"/>
      <c r="T2721" s="52"/>
      <c r="U2721" s="52"/>
      <c r="V2721" s="52"/>
      <c r="W2721" s="52"/>
    </row>
    <row r="2722" spans="1:23" hidden="1" x14ac:dyDescent="0.35">
      <c r="A2722" s="52" t="s">
        <v>78</v>
      </c>
      <c r="B2722" s="52" t="s">
        <v>79</v>
      </c>
      <c r="C2722" s="3">
        <v>10</v>
      </c>
      <c r="D2722" s="52" t="s">
        <v>85</v>
      </c>
      <c r="E2722" s="52" t="s">
        <v>26</v>
      </c>
      <c r="F2722" s="52" t="s">
        <v>81</v>
      </c>
      <c r="G2722" s="52" t="s">
        <v>82</v>
      </c>
      <c r="H2722" s="4">
        <v>1</v>
      </c>
      <c r="I2722" s="2">
        <v>14.65</v>
      </c>
      <c r="J2722" s="52" t="s">
        <v>7101</v>
      </c>
      <c r="K2722" s="71" t="s">
        <v>7102</v>
      </c>
      <c r="L2722" s="52" t="s">
        <v>2063</v>
      </c>
      <c r="M2722" s="72">
        <v>2029</v>
      </c>
      <c r="N2722" s="52" t="s">
        <v>2072</v>
      </c>
      <c r="O2722" s="52" t="s">
        <v>2073</v>
      </c>
      <c r="P2722" s="52"/>
      <c r="Q2722" s="52"/>
      <c r="R2722" s="52"/>
      <c r="S2722" s="52"/>
      <c r="T2722" s="52"/>
      <c r="U2722" s="52"/>
      <c r="V2722" s="52"/>
      <c r="W2722" s="52"/>
    </row>
    <row r="2723" spans="1:23" hidden="1" x14ac:dyDescent="0.35">
      <c r="A2723" s="52" t="s">
        <v>78</v>
      </c>
      <c r="B2723" s="52" t="s">
        <v>79</v>
      </c>
      <c r="C2723" s="3">
        <v>20</v>
      </c>
      <c r="D2723" s="52" t="s">
        <v>87</v>
      </c>
      <c r="E2723" s="52" t="s">
        <v>26</v>
      </c>
      <c r="F2723" s="52" t="s">
        <v>81</v>
      </c>
      <c r="G2723" s="52" t="s">
        <v>82</v>
      </c>
      <c r="H2723" s="4">
        <v>1</v>
      </c>
      <c r="I2723" s="2">
        <v>14.65</v>
      </c>
      <c r="J2723" s="52" t="s">
        <v>7103</v>
      </c>
      <c r="K2723" s="71" t="s">
        <v>7104</v>
      </c>
      <c r="L2723" s="52" t="s">
        <v>2063</v>
      </c>
      <c r="M2723" s="72">
        <v>5946</v>
      </c>
      <c r="N2723" s="52" t="s">
        <v>2304</v>
      </c>
      <c r="O2723" s="52" t="s">
        <v>2305</v>
      </c>
      <c r="P2723" s="52"/>
      <c r="Q2723" s="52"/>
      <c r="R2723" s="52"/>
      <c r="S2723" s="52"/>
      <c r="T2723" s="52"/>
      <c r="U2723" s="52"/>
      <c r="V2723" s="52"/>
      <c r="W2723" s="52"/>
    </row>
    <row r="2724" spans="1:23" hidden="1" x14ac:dyDescent="0.35">
      <c r="A2724" s="52" t="s">
        <v>78</v>
      </c>
      <c r="B2724" s="52" t="s">
        <v>79</v>
      </c>
      <c r="C2724" s="3">
        <v>10</v>
      </c>
      <c r="D2724" s="52" t="s">
        <v>84</v>
      </c>
      <c r="E2724" s="52" t="s">
        <v>26</v>
      </c>
      <c r="F2724" s="52" t="s">
        <v>81</v>
      </c>
      <c r="G2724" s="52" t="s">
        <v>82</v>
      </c>
      <c r="H2724" s="4">
        <v>1</v>
      </c>
      <c r="I2724" s="2">
        <v>14.65</v>
      </c>
      <c r="J2724" s="52" t="s">
        <v>7105</v>
      </c>
      <c r="K2724" s="71" t="s">
        <v>7106</v>
      </c>
      <c r="L2724" s="52" t="s">
        <v>2063</v>
      </c>
      <c r="M2724" s="72">
        <v>8220</v>
      </c>
      <c r="N2724" s="52"/>
      <c r="O2724" s="52"/>
      <c r="P2724" s="52"/>
      <c r="Q2724" s="52"/>
      <c r="R2724" s="52"/>
      <c r="S2724" s="52"/>
      <c r="T2724" s="52"/>
      <c r="U2724" s="52"/>
      <c r="V2724" s="52"/>
      <c r="W2724" s="52"/>
    </row>
    <row r="2725" spans="1:23" hidden="1" x14ac:dyDescent="0.35">
      <c r="A2725" s="52" t="s">
        <v>78</v>
      </c>
      <c r="B2725" s="52" t="s">
        <v>79</v>
      </c>
      <c r="C2725" s="3">
        <v>20</v>
      </c>
      <c r="D2725" s="52" t="s">
        <v>2021</v>
      </c>
      <c r="E2725" s="52" t="s">
        <v>26</v>
      </c>
      <c r="F2725" s="52" t="s">
        <v>81</v>
      </c>
      <c r="G2725" s="52" t="s">
        <v>82</v>
      </c>
      <c r="H2725" s="4">
        <v>1</v>
      </c>
      <c r="I2725" s="2">
        <v>14.65</v>
      </c>
      <c r="J2725" s="52" t="s">
        <v>7107</v>
      </c>
      <c r="K2725" s="71" t="s">
        <v>7108</v>
      </c>
      <c r="L2725" s="52" t="s">
        <v>2063</v>
      </c>
      <c r="M2725" s="72">
        <v>2149</v>
      </c>
      <c r="N2725" s="52"/>
      <c r="O2725" s="52"/>
      <c r="P2725" s="52"/>
      <c r="Q2725" s="52"/>
      <c r="R2725" s="52"/>
      <c r="S2725" s="52"/>
      <c r="T2725" s="52"/>
      <c r="U2725" s="52"/>
      <c r="V2725" s="52"/>
      <c r="W2725" s="52"/>
    </row>
    <row r="2726" spans="1:23" x14ac:dyDescent="0.35">
      <c r="A2726" s="52" t="s">
        <v>78</v>
      </c>
      <c r="B2726" s="52" t="s">
        <v>79</v>
      </c>
      <c r="C2726" s="3">
        <v>211</v>
      </c>
      <c r="D2726" s="52" t="s">
        <v>87</v>
      </c>
      <c r="E2726" s="52" t="s">
        <v>26</v>
      </c>
      <c r="F2726" s="52" t="s">
        <v>81</v>
      </c>
      <c r="G2726" s="52" t="s">
        <v>82</v>
      </c>
      <c r="H2726" s="4">
        <v>1</v>
      </c>
      <c r="I2726" s="2">
        <v>14.65</v>
      </c>
      <c r="J2726" s="52" t="s">
        <v>7109</v>
      </c>
      <c r="K2726" s="71" t="s">
        <v>7110</v>
      </c>
      <c r="L2726" s="52" t="s">
        <v>2063</v>
      </c>
      <c r="M2726" s="72">
        <v>8952</v>
      </c>
      <c r="N2726" s="52" t="s">
        <v>2259</v>
      </c>
      <c r="O2726" s="52" t="s">
        <v>2260</v>
      </c>
      <c r="P2726" s="52"/>
      <c r="Q2726" s="52"/>
      <c r="R2726" s="52"/>
      <c r="S2726" s="52"/>
      <c r="T2726" s="52"/>
      <c r="U2726" s="52"/>
      <c r="V2726" s="52"/>
      <c r="W2726" s="52"/>
    </row>
    <row r="2727" spans="1:23" hidden="1" x14ac:dyDescent="0.35">
      <c r="A2727" s="52" t="s">
        <v>78</v>
      </c>
      <c r="B2727" s="52" t="s">
        <v>79</v>
      </c>
      <c r="C2727" s="3">
        <v>10</v>
      </c>
      <c r="D2727" s="52" t="s">
        <v>2022</v>
      </c>
      <c r="E2727" s="52" t="s">
        <v>26</v>
      </c>
      <c r="F2727" s="52" t="s">
        <v>81</v>
      </c>
      <c r="G2727" s="52" t="s">
        <v>82</v>
      </c>
      <c r="H2727" s="4">
        <v>1</v>
      </c>
      <c r="I2727" s="2">
        <v>14.65</v>
      </c>
      <c r="J2727" s="52" t="s">
        <v>7111</v>
      </c>
      <c r="K2727" s="71" t="s">
        <v>7112</v>
      </c>
      <c r="L2727" s="52" t="s">
        <v>2063</v>
      </c>
      <c r="M2727" s="72">
        <v>6087</v>
      </c>
      <c r="N2727" s="52" t="s">
        <v>2072</v>
      </c>
      <c r="O2727" s="52" t="s">
        <v>2073</v>
      </c>
      <c r="P2727" s="52"/>
      <c r="Q2727" s="52"/>
      <c r="R2727" s="52"/>
      <c r="S2727" s="52"/>
      <c r="T2727" s="52"/>
      <c r="U2727" s="52"/>
      <c r="V2727" s="52"/>
      <c r="W2727" s="52"/>
    </row>
    <row r="2728" spans="1:23" x14ac:dyDescent="0.35">
      <c r="A2728" s="52" t="s">
        <v>78</v>
      </c>
      <c r="B2728" s="52" t="s">
        <v>79</v>
      </c>
      <c r="C2728" s="3">
        <v>20</v>
      </c>
      <c r="D2728" s="52" t="s">
        <v>2021</v>
      </c>
      <c r="E2728" s="52" t="s">
        <v>26</v>
      </c>
      <c r="F2728" s="52" t="s">
        <v>81</v>
      </c>
      <c r="G2728" s="52" t="s">
        <v>82</v>
      </c>
      <c r="H2728" s="4">
        <v>1</v>
      </c>
      <c r="I2728" s="2">
        <v>14.65</v>
      </c>
      <c r="J2728" s="52" t="s">
        <v>7113</v>
      </c>
      <c r="K2728" s="71" t="s">
        <v>7114</v>
      </c>
      <c r="L2728" s="52" t="s">
        <v>2063</v>
      </c>
      <c r="M2728" s="72">
        <v>4097</v>
      </c>
      <c r="N2728" s="52" t="s">
        <v>2259</v>
      </c>
      <c r="O2728" s="52" t="s">
        <v>2260</v>
      </c>
      <c r="P2728" s="52"/>
      <c r="Q2728" s="52"/>
      <c r="R2728" s="52"/>
      <c r="S2728" s="52"/>
      <c r="T2728" s="52"/>
      <c r="U2728" s="52"/>
      <c r="V2728" s="52"/>
      <c r="W2728" s="52"/>
    </row>
    <row r="2729" spans="1:23" hidden="1" x14ac:dyDescent="0.35">
      <c r="A2729" s="52" t="s">
        <v>78</v>
      </c>
      <c r="B2729" s="52" t="s">
        <v>79</v>
      </c>
      <c r="C2729" s="3">
        <v>20</v>
      </c>
      <c r="D2729" s="52" t="s">
        <v>84</v>
      </c>
      <c r="E2729" s="52" t="s">
        <v>26</v>
      </c>
      <c r="F2729" s="52" t="s">
        <v>81</v>
      </c>
      <c r="G2729" s="52" t="s">
        <v>82</v>
      </c>
      <c r="H2729" s="4">
        <v>1</v>
      </c>
      <c r="I2729" s="2">
        <v>14.65</v>
      </c>
      <c r="J2729" s="52" t="s">
        <v>7115</v>
      </c>
      <c r="K2729" s="71" t="s">
        <v>7116</v>
      </c>
      <c r="L2729" s="52" t="s">
        <v>2063</v>
      </c>
      <c r="M2729" s="72">
        <v>6572</v>
      </c>
      <c r="N2729" s="52" t="s">
        <v>2066</v>
      </c>
      <c r="O2729" s="52" t="s">
        <v>2067</v>
      </c>
      <c r="P2729" s="52"/>
      <c r="Q2729" s="52"/>
      <c r="R2729" s="52"/>
      <c r="S2729" s="52"/>
      <c r="T2729" s="52"/>
      <c r="U2729" s="52"/>
      <c r="V2729" s="52"/>
      <c r="W2729" s="52"/>
    </row>
    <row r="2730" spans="1:23" hidden="1" x14ac:dyDescent="0.35">
      <c r="A2730" s="52" t="s">
        <v>78</v>
      </c>
      <c r="B2730" s="52" t="s">
        <v>79</v>
      </c>
      <c r="C2730" s="3">
        <v>20</v>
      </c>
      <c r="D2730" s="52" t="s">
        <v>2021</v>
      </c>
      <c r="E2730" s="52" t="s">
        <v>26</v>
      </c>
      <c r="F2730" s="52" t="s">
        <v>81</v>
      </c>
      <c r="G2730" s="52" t="s">
        <v>82</v>
      </c>
      <c r="H2730" s="4">
        <v>1</v>
      </c>
      <c r="I2730" s="2">
        <v>14.65</v>
      </c>
      <c r="J2730" s="52" t="s">
        <v>7117</v>
      </c>
      <c r="K2730" s="71" t="s">
        <v>7118</v>
      </c>
      <c r="L2730" s="52" t="s">
        <v>2063</v>
      </c>
      <c r="M2730" s="72">
        <v>8683</v>
      </c>
      <c r="N2730" s="52" t="s">
        <v>2072</v>
      </c>
      <c r="O2730" s="52" t="s">
        <v>2073</v>
      </c>
      <c r="P2730" s="52"/>
      <c r="Q2730" s="52"/>
      <c r="R2730" s="52"/>
      <c r="S2730" s="52"/>
      <c r="T2730" s="52"/>
      <c r="U2730" s="52"/>
      <c r="V2730" s="52"/>
      <c r="W2730" s="52"/>
    </row>
    <row r="2731" spans="1:23" hidden="1" x14ac:dyDescent="0.35">
      <c r="A2731" s="52" t="s">
        <v>78</v>
      </c>
      <c r="B2731" s="52" t="s">
        <v>79</v>
      </c>
      <c r="C2731" s="3">
        <v>20</v>
      </c>
      <c r="D2731" s="52" t="s">
        <v>86</v>
      </c>
      <c r="E2731" s="52" t="s">
        <v>26</v>
      </c>
      <c r="F2731" s="52" t="s">
        <v>81</v>
      </c>
      <c r="G2731" s="52" t="s">
        <v>82</v>
      </c>
      <c r="H2731" s="4">
        <v>1</v>
      </c>
      <c r="I2731" s="2">
        <v>14.65</v>
      </c>
      <c r="J2731" s="52" t="s">
        <v>7119</v>
      </c>
      <c r="K2731" s="71" t="s">
        <v>7120</v>
      </c>
      <c r="L2731" s="52" t="s">
        <v>2063</v>
      </c>
      <c r="M2731" s="72">
        <v>268</v>
      </c>
      <c r="N2731" s="52" t="s">
        <v>2072</v>
      </c>
      <c r="O2731" s="52" t="s">
        <v>2073</v>
      </c>
      <c r="P2731" s="52"/>
      <c r="Q2731" s="52"/>
      <c r="R2731" s="52"/>
      <c r="S2731" s="52"/>
      <c r="T2731" s="52"/>
      <c r="U2731" s="52"/>
      <c r="V2731" s="52"/>
      <c r="W2731" s="52"/>
    </row>
    <row r="2732" spans="1:23" hidden="1" x14ac:dyDescent="0.35">
      <c r="A2732" s="52" t="s">
        <v>78</v>
      </c>
      <c r="B2732" s="52" t="s">
        <v>79</v>
      </c>
      <c r="C2732" s="3">
        <v>10</v>
      </c>
      <c r="D2732" s="52" t="s">
        <v>80</v>
      </c>
      <c r="E2732" s="52" t="s">
        <v>26</v>
      </c>
      <c r="F2732" s="52" t="s">
        <v>81</v>
      </c>
      <c r="G2732" s="52" t="s">
        <v>82</v>
      </c>
      <c r="H2732" s="4">
        <v>1</v>
      </c>
      <c r="I2732" s="2">
        <v>14.65</v>
      </c>
      <c r="J2732" s="52" t="s">
        <v>7121</v>
      </c>
      <c r="K2732" s="71" t="s">
        <v>7122</v>
      </c>
      <c r="L2732" s="52" t="s">
        <v>2063</v>
      </c>
      <c r="M2732" s="72">
        <v>6610</v>
      </c>
      <c r="N2732" s="52" t="s">
        <v>2066</v>
      </c>
      <c r="O2732" s="52" t="s">
        <v>2067</v>
      </c>
      <c r="P2732" s="52"/>
      <c r="Q2732" s="52"/>
      <c r="R2732" s="52"/>
      <c r="S2732" s="52"/>
      <c r="T2732" s="52"/>
      <c r="U2732" s="52"/>
      <c r="V2732" s="52"/>
      <c r="W2732" s="52"/>
    </row>
    <row r="2733" spans="1:23" hidden="1" x14ac:dyDescent="0.35">
      <c r="A2733" s="52" t="s">
        <v>78</v>
      </c>
      <c r="B2733" s="52" t="s">
        <v>79</v>
      </c>
      <c r="C2733" s="3">
        <v>20</v>
      </c>
      <c r="D2733" s="52" t="s">
        <v>86</v>
      </c>
      <c r="E2733" s="52" t="s">
        <v>26</v>
      </c>
      <c r="F2733" s="52" t="s">
        <v>81</v>
      </c>
      <c r="G2733" s="52" t="s">
        <v>82</v>
      </c>
      <c r="H2733" s="4">
        <v>1</v>
      </c>
      <c r="I2733" s="2">
        <v>14.65</v>
      </c>
      <c r="J2733" s="52" t="s">
        <v>7123</v>
      </c>
      <c r="K2733" s="71" t="s">
        <v>7124</v>
      </c>
      <c r="L2733" s="52" t="s">
        <v>2063</v>
      </c>
      <c r="M2733" s="72">
        <v>3689</v>
      </c>
      <c r="N2733" s="52"/>
      <c r="O2733" s="52"/>
      <c r="P2733" s="52"/>
      <c r="Q2733" s="52"/>
      <c r="R2733" s="52"/>
      <c r="S2733" s="52"/>
      <c r="T2733" s="52"/>
      <c r="U2733" s="52"/>
      <c r="V2733" s="52"/>
      <c r="W2733" s="52"/>
    </row>
    <row r="2734" spans="1:23" hidden="1" x14ac:dyDescent="0.35">
      <c r="A2734" s="52" t="s">
        <v>78</v>
      </c>
      <c r="B2734" s="52" t="s">
        <v>79</v>
      </c>
      <c r="C2734" s="3">
        <v>20</v>
      </c>
      <c r="D2734" s="52" t="s">
        <v>85</v>
      </c>
      <c r="E2734" s="52" t="s">
        <v>26</v>
      </c>
      <c r="F2734" s="52" t="s">
        <v>81</v>
      </c>
      <c r="G2734" s="52" t="s">
        <v>82</v>
      </c>
      <c r="H2734" s="4">
        <v>1</v>
      </c>
      <c r="I2734" s="2">
        <v>14.65</v>
      </c>
      <c r="J2734" s="52" t="s">
        <v>7125</v>
      </c>
      <c r="K2734" s="71" t="s">
        <v>7126</v>
      </c>
      <c r="L2734" s="52" t="s">
        <v>2063</v>
      </c>
      <c r="M2734" s="72">
        <v>6950</v>
      </c>
      <c r="N2734" s="52" t="s">
        <v>2072</v>
      </c>
      <c r="O2734" s="52" t="s">
        <v>2073</v>
      </c>
      <c r="P2734" s="52"/>
      <c r="Q2734" s="52"/>
      <c r="R2734" s="52"/>
      <c r="S2734" s="52"/>
      <c r="T2734" s="52"/>
      <c r="U2734" s="52"/>
      <c r="V2734" s="52"/>
      <c r="W2734" s="52"/>
    </row>
    <row r="2735" spans="1:23" hidden="1" x14ac:dyDescent="0.35">
      <c r="A2735" s="52" t="s">
        <v>78</v>
      </c>
      <c r="B2735" s="52" t="s">
        <v>79</v>
      </c>
      <c r="C2735" s="3">
        <v>20</v>
      </c>
      <c r="D2735" s="52" t="s">
        <v>80</v>
      </c>
      <c r="E2735" s="52" t="s">
        <v>26</v>
      </c>
      <c r="F2735" s="52" t="s">
        <v>81</v>
      </c>
      <c r="G2735" s="52" t="s">
        <v>82</v>
      </c>
      <c r="H2735" s="4">
        <v>1</v>
      </c>
      <c r="I2735" s="2">
        <v>14.65</v>
      </c>
      <c r="J2735" s="52" t="s">
        <v>7127</v>
      </c>
      <c r="K2735" s="71" t="s">
        <v>7128</v>
      </c>
      <c r="L2735" s="52" t="s">
        <v>2063</v>
      </c>
      <c r="M2735" s="72">
        <v>713</v>
      </c>
      <c r="N2735" s="52" t="s">
        <v>2066</v>
      </c>
      <c r="O2735" s="52" t="s">
        <v>2067</v>
      </c>
      <c r="P2735" s="52"/>
      <c r="Q2735" s="52"/>
      <c r="R2735" s="52"/>
      <c r="S2735" s="52"/>
      <c r="T2735" s="52"/>
      <c r="U2735" s="52"/>
      <c r="V2735" s="52"/>
      <c r="W2735" s="52"/>
    </row>
    <row r="2736" spans="1:23" hidden="1" x14ac:dyDescent="0.35">
      <c r="A2736" s="52" t="s">
        <v>78</v>
      </c>
      <c r="B2736" s="52" t="s">
        <v>79</v>
      </c>
      <c r="C2736" s="3">
        <v>20</v>
      </c>
      <c r="D2736" s="52" t="s">
        <v>2022</v>
      </c>
      <c r="E2736" s="52" t="s">
        <v>26</v>
      </c>
      <c r="F2736" s="52" t="s">
        <v>81</v>
      </c>
      <c r="G2736" s="52" t="s">
        <v>82</v>
      </c>
      <c r="H2736" s="4">
        <v>1</v>
      </c>
      <c r="I2736" s="2">
        <v>14.65</v>
      </c>
      <c r="J2736" s="52" t="s">
        <v>7129</v>
      </c>
      <c r="K2736" s="71" t="s">
        <v>7130</v>
      </c>
      <c r="L2736" s="52" t="s">
        <v>2095</v>
      </c>
      <c r="M2736" s="72">
        <v>8110</v>
      </c>
      <c r="N2736" s="52"/>
      <c r="O2736" s="52"/>
      <c r="P2736" s="52"/>
      <c r="Q2736" s="52"/>
      <c r="R2736" s="52"/>
      <c r="S2736" s="52"/>
      <c r="T2736" s="52"/>
      <c r="U2736" s="52"/>
      <c r="V2736" s="52"/>
      <c r="W2736" s="52"/>
    </row>
    <row r="2737" spans="1:23" hidden="1" x14ac:dyDescent="0.35">
      <c r="A2737" s="52" t="s">
        <v>78</v>
      </c>
      <c r="B2737" s="52" t="s">
        <v>79</v>
      </c>
      <c r="C2737" s="3">
        <v>20</v>
      </c>
      <c r="D2737" s="52" t="s">
        <v>80</v>
      </c>
      <c r="E2737" s="52" t="s">
        <v>26</v>
      </c>
      <c r="F2737" s="52" t="s">
        <v>81</v>
      </c>
      <c r="G2737" s="52" t="s">
        <v>82</v>
      </c>
      <c r="H2737" s="4">
        <v>1</v>
      </c>
      <c r="I2737" s="2">
        <v>14.65</v>
      </c>
      <c r="J2737" s="52" t="s">
        <v>6979</v>
      </c>
      <c r="K2737" s="71" t="s">
        <v>7131</v>
      </c>
      <c r="L2737" s="52" t="s">
        <v>2063</v>
      </c>
      <c r="M2737" s="72">
        <v>7984</v>
      </c>
      <c r="N2737" s="52" t="s">
        <v>2072</v>
      </c>
      <c r="O2737" s="52" t="s">
        <v>2073</v>
      </c>
      <c r="P2737" s="52"/>
      <c r="Q2737" s="52"/>
      <c r="R2737" s="52"/>
      <c r="S2737" s="52"/>
      <c r="T2737" s="52"/>
      <c r="U2737" s="52"/>
      <c r="V2737" s="52"/>
      <c r="W2737" s="52"/>
    </row>
    <row r="2738" spans="1:23" hidden="1" x14ac:dyDescent="0.35">
      <c r="A2738" s="52" t="s">
        <v>78</v>
      </c>
      <c r="B2738" s="52" t="s">
        <v>79</v>
      </c>
      <c r="C2738" s="3">
        <v>20</v>
      </c>
      <c r="D2738" s="52" t="s">
        <v>2019</v>
      </c>
      <c r="E2738" s="52" t="s">
        <v>26</v>
      </c>
      <c r="F2738" s="52" t="s">
        <v>81</v>
      </c>
      <c r="G2738" s="52" t="s">
        <v>82</v>
      </c>
      <c r="H2738" s="4">
        <v>1</v>
      </c>
      <c r="I2738" s="2">
        <v>14.65</v>
      </c>
      <c r="J2738" s="52" t="s">
        <v>6993</v>
      </c>
      <c r="K2738" s="71" t="s">
        <v>7132</v>
      </c>
      <c r="L2738" s="52" t="s">
        <v>2063</v>
      </c>
      <c r="M2738" s="72">
        <v>8498</v>
      </c>
      <c r="N2738" s="52" t="s">
        <v>2066</v>
      </c>
      <c r="O2738" s="52" t="s">
        <v>2067</v>
      </c>
      <c r="P2738" s="52"/>
      <c r="Q2738" s="52"/>
      <c r="R2738" s="52"/>
      <c r="S2738" s="52"/>
      <c r="T2738" s="52"/>
      <c r="U2738" s="52"/>
      <c r="V2738" s="52"/>
      <c r="W2738" s="52"/>
    </row>
    <row r="2739" spans="1:23" hidden="1" x14ac:dyDescent="0.35">
      <c r="A2739" s="52" t="s">
        <v>78</v>
      </c>
      <c r="B2739" s="52" t="s">
        <v>79</v>
      </c>
      <c r="C2739" s="3">
        <v>10</v>
      </c>
      <c r="D2739" s="52" t="s">
        <v>83</v>
      </c>
      <c r="E2739" s="52" t="s">
        <v>26</v>
      </c>
      <c r="F2739" s="52" t="s">
        <v>81</v>
      </c>
      <c r="G2739" s="52" t="s">
        <v>82</v>
      </c>
      <c r="H2739" s="4">
        <v>1</v>
      </c>
      <c r="I2739" s="2">
        <v>14.65</v>
      </c>
      <c r="J2739" s="52" t="s">
        <v>7133</v>
      </c>
      <c r="K2739" s="71" t="s">
        <v>7134</v>
      </c>
      <c r="L2739" s="52" t="s">
        <v>2063</v>
      </c>
      <c r="M2739" s="72">
        <v>2674</v>
      </c>
      <c r="N2739" s="52" t="s">
        <v>2072</v>
      </c>
      <c r="O2739" s="52" t="s">
        <v>2073</v>
      </c>
      <c r="P2739" s="52"/>
      <c r="Q2739" s="52"/>
      <c r="R2739" s="52"/>
      <c r="S2739" s="52"/>
      <c r="T2739" s="52"/>
      <c r="U2739" s="52"/>
      <c r="V2739" s="52"/>
      <c r="W2739" s="52"/>
    </row>
    <row r="2740" spans="1:23" hidden="1" x14ac:dyDescent="0.35">
      <c r="A2740" s="52" t="s">
        <v>78</v>
      </c>
      <c r="B2740" s="52" t="s">
        <v>79</v>
      </c>
      <c r="C2740" s="3">
        <v>20</v>
      </c>
      <c r="D2740" s="52" t="s">
        <v>84</v>
      </c>
      <c r="E2740" s="52" t="s">
        <v>26</v>
      </c>
      <c r="F2740" s="52" t="s">
        <v>81</v>
      </c>
      <c r="G2740" s="52" t="s">
        <v>82</v>
      </c>
      <c r="H2740" s="4">
        <v>1</v>
      </c>
      <c r="I2740" s="2">
        <v>14.65</v>
      </c>
      <c r="J2740" s="52" t="s">
        <v>7135</v>
      </c>
      <c r="K2740" s="71" t="s">
        <v>7136</v>
      </c>
      <c r="L2740" s="52" t="s">
        <v>2063</v>
      </c>
      <c r="M2740" s="72">
        <v>2965</v>
      </c>
      <c r="N2740" s="52" t="s">
        <v>2072</v>
      </c>
      <c r="O2740" s="52" t="s">
        <v>2073</v>
      </c>
      <c r="P2740" s="52"/>
      <c r="Q2740" s="52"/>
      <c r="R2740" s="52"/>
      <c r="S2740" s="52"/>
      <c r="T2740" s="52"/>
      <c r="U2740" s="52"/>
      <c r="V2740" s="52"/>
      <c r="W2740" s="52"/>
    </row>
    <row r="2741" spans="1:23" hidden="1" x14ac:dyDescent="0.35">
      <c r="A2741" s="52" t="s">
        <v>78</v>
      </c>
      <c r="B2741" s="52" t="s">
        <v>79</v>
      </c>
      <c r="C2741" s="3">
        <v>20</v>
      </c>
      <c r="D2741" s="52" t="s">
        <v>2022</v>
      </c>
      <c r="E2741" s="52" t="s">
        <v>26</v>
      </c>
      <c r="F2741" s="52" t="s">
        <v>81</v>
      </c>
      <c r="G2741" s="52" t="s">
        <v>82</v>
      </c>
      <c r="H2741" s="4">
        <v>1</v>
      </c>
      <c r="I2741" s="2">
        <v>14.65</v>
      </c>
      <c r="J2741" s="52" t="s">
        <v>7137</v>
      </c>
      <c r="K2741" s="71" t="s">
        <v>7138</v>
      </c>
      <c r="L2741" s="52" t="s">
        <v>2095</v>
      </c>
      <c r="M2741" s="72">
        <v>2622</v>
      </c>
      <c r="N2741" s="52"/>
      <c r="O2741" s="52"/>
      <c r="P2741" s="52"/>
      <c r="Q2741" s="52"/>
      <c r="R2741" s="52"/>
      <c r="S2741" s="52"/>
      <c r="T2741" s="52"/>
      <c r="U2741" s="52"/>
      <c r="V2741" s="52"/>
      <c r="W2741" s="52"/>
    </row>
    <row r="2742" spans="1:23" hidden="1" x14ac:dyDescent="0.35">
      <c r="A2742" s="52" t="s">
        <v>78</v>
      </c>
      <c r="B2742" s="52" t="s">
        <v>79</v>
      </c>
      <c r="C2742" s="3">
        <v>10</v>
      </c>
      <c r="D2742" s="52" t="s">
        <v>86</v>
      </c>
      <c r="E2742" s="52" t="s">
        <v>26</v>
      </c>
      <c r="F2742" s="52" t="s">
        <v>81</v>
      </c>
      <c r="G2742" s="52" t="s">
        <v>82</v>
      </c>
      <c r="H2742" s="4">
        <v>1</v>
      </c>
      <c r="I2742" s="2">
        <v>14.65</v>
      </c>
      <c r="J2742" s="52" t="s">
        <v>6922</v>
      </c>
      <c r="K2742" s="71" t="s">
        <v>7139</v>
      </c>
      <c r="L2742" s="52" t="s">
        <v>2063</v>
      </c>
      <c r="M2742" s="72">
        <v>4971</v>
      </c>
      <c r="N2742" s="52" t="s">
        <v>2072</v>
      </c>
      <c r="O2742" s="52" t="s">
        <v>2073</v>
      </c>
      <c r="P2742" s="52"/>
      <c r="Q2742" s="52"/>
      <c r="R2742" s="52"/>
      <c r="S2742" s="52"/>
      <c r="T2742" s="52"/>
      <c r="U2742" s="52"/>
      <c r="V2742" s="52"/>
      <c r="W2742" s="52"/>
    </row>
    <row r="2743" spans="1:23" hidden="1" x14ac:dyDescent="0.35">
      <c r="A2743" s="52" t="s">
        <v>78</v>
      </c>
      <c r="B2743" s="52" t="s">
        <v>79</v>
      </c>
      <c r="C2743" s="3">
        <v>10</v>
      </c>
      <c r="D2743" s="52" t="s">
        <v>2024</v>
      </c>
      <c r="E2743" s="52" t="s">
        <v>26</v>
      </c>
      <c r="F2743" s="52" t="s">
        <v>81</v>
      </c>
      <c r="G2743" s="52" t="s">
        <v>82</v>
      </c>
      <c r="H2743" s="4">
        <v>1</v>
      </c>
      <c r="I2743" s="2">
        <v>14.65</v>
      </c>
      <c r="J2743" s="52" t="s">
        <v>7133</v>
      </c>
      <c r="K2743" s="71" t="s">
        <v>7140</v>
      </c>
      <c r="L2743" s="52" t="s">
        <v>2063</v>
      </c>
      <c r="M2743" s="72">
        <v>7844</v>
      </c>
      <c r="N2743" s="52" t="s">
        <v>2304</v>
      </c>
      <c r="O2743" s="52" t="s">
        <v>2305</v>
      </c>
      <c r="P2743" s="52"/>
      <c r="Q2743" s="52"/>
      <c r="R2743" s="52"/>
      <c r="S2743" s="52"/>
      <c r="T2743" s="52"/>
      <c r="U2743" s="52"/>
      <c r="V2743" s="52"/>
      <c r="W2743" s="52"/>
    </row>
    <row r="2744" spans="1:23" hidden="1" x14ac:dyDescent="0.35">
      <c r="A2744" s="52" t="s">
        <v>78</v>
      </c>
      <c r="B2744" s="52" t="s">
        <v>79</v>
      </c>
      <c r="C2744" s="3">
        <v>211</v>
      </c>
      <c r="D2744" s="52" t="s">
        <v>2020</v>
      </c>
      <c r="E2744" s="52" t="s">
        <v>26</v>
      </c>
      <c r="F2744" s="52" t="s">
        <v>81</v>
      </c>
      <c r="G2744" s="52" t="s">
        <v>82</v>
      </c>
      <c r="H2744" s="4">
        <v>1</v>
      </c>
      <c r="I2744" s="2">
        <v>14.65</v>
      </c>
      <c r="J2744" s="52" t="s">
        <v>7141</v>
      </c>
      <c r="K2744" s="71" t="s">
        <v>7142</v>
      </c>
      <c r="L2744" s="52" t="s">
        <v>2063</v>
      </c>
      <c r="M2744" s="72">
        <v>9005</v>
      </c>
      <c r="N2744" s="52"/>
      <c r="O2744" s="52"/>
      <c r="P2744" s="52"/>
      <c r="Q2744" s="52"/>
      <c r="R2744" s="52"/>
      <c r="S2744" s="52"/>
      <c r="T2744" s="52"/>
      <c r="U2744" s="52"/>
      <c r="V2744" s="52"/>
      <c r="W2744" s="52"/>
    </row>
    <row r="2745" spans="1:23" hidden="1" x14ac:dyDescent="0.35">
      <c r="A2745" s="52" t="s">
        <v>78</v>
      </c>
      <c r="B2745" s="52" t="s">
        <v>79</v>
      </c>
      <c r="C2745" s="3">
        <v>211</v>
      </c>
      <c r="D2745" s="52" t="s">
        <v>83</v>
      </c>
      <c r="E2745" s="52" t="s">
        <v>26</v>
      </c>
      <c r="F2745" s="52" t="s">
        <v>81</v>
      </c>
      <c r="G2745" s="52" t="s">
        <v>82</v>
      </c>
      <c r="H2745" s="4">
        <v>1</v>
      </c>
      <c r="I2745" s="2">
        <v>14.65</v>
      </c>
      <c r="J2745" s="52" t="s">
        <v>7143</v>
      </c>
      <c r="K2745" s="71" t="s">
        <v>7144</v>
      </c>
      <c r="L2745" s="52" t="s">
        <v>2063</v>
      </c>
      <c r="M2745" s="72">
        <v>7596</v>
      </c>
      <c r="N2745" s="52"/>
      <c r="O2745" s="52"/>
      <c r="P2745" s="52"/>
      <c r="Q2745" s="52"/>
      <c r="R2745" s="52"/>
      <c r="S2745" s="52"/>
      <c r="T2745" s="52"/>
      <c r="U2745" s="52"/>
      <c r="V2745" s="52"/>
      <c r="W2745" s="52"/>
    </row>
    <row r="2746" spans="1:23" hidden="1" x14ac:dyDescent="0.35">
      <c r="A2746" s="52" t="s">
        <v>78</v>
      </c>
      <c r="B2746" s="52" t="s">
        <v>79</v>
      </c>
      <c r="C2746" s="3">
        <v>20</v>
      </c>
      <c r="D2746" s="52" t="s">
        <v>85</v>
      </c>
      <c r="E2746" s="52" t="s">
        <v>26</v>
      </c>
      <c r="F2746" s="52" t="s">
        <v>81</v>
      </c>
      <c r="G2746" s="52" t="s">
        <v>82</v>
      </c>
      <c r="H2746" s="4">
        <v>1</v>
      </c>
      <c r="I2746" s="2">
        <v>14.65</v>
      </c>
      <c r="J2746" s="52" t="s">
        <v>7145</v>
      </c>
      <c r="K2746" s="71" t="s">
        <v>7146</v>
      </c>
      <c r="L2746" s="52" t="s">
        <v>2063</v>
      </c>
      <c r="M2746" s="72">
        <v>7729</v>
      </c>
      <c r="N2746" s="52" t="s">
        <v>2072</v>
      </c>
      <c r="O2746" s="52" t="s">
        <v>2073</v>
      </c>
      <c r="P2746" s="52"/>
      <c r="Q2746" s="52"/>
      <c r="R2746" s="52"/>
      <c r="S2746" s="52"/>
      <c r="T2746" s="52"/>
      <c r="U2746" s="52"/>
      <c r="V2746" s="52"/>
      <c r="W2746" s="52"/>
    </row>
    <row r="2747" spans="1:23" hidden="1" x14ac:dyDescent="0.35">
      <c r="A2747" s="52" t="s">
        <v>78</v>
      </c>
      <c r="B2747" s="52" t="s">
        <v>79</v>
      </c>
      <c r="C2747" s="3">
        <v>212</v>
      </c>
      <c r="D2747" s="52" t="s">
        <v>80</v>
      </c>
      <c r="E2747" s="52" t="s">
        <v>26</v>
      </c>
      <c r="F2747" s="52" t="s">
        <v>81</v>
      </c>
      <c r="G2747" s="52" t="s">
        <v>82</v>
      </c>
      <c r="H2747" s="4">
        <v>1</v>
      </c>
      <c r="I2747" s="2">
        <v>14.65</v>
      </c>
      <c r="J2747" s="52" t="s">
        <v>7147</v>
      </c>
      <c r="K2747" s="71" t="s">
        <v>7148</v>
      </c>
      <c r="L2747" s="52" t="s">
        <v>2095</v>
      </c>
      <c r="M2747" s="72">
        <v>6461</v>
      </c>
      <c r="N2747" s="52" t="s">
        <v>2195</v>
      </c>
      <c r="O2747" s="52" t="s">
        <v>2196</v>
      </c>
      <c r="P2747" s="52"/>
      <c r="Q2747" s="52"/>
      <c r="R2747" s="52"/>
      <c r="S2747" s="52"/>
      <c r="T2747" s="52"/>
      <c r="U2747" s="52"/>
      <c r="V2747" s="52"/>
      <c r="W2747" s="52"/>
    </row>
    <row r="2748" spans="1:23" hidden="1" x14ac:dyDescent="0.35">
      <c r="A2748" s="52" t="s">
        <v>78</v>
      </c>
      <c r="B2748" s="52" t="s">
        <v>79</v>
      </c>
      <c r="C2748" s="3">
        <v>10</v>
      </c>
      <c r="D2748" s="52" t="s">
        <v>84</v>
      </c>
      <c r="E2748" s="52" t="s">
        <v>26</v>
      </c>
      <c r="F2748" s="52" t="s">
        <v>81</v>
      </c>
      <c r="G2748" s="52" t="s">
        <v>82</v>
      </c>
      <c r="H2748" s="4">
        <v>1</v>
      </c>
      <c r="I2748" s="2">
        <v>14.65</v>
      </c>
      <c r="J2748" s="52" t="s">
        <v>7149</v>
      </c>
      <c r="K2748" s="71" t="s">
        <v>7150</v>
      </c>
      <c r="L2748" s="52" t="s">
        <v>2063</v>
      </c>
      <c r="M2748" s="72">
        <v>8794</v>
      </c>
      <c r="N2748" s="52" t="s">
        <v>2072</v>
      </c>
      <c r="O2748" s="52" t="s">
        <v>2073</v>
      </c>
      <c r="P2748" s="52" t="s">
        <v>2072</v>
      </c>
      <c r="Q2748" s="52" t="s">
        <v>2073</v>
      </c>
      <c r="R2748" s="52"/>
      <c r="S2748" s="52"/>
      <c r="T2748" s="52"/>
      <c r="U2748" s="52"/>
      <c r="V2748" s="52"/>
      <c r="W2748" s="52"/>
    </row>
    <row r="2749" spans="1:23" x14ac:dyDescent="0.35">
      <c r="A2749" s="52" t="s">
        <v>78</v>
      </c>
      <c r="B2749" s="52" t="s">
        <v>79</v>
      </c>
      <c r="C2749" s="3">
        <v>10</v>
      </c>
      <c r="D2749" s="52" t="s">
        <v>2023</v>
      </c>
      <c r="E2749" s="52" t="s">
        <v>26</v>
      </c>
      <c r="F2749" s="52" t="s">
        <v>81</v>
      </c>
      <c r="G2749" s="52" t="s">
        <v>82</v>
      </c>
      <c r="H2749" s="4">
        <v>1</v>
      </c>
      <c r="I2749" s="2">
        <v>14.65</v>
      </c>
      <c r="J2749" s="52" t="s">
        <v>7151</v>
      </c>
      <c r="K2749" s="71" t="s">
        <v>7152</v>
      </c>
      <c r="L2749" s="52" t="s">
        <v>2063</v>
      </c>
      <c r="M2749" s="72">
        <v>4996</v>
      </c>
      <c r="N2749" s="52" t="s">
        <v>2076</v>
      </c>
      <c r="O2749" s="52" t="s">
        <v>2077</v>
      </c>
      <c r="P2749" s="52"/>
      <c r="Q2749" s="52"/>
      <c r="R2749" s="52"/>
      <c r="S2749" s="52"/>
      <c r="T2749" s="52"/>
      <c r="U2749" s="52"/>
      <c r="V2749" s="52"/>
      <c r="W2749" s="52"/>
    </row>
    <row r="2750" spans="1:23" hidden="1" x14ac:dyDescent="0.35">
      <c r="A2750" s="52" t="s">
        <v>78</v>
      </c>
      <c r="B2750" s="52" t="s">
        <v>79</v>
      </c>
      <c r="C2750" s="3">
        <v>20</v>
      </c>
      <c r="D2750" s="52" t="s">
        <v>2019</v>
      </c>
      <c r="E2750" s="52" t="s">
        <v>26</v>
      </c>
      <c r="F2750" s="52" t="s">
        <v>81</v>
      </c>
      <c r="G2750" s="52" t="s">
        <v>82</v>
      </c>
      <c r="H2750" s="4">
        <v>1</v>
      </c>
      <c r="I2750" s="2">
        <v>14.65</v>
      </c>
      <c r="J2750" s="52" t="s">
        <v>7153</v>
      </c>
      <c r="K2750" s="71" t="s">
        <v>7154</v>
      </c>
      <c r="L2750" s="52" t="s">
        <v>2063</v>
      </c>
      <c r="M2750" s="72">
        <v>7959</v>
      </c>
      <c r="N2750" s="52" t="s">
        <v>2072</v>
      </c>
      <c r="O2750" s="52" t="s">
        <v>2073</v>
      </c>
      <c r="P2750" s="52"/>
      <c r="Q2750" s="52"/>
      <c r="R2750" s="52"/>
      <c r="S2750" s="52"/>
      <c r="T2750" s="52"/>
      <c r="U2750" s="52"/>
      <c r="V2750" s="52"/>
      <c r="W2750" s="52"/>
    </row>
    <row r="2751" spans="1:23" hidden="1" x14ac:dyDescent="0.35">
      <c r="A2751" s="52" t="s">
        <v>78</v>
      </c>
      <c r="B2751" s="52" t="s">
        <v>79</v>
      </c>
      <c r="C2751" s="3">
        <v>20</v>
      </c>
      <c r="D2751" s="52" t="s">
        <v>2024</v>
      </c>
      <c r="E2751" s="52" t="s">
        <v>26</v>
      </c>
      <c r="F2751" s="52" t="s">
        <v>81</v>
      </c>
      <c r="G2751" s="52" t="s">
        <v>82</v>
      </c>
      <c r="H2751" s="4">
        <v>1</v>
      </c>
      <c r="I2751" s="2">
        <v>14.65</v>
      </c>
      <c r="J2751" s="52" t="s">
        <v>7155</v>
      </c>
      <c r="K2751" s="71" t="s">
        <v>7156</v>
      </c>
      <c r="L2751" s="52" t="s">
        <v>2063</v>
      </c>
      <c r="M2751" s="72">
        <v>2797</v>
      </c>
      <c r="N2751" s="52" t="s">
        <v>2072</v>
      </c>
      <c r="O2751" s="52" t="s">
        <v>2073</v>
      </c>
      <c r="P2751" s="52"/>
      <c r="Q2751" s="52"/>
      <c r="R2751" s="52"/>
      <c r="S2751" s="52"/>
      <c r="T2751" s="52"/>
      <c r="U2751" s="52"/>
      <c r="V2751" s="52"/>
      <c r="W2751" s="52"/>
    </row>
    <row r="2752" spans="1:23" x14ac:dyDescent="0.35">
      <c r="A2752" s="52" t="s">
        <v>78</v>
      </c>
      <c r="B2752" s="52" t="s">
        <v>79</v>
      </c>
      <c r="C2752" s="3">
        <v>10</v>
      </c>
      <c r="D2752" s="52" t="s">
        <v>2020</v>
      </c>
      <c r="E2752" s="52" t="s">
        <v>26</v>
      </c>
      <c r="F2752" s="52" t="s">
        <v>81</v>
      </c>
      <c r="G2752" s="52" t="s">
        <v>82</v>
      </c>
      <c r="H2752" s="4">
        <v>1</v>
      </c>
      <c r="I2752" s="2">
        <v>14.65</v>
      </c>
      <c r="J2752" s="52" t="s">
        <v>7157</v>
      </c>
      <c r="K2752" s="71" t="s">
        <v>7158</v>
      </c>
      <c r="L2752" s="52" t="s">
        <v>2063</v>
      </c>
      <c r="M2752" s="72">
        <v>6913</v>
      </c>
      <c r="N2752" s="52" t="s">
        <v>2076</v>
      </c>
      <c r="O2752" s="52" t="s">
        <v>2077</v>
      </c>
      <c r="P2752" s="52"/>
      <c r="Q2752" s="52"/>
      <c r="R2752" s="52"/>
      <c r="S2752" s="52"/>
      <c r="T2752" s="52"/>
      <c r="U2752" s="52"/>
      <c r="V2752" s="52"/>
      <c r="W2752" s="52"/>
    </row>
    <row r="2753" spans="1:23" hidden="1" x14ac:dyDescent="0.35">
      <c r="A2753" s="52" t="s">
        <v>78</v>
      </c>
      <c r="B2753" s="52" t="s">
        <v>79</v>
      </c>
      <c r="C2753" s="3">
        <v>20</v>
      </c>
      <c r="D2753" s="52" t="s">
        <v>86</v>
      </c>
      <c r="E2753" s="52" t="s">
        <v>26</v>
      </c>
      <c r="F2753" s="52" t="s">
        <v>81</v>
      </c>
      <c r="G2753" s="52" t="s">
        <v>82</v>
      </c>
      <c r="H2753" s="4">
        <v>1</v>
      </c>
      <c r="I2753" s="2">
        <v>14.65</v>
      </c>
      <c r="J2753" s="52" t="s">
        <v>7159</v>
      </c>
      <c r="K2753" s="71" t="s">
        <v>7160</v>
      </c>
      <c r="L2753" s="52" t="s">
        <v>2063</v>
      </c>
      <c r="M2753" s="72">
        <v>2808</v>
      </c>
      <c r="N2753" s="52" t="s">
        <v>2195</v>
      </c>
      <c r="O2753" s="52" t="s">
        <v>2196</v>
      </c>
      <c r="P2753" s="52"/>
      <c r="Q2753" s="52"/>
      <c r="R2753" s="52"/>
      <c r="S2753" s="52"/>
      <c r="T2753" s="52"/>
      <c r="U2753" s="52"/>
      <c r="V2753" s="52"/>
      <c r="W2753" s="52"/>
    </row>
    <row r="2754" spans="1:23" hidden="1" x14ac:dyDescent="0.35">
      <c r="A2754" s="52" t="s">
        <v>78</v>
      </c>
      <c r="B2754" s="52" t="s">
        <v>79</v>
      </c>
      <c r="C2754" s="3">
        <v>20</v>
      </c>
      <c r="D2754" s="52" t="s">
        <v>80</v>
      </c>
      <c r="E2754" s="52" t="s">
        <v>26</v>
      </c>
      <c r="F2754" s="52" t="s">
        <v>81</v>
      </c>
      <c r="G2754" s="52" t="s">
        <v>82</v>
      </c>
      <c r="H2754" s="4">
        <v>1</v>
      </c>
      <c r="I2754" s="2">
        <v>14.65</v>
      </c>
      <c r="J2754" s="52" t="s">
        <v>7161</v>
      </c>
      <c r="K2754" s="71" t="s">
        <v>7162</v>
      </c>
      <c r="L2754" s="52" t="s">
        <v>2063</v>
      </c>
      <c r="M2754" s="72">
        <v>7480</v>
      </c>
      <c r="N2754" s="52"/>
      <c r="O2754" s="52"/>
      <c r="P2754" s="52"/>
      <c r="Q2754" s="52"/>
      <c r="R2754" s="52"/>
      <c r="S2754" s="52"/>
      <c r="T2754" s="52"/>
      <c r="U2754" s="52"/>
      <c r="V2754" s="52"/>
      <c r="W2754" s="52"/>
    </row>
    <row r="2755" spans="1:23" hidden="1" x14ac:dyDescent="0.35">
      <c r="A2755" s="52" t="s">
        <v>78</v>
      </c>
      <c r="B2755" s="52" t="s">
        <v>79</v>
      </c>
      <c r="C2755" s="3">
        <v>20</v>
      </c>
      <c r="D2755" s="52" t="s">
        <v>2022</v>
      </c>
      <c r="E2755" s="52" t="s">
        <v>26</v>
      </c>
      <c r="F2755" s="52" t="s">
        <v>81</v>
      </c>
      <c r="G2755" s="52" t="s">
        <v>82</v>
      </c>
      <c r="H2755" s="4">
        <v>1</v>
      </c>
      <c r="I2755" s="2">
        <v>14.65</v>
      </c>
      <c r="J2755" s="52" t="s">
        <v>7163</v>
      </c>
      <c r="K2755" s="71" t="s">
        <v>7164</v>
      </c>
      <c r="L2755" s="52" t="s">
        <v>2063</v>
      </c>
      <c r="M2755" s="72">
        <v>4494</v>
      </c>
      <c r="N2755" s="52" t="s">
        <v>2066</v>
      </c>
      <c r="O2755" s="52" t="s">
        <v>2067</v>
      </c>
      <c r="P2755" s="52"/>
      <c r="Q2755" s="52"/>
      <c r="R2755" s="52"/>
      <c r="S2755" s="52"/>
      <c r="T2755" s="52"/>
      <c r="U2755" s="52"/>
      <c r="V2755" s="52"/>
      <c r="W2755" s="52"/>
    </row>
    <row r="2756" spans="1:23" hidden="1" x14ac:dyDescent="0.35">
      <c r="A2756" s="52" t="s">
        <v>78</v>
      </c>
      <c r="B2756" s="52" t="s">
        <v>79</v>
      </c>
      <c r="C2756" s="3">
        <v>211</v>
      </c>
      <c r="D2756" s="52" t="s">
        <v>84</v>
      </c>
      <c r="E2756" s="52" t="s">
        <v>26</v>
      </c>
      <c r="F2756" s="52" t="s">
        <v>81</v>
      </c>
      <c r="G2756" s="52" t="s">
        <v>82</v>
      </c>
      <c r="H2756" s="4">
        <v>1</v>
      </c>
      <c r="I2756" s="2">
        <v>14.65</v>
      </c>
      <c r="J2756" s="52" t="s">
        <v>7165</v>
      </c>
      <c r="K2756" s="71" t="s">
        <v>7166</v>
      </c>
      <c r="L2756" s="52" t="s">
        <v>2063</v>
      </c>
      <c r="M2756" s="72">
        <v>5304</v>
      </c>
      <c r="N2756" s="52" t="s">
        <v>2066</v>
      </c>
      <c r="O2756" s="52" t="s">
        <v>2067</v>
      </c>
      <c r="P2756" s="52"/>
      <c r="Q2756" s="52"/>
      <c r="R2756" s="52"/>
      <c r="S2756" s="52"/>
      <c r="T2756" s="52"/>
      <c r="U2756" s="52"/>
      <c r="V2756" s="52"/>
      <c r="W2756" s="52"/>
    </row>
    <row r="2757" spans="1:23" hidden="1" x14ac:dyDescent="0.35">
      <c r="A2757" s="52" t="s">
        <v>78</v>
      </c>
      <c r="B2757" s="52" t="s">
        <v>79</v>
      </c>
      <c r="C2757" s="3">
        <v>10</v>
      </c>
      <c r="D2757" s="52" t="s">
        <v>80</v>
      </c>
      <c r="E2757" s="52" t="s">
        <v>26</v>
      </c>
      <c r="F2757" s="52" t="s">
        <v>81</v>
      </c>
      <c r="G2757" s="52" t="s">
        <v>82</v>
      </c>
      <c r="H2757" s="4">
        <v>1</v>
      </c>
      <c r="I2757" s="2">
        <v>14.65</v>
      </c>
      <c r="J2757" s="52" t="s">
        <v>7167</v>
      </c>
      <c r="K2757" s="71" t="s">
        <v>7168</v>
      </c>
      <c r="L2757" s="52" t="s">
        <v>2063</v>
      </c>
      <c r="M2757" s="72">
        <v>1913</v>
      </c>
      <c r="N2757" s="52" t="s">
        <v>2072</v>
      </c>
      <c r="O2757" s="52" t="s">
        <v>2073</v>
      </c>
      <c r="P2757" s="52"/>
      <c r="Q2757" s="52"/>
      <c r="R2757" s="52"/>
      <c r="S2757" s="52"/>
      <c r="T2757" s="52"/>
      <c r="U2757" s="52"/>
      <c r="V2757" s="52"/>
      <c r="W2757" s="52"/>
    </row>
    <row r="2758" spans="1:23" hidden="1" x14ac:dyDescent="0.35">
      <c r="A2758" s="52" t="s">
        <v>78</v>
      </c>
      <c r="B2758" s="52" t="s">
        <v>79</v>
      </c>
      <c r="C2758" s="3">
        <v>20</v>
      </c>
      <c r="D2758" s="52" t="s">
        <v>2021</v>
      </c>
      <c r="E2758" s="52" t="s">
        <v>26</v>
      </c>
      <c r="F2758" s="52" t="s">
        <v>81</v>
      </c>
      <c r="G2758" s="52" t="s">
        <v>82</v>
      </c>
      <c r="H2758" s="4">
        <v>1</v>
      </c>
      <c r="I2758" s="2">
        <v>14.65</v>
      </c>
      <c r="J2758" s="52" t="s">
        <v>7169</v>
      </c>
      <c r="K2758" s="71" t="s">
        <v>7170</v>
      </c>
      <c r="L2758" s="52" t="s">
        <v>2063</v>
      </c>
      <c r="M2758" s="72">
        <v>8728</v>
      </c>
      <c r="N2758" s="52" t="s">
        <v>2072</v>
      </c>
      <c r="O2758" s="52" t="s">
        <v>2073</v>
      </c>
      <c r="P2758" s="52"/>
      <c r="Q2758" s="52"/>
      <c r="R2758" s="52"/>
      <c r="S2758" s="52"/>
      <c r="T2758" s="52"/>
      <c r="U2758" s="52"/>
      <c r="V2758" s="52"/>
      <c r="W2758" s="52"/>
    </row>
    <row r="2759" spans="1:23" hidden="1" x14ac:dyDescent="0.35">
      <c r="A2759" s="52" t="s">
        <v>78</v>
      </c>
      <c r="B2759" s="52" t="s">
        <v>79</v>
      </c>
      <c r="C2759" s="3">
        <v>20</v>
      </c>
      <c r="D2759" s="52" t="s">
        <v>87</v>
      </c>
      <c r="E2759" s="52" t="s">
        <v>26</v>
      </c>
      <c r="F2759" s="52" t="s">
        <v>81</v>
      </c>
      <c r="G2759" s="52" t="s">
        <v>82</v>
      </c>
      <c r="H2759" s="4">
        <v>1</v>
      </c>
      <c r="I2759" s="2">
        <v>14.65</v>
      </c>
      <c r="J2759" s="52" t="s">
        <v>7171</v>
      </c>
      <c r="K2759" s="71" t="s">
        <v>7172</v>
      </c>
      <c r="L2759" s="52" t="s">
        <v>2063</v>
      </c>
      <c r="M2759" s="72">
        <v>5048</v>
      </c>
      <c r="N2759" s="52" t="s">
        <v>2072</v>
      </c>
      <c r="O2759" s="52" t="s">
        <v>2073</v>
      </c>
      <c r="P2759" s="52"/>
      <c r="Q2759" s="52"/>
      <c r="R2759" s="52"/>
      <c r="S2759" s="52"/>
      <c r="T2759" s="52"/>
      <c r="U2759" s="52"/>
      <c r="V2759" s="52"/>
      <c r="W2759" s="52"/>
    </row>
    <row r="2760" spans="1:23" hidden="1" x14ac:dyDescent="0.35">
      <c r="A2760" s="52" t="s">
        <v>78</v>
      </c>
      <c r="B2760" s="52" t="s">
        <v>79</v>
      </c>
      <c r="C2760" s="3">
        <v>20</v>
      </c>
      <c r="D2760" s="52" t="s">
        <v>84</v>
      </c>
      <c r="E2760" s="52" t="s">
        <v>26</v>
      </c>
      <c r="F2760" s="52" t="s">
        <v>81</v>
      </c>
      <c r="G2760" s="52" t="s">
        <v>82</v>
      </c>
      <c r="H2760" s="4">
        <v>1</v>
      </c>
      <c r="I2760" s="2">
        <v>14.65</v>
      </c>
      <c r="J2760" s="52" t="s">
        <v>7173</v>
      </c>
      <c r="K2760" s="71" t="s">
        <v>7174</v>
      </c>
      <c r="L2760" s="52" t="s">
        <v>2063</v>
      </c>
      <c r="M2760" s="72">
        <v>6425</v>
      </c>
      <c r="N2760" s="52"/>
      <c r="O2760" s="52"/>
      <c r="P2760" s="52"/>
      <c r="Q2760" s="52"/>
      <c r="R2760" s="52"/>
      <c r="S2760" s="52"/>
      <c r="T2760" s="52"/>
      <c r="U2760" s="52"/>
      <c r="V2760" s="52"/>
      <c r="W2760" s="52"/>
    </row>
    <row r="2761" spans="1:23" hidden="1" x14ac:dyDescent="0.35">
      <c r="A2761" s="52" t="s">
        <v>78</v>
      </c>
      <c r="B2761" s="52" t="s">
        <v>79</v>
      </c>
      <c r="C2761" s="3">
        <v>20</v>
      </c>
      <c r="D2761" s="52" t="s">
        <v>2023</v>
      </c>
      <c r="E2761" s="52" t="s">
        <v>26</v>
      </c>
      <c r="F2761" s="52" t="s">
        <v>81</v>
      </c>
      <c r="G2761" s="52" t="s">
        <v>82</v>
      </c>
      <c r="H2761" s="4">
        <v>1</v>
      </c>
      <c r="I2761" s="2">
        <v>14.65</v>
      </c>
      <c r="J2761" s="52" t="s">
        <v>7175</v>
      </c>
      <c r="K2761" s="71" t="s">
        <v>7176</v>
      </c>
      <c r="L2761" s="52" t="s">
        <v>2063</v>
      </c>
      <c r="M2761" s="72">
        <v>2037</v>
      </c>
      <c r="N2761" s="52" t="s">
        <v>2072</v>
      </c>
      <c r="O2761" s="52" t="s">
        <v>2073</v>
      </c>
      <c r="P2761" s="52"/>
      <c r="Q2761" s="52"/>
      <c r="R2761" s="52"/>
      <c r="S2761" s="52"/>
      <c r="T2761" s="52"/>
      <c r="U2761" s="52"/>
      <c r="V2761" s="52"/>
      <c r="W2761" s="52"/>
    </row>
    <row r="2762" spans="1:23" hidden="1" x14ac:dyDescent="0.35">
      <c r="A2762" s="52" t="s">
        <v>78</v>
      </c>
      <c r="B2762" s="52" t="s">
        <v>79</v>
      </c>
      <c r="C2762" s="3">
        <v>20</v>
      </c>
      <c r="D2762" s="52" t="s">
        <v>87</v>
      </c>
      <c r="E2762" s="52" t="s">
        <v>26</v>
      </c>
      <c r="F2762" s="52" t="s">
        <v>81</v>
      </c>
      <c r="G2762" s="52" t="s">
        <v>82</v>
      </c>
      <c r="H2762" s="4">
        <v>1</v>
      </c>
      <c r="I2762" s="2">
        <v>14.65</v>
      </c>
      <c r="J2762" s="52" t="s">
        <v>7177</v>
      </c>
      <c r="K2762" s="71" t="s">
        <v>7178</v>
      </c>
      <c r="L2762" s="52" t="s">
        <v>2063</v>
      </c>
      <c r="M2762" s="72">
        <v>6656</v>
      </c>
      <c r="N2762" s="52"/>
      <c r="O2762" s="52"/>
      <c r="P2762" s="52"/>
      <c r="Q2762" s="52"/>
      <c r="R2762" s="52"/>
      <c r="S2762" s="52"/>
      <c r="T2762" s="52"/>
      <c r="U2762" s="52"/>
      <c r="V2762" s="52"/>
      <c r="W2762" s="52"/>
    </row>
    <row r="2763" spans="1:23" hidden="1" x14ac:dyDescent="0.35">
      <c r="A2763" s="52" t="s">
        <v>78</v>
      </c>
      <c r="B2763" s="52" t="s">
        <v>79</v>
      </c>
      <c r="C2763" s="3">
        <v>20</v>
      </c>
      <c r="D2763" s="52" t="s">
        <v>2024</v>
      </c>
      <c r="E2763" s="52" t="s">
        <v>26</v>
      </c>
      <c r="F2763" s="52" t="s">
        <v>81</v>
      </c>
      <c r="G2763" s="52" t="s">
        <v>82</v>
      </c>
      <c r="H2763" s="4">
        <v>1</v>
      </c>
      <c r="I2763" s="2">
        <v>14.65</v>
      </c>
      <c r="J2763" s="52" t="s">
        <v>7179</v>
      </c>
      <c r="K2763" s="71" t="s">
        <v>7180</v>
      </c>
      <c r="L2763" s="52" t="s">
        <v>2063</v>
      </c>
      <c r="M2763" s="72">
        <v>6171</v>
      </c>
      <c r="N2763" s="52"/>
      <c r="O2763" s="52"/>
      <c r="P2763" s="52"/>
      <c r="Q2763" s="52"/>
      <c r="R2763" s="52"/>
      <c r="S2763" s="52"/>
      <c r="T2763" s="52"/>
      <c r="U2763" s="52"/>
      <c r="V2763" s="52"/>
      <c r="W2763" s="52"/>
    </row>
    <row r="2764" spans="1:23" hidden="1" x14ac:dyDescent="0.35">
      <c r="A2764" s="52" t="s">
        <v>78</v>
      </c>
      <c r="B2764" s="52" t="s">
        <v>79</v>
      </c>
      <c r="C2764" s="3">
        <v>20</v>
      </c>
      <c r="D2764" s="52" t="s">
        <v>2019</v>
      </c>
      <c r="E2764" s="52" t="s">
        <v>26</v>
      </c>
      <c r="F2764" s="52" t="s">
        <v>81</v>
      </c>
      <c r="G2764" s="52" t="s">
        <v>82</v>
      </c>
      <c r="H2764" s="4">
        <v>1</v>
      </c>
      <c r="I2764" s="2">
        <v>14.65</v>
      </c>
      <c r="J2764" s="52" t="s">
        <v>7181</v>
      </c>
      <c r="K2764" s="71" t="s">
        <v>7182</v>
      </c>
      <c r="L2764" s="52" t="s">
        <v>2063</v>
      </c>
      <c r="M2764" s="72">
        <v>9451</v>
      </c>
      <c r="N2764" s="52"/>
      <c r="O2764" s="52"/>
      <c r="P2764" s="52"/>
      <c r="Q2764" s="52"/>
      <c r="R2764" s="52"/>
      <c r="S2764" s="52"/>
      <c r="T2764" s="52"/>
      <c r="U2764" s="52"/>
      <c r="V2764" s="52"/>
      <c r="W2764" s="52"/>
    </row>
    <row r="2765" spans="1:23" x14ac:dyDescent="0.35">
      <c r="A2765" s="52" t="s">
        <v>78</v>
      </c>
      <c r="B2765" s="52" t="s">
        <v>79</v>
      </c>
      <c r="C2765" s="3">
        <v>20</v>
      </c>
      <c r="D2765" s="52" t="s">
        <v>2022</v>
      </c>
      <c r="E2765" s="52" t="s">
        <v>26</v>
      </c>
      <c r="F2765" s="52" t="s">
        <v>81</v>
      </c>
      <c r="G2765" s="52" t="s">
        <v>82</v>
      </c>
      <c r="H2765" s="4">
        <v>1</v>
      </c>
      <c r="I2765" s="2">
        <v>14.65</v>
      </c>
      <c r="J2765" s="52" t="s">
        <v>7183</v>
      </c>
      <c r="K2765" s="71" t="s">
        <v>7184</v>
      </c>
      <c r="L2765" s="52" t="s">
        <v>2063</v>
      </c>
      <c r="M2765" s="72">
        <v>451</v>
      </c>
      <c r="N2765" s="52" t="s">
        <v>2259</v>
      </c>
      <c r="O2765" s="52" t="s">
        <v>2260</v>
      </c>
      <c r="P2765" s="52" t="s">
        <v>2259</v>
      </c>
      <c r="Q2765" s="52" t="s">
        <v>2260</v>
      </c>
      <c r="R2765" s="52"/>
      <c r="S2765" s="52"/>
      <c r="T2765" s="52"/>
      <c r="U2765" s="52"/>
      <c r="V2765" s="52"/>
      <c r="W2765" s="52"/>
    </row>
    <row r="2766" spans="1:23" hidden="1" x14ac:dyDescent="0.35">
      <c r="A2766" s="52" t="s">
        <v>78</v>
      </c>
      <c r="B2766" s="52" t="s">
        <v>79</v>
      </c>
      <c r="C2766" s="3">
        <v>20</v>
      </c>
      <c r="D2766" s="52" t="s">
        <v>84</v>
      </c>
      <c r="E2766" s="52" t="s">
        <v>26</v>
      </c>
      <c r="F2766" s="52" t="s">
        <v>81</v>
      </c>
      <c r="G2766" s="52" t="s">
        <v>82</v>
      </c>
      <c r="H2766" s="4">
        <v>1</v>
      </c>
      <c r="I2766" s="2">
        <v>14.65</v>
      </c>
      <c r="J2766" s="52" t="s">
        <v>7185</v>
      </c>
      <c r="K2766" s="71" t="s">
        <v>7186</v>
      </c>
      <c r="L2766" s="52" t="s">
        <v>2063</v>
      </c>
      <c r="M2766" s="72">
        <v>2387</v>
      </c>
      <c r="N2766" s="52" t="s">
        <v>2066</v>
      </c>
      <c r="O2766" s="52" t="s">
        <v>2067</v>
      </c>
      <c r="P2766" s="52"/>
      <c r="Q2766" s="52"/>
      <c r="R2766" s="52"/>
      <c r="S2766" s="52"/>
      <c r="T2766" s="52"/>
      <c r="U2766" s="52"/>
      <c r="V2766" s="52"/>
      <c r="W2766" s="52"/>
    </row>
    <row r="2767" spans="1:23" x14ac:dyDescent="0.35">
      <c r="A2767" s="52" t="s">
        <v>78</v>
      </c>
      <c r="B2767" s="52" t="s">
        <v>79</v>
      </c>
      <c r="C2767" s="3">
        <v>20</v>
      </c>
      <c r="D2767" s="52" t="s">
        <v>87</v>
      </c>
      <c r="E2767" s="52" t="s">
        <v>26</v>
      </c>
      <c r="F2767" s="52" t="s">
        <v>81</v>
      </c>
      <c r="G2767" s="52" t="s">
        <v>82</v>
      </c>
      <c r="H2767" s="4">
        <v>1</v>
      </c>
      <c r="I2767" s="2">
        <v>14.65</v>
      </c>
      <c r="J2767" s="52" t="s">
        <v>7187</v>
      </c>
      <c r="K2767" s="71" t="s">
        <v>7188</v>
      </c>
      <c r="L2767" s="52" t="s">
        <v>2063</v>
      </c>
      <c r="M2767" s="72">
        <v>9159</v>
      </c>
      <c r="N2767" s="52" t="s">
        <v>2259</v>
      </c>
      <c r="O2767" s="52" t="s">
        <v>2260</v>
      </c>
      <c r="P2767" s="52"/>
      <c r="Q2767" s="52"/>
      <c r="R2767" s="52"/>
      <c r="S2767" s="52"/>
      <c r="T2767" s="52"/>
      <c r="U2767" s="52"/>
      <c r="V2767" s="52"/>
      <c r="W2767" s="52"/>
    </row>
    <row r="2768" spans="1:23" hidden="1" x14ac:dyDescent="0.35">
      <c r="A2768" s="52" t="s">
        <v>78</v>
      </c>
      <c r="B2768" s="52" t="s">
        <v>79</v>
      </c>
      <c r="C2768" s="3">
        <v>10</v>
      </c>
      <c r="D2768" s="52" t="s">
        <v>2024</v>
      </c>
      <c r="E2768" s="52" t="s">
        <v>26</v>
      </c>
      <c r="F2768" s="52" t="s">
        <v>81</v>
      </c>
      <c r="G2768" s="52" t="s">
        <v>82</v>
      </c>
      <c r="H2768" s="4">
        <v>1</v>
      </c>
      <c r="I2768" s="2">
        <v>14.65</v>
      </c>
      <c r="J2768" s="52" t="s">
        <v>7149</v>
      </c>
      <c r="K2768" s="71" t="s">
        <v>7189</v>
      </c>
      <c r="L2768" s="52" t="s">
        <v>2063</v>
      </c>
      <c r="M2768" s="72">
        <v>9489</v>
      </c>
      <c r="N2768" s="52" t="s">
        <v>2072</v>
      </c>
      <c r="O2768" s="52" t="s">
        <v>2073</v>
      </c>
      <c r="P2768" s="52"/>
      <c r="Q2768" s="52"/>
      <c r="R2768" s="52"/>
      <c r="S2768" s="52"/>
      <c r="T2768" s="52"/>
      <c r="U2768" s="52"/>
      <c r="V2768" s="52"/>
      <c r="W2768" s="52"/>
    </row>
    <row r="2769" spans="1:23" hidden="1" x14ac:dyDescent="0.35">
      <c r="A2769" s="52" t="s">
        <v>78</v>
      </c>
      <c r="B2769" s="52" t="s">
        <v>79</v>
      </c>
      <c r="C2769" s="3">
        <v>10</v>
      </c>
      <c r="D2769" s="52" t="s">
        <v>85</v>
      </c>
      <c r="E2769" s="52" t="s">
        <v>26</v>
      </c>
      <c r="F2769" s="52" t="s">
        <v>81</v>
      </c>
      <c r="G2769" s="52" t="s">
        <v>82</v>
      </c>
      <c r="H2769" s="4">
        <v>1</v>
      </c>
      <c r="I2769" s="2">
        <v>14.65</v>
      </c>
      <c r="J2769" s="52" t="s">
        <v>7151</v>
      </c>
      <c r="K2769" s="71" t="s">
        <v>7190</v>
      </c>
      <c r="L2769" s="52" t="s">
        <v>2063</v>
      </c>
      <c r="M2769" s="72">
        <v>9243</v>
      </c>
      <c r="N2769" s="52"/>
      <c r="O2769" s="52"/>
      <c r="P2769" s="52"/>
      <c r="Q2769" s="52"/>
      <c r="R2769" s="52"/>
      <c r="S2769" s="52"/>
      <c r="T2769" s="52"/>
      <c r="U2769" s="52"/>
      <c r="V2769" s="52"/>
      <c r="W2769" s="52"/>
    </row>
    <row r="2770" spans="1:23" hidden="1" x14ac:dyDescent="0.35">
      <c r="A2770" s="52" t="s">
        <v>78</v>
      </c>
      <c r="B2770" s="52" t="s">
        <v>79</v>
      </c>
      <c r="C2770" s="3">
        <v>20</v>
      </c>
      <c r="D2770" s="52" t="s">
        <v>85</v>
      </c>
      <c r="E2770" s="52" t="s">
        <v>26</v>
      </c>
      <c r="F2770" s="52" t="s">
        <v>81</v>
      </c>
      <c r="G2770" s="52" t="s">
        <v>82</v>
      </c>
      <c r="H2770" s="4">
        <v>1</v>
      </c>
      <c r="I2770" s="2">
        <v>14.65</v>
      </c>
      <c r="J2770" s="52" t="s">
        <v>7191</v>
      </c>
      <c r="K2770" s="71" t="s">
        <v>7192</v>
      </c>
      <c r="L2770" s="52" t="s">
        <v>2063</v>
      </c>
      <c r="M2770" s="72">
        <v>9533</v>
      </c>
      <c r="N2770" s="52" t="s">
        <v>2072</v>
      </c>
      <c r="O2770" s="52" t="s">
        <v>2073</v>
      </c>
      <c r="P2770" s="52"/>
      <c r="Q2770" s="52"/>
      <c r="R2770" s="52"/>
      <c r="S2770" s="52"/>
      <c r="T2770" s="52"/>
      <c r="U2770" s="52"/>
      <c r="V2770" s="52"/>
      <c r="W2770" s="52"/>
    </row>
    <row r="2771" spans="1:23" hidden="1" x14ac:dyDescent="0.35">
      <c r="A2771" s="52" t="s">
        <v>78</v>
      </c>
      <c r="B2771" s="52" t="s">
        <v>79</v>
      </c>
      <c r="C2771" s="3">
        <v>10</v>
      </c>
      <c r="D2771" s="52" t="s">
        <v>84</v>
      </c>
      <c r="E2771" s="52" t="s">
        <v>26</v>
      </c>
      <c r="F2771" s="52" t="s">
        <v>81</v>
      </c>
      <c r="G2771" s="52" t="s">
        <v>82</v>
      </c>
      <c r="H2771" s="4">
        <v>1</v>
      </c>
      <c r="I2771" s="2">
        <v>14.65</v>
      </c>
      <c r="J2771" s="52" t="s">
        <v>7193</v>
      </c>
      <c r="K2771" s="71" t="s">
        <v>7194</v>
      </c>
      <c r="L2771" s="52" t="s">
        <v>2063</v>
      </c>
      <c r="M2771" s="72">
        <v>8681</v>
      </c>
      <c r="N2771" s="52" t="s">
        <v>2066</v>
      </c>
      <c r="O2771" s="52" t="s">
        <v>2067</v>
      </c>
      <c r="P2771" s="52"/>
      <c r="Q2771" s="52"/>
      <c r="R2771" s="52"/>
      <c r="S2771" s="52"/>
      <c r="T2771" s="52"/>
      <c r="U2771" s="52"/>
      <c r="V2771" s="52"/>
      <c r="W2771" s="52"/>
    </row>
    <row r="2772" spans="1:23" hidden="1" x14ac:dyDescent="0.35">
      <c r="A2772" s="52" t="s">
        <v>78</v>
      </c>
      <c r="B2772" s="52" t="s">
        <v>79</v>
      </c>
      <c r="C2772" s="3">
        <v>20</v>
      </c>
      <c r="D2772" s="52" t="s">
        <v>2024</v>
      </c>
      <c r="E2772" s="52" t="s">
        <v>26</v>
      </c>
      <c r="F2772" s="52" t="s">
        <v>81</v>
      </c>
      <c r="G2772" s="52" t="s">
        <v>82</v>
      </c>
      <c r="H2772" s="4">
        <v>1</v>
      </c>
      <c r="I2772" s="2">
        <v>14.65</v>
      </c>
      <c r="J2772" s="52" t="s">
        <v>7195</v>
      </c>
      <c r="K2772" s="71" t="s">
        <v>7196</v>
      </c>
      <c r="L2772" s="52" t="s">
        <v>2063</v>
      </c>
      <c r="M2772" s="72">
        <v>1106</v>
      </c>
      <c r="N2772" s="52"/>
      <c r="O2772" s="52"/>
      <c r="P2772" s="52"/>
      <c r="Q2772" s="52"/>
      <c r="R2772" s="52"/>
      <c r="S2772" s="52"/>
      <c r="T2772" s="52"/>
      <c r="U2772" s="52"/>
      <c r="V2772" s="52"/>
      <c r="W2772" s="52"/>
    </row>
    <row r="2773" spans="1:23" hidden="1" x14ac:dyDescent="0.35">
      <c r="A2773" s="52" t="s">
        <v>78</v>
      </c>
      <c r="B2773" s="52" t="s">
        <v>79</v>
      </c>
      <c r="C2773" s="3">
        <v>20</v>
      </c>
      <c r="D2773" s="52" t="s">
        <v>83</v>
      </c>
      <c r="E2773" s="52" t="s">
        <v>26</v>
      </c>
      <c r="F2773" s="52" t="s">
        <v>81</v>
      </c>
      <c r="G2773" s="52" t="s">
        <v>82</v>
      </c>
      <c r="H2773" s="4">
        <v>1</v>
      </c>
      <c r="I2773" s="2">
        <v>14.65</v>
      </c>
      <c r="J2773" s="52" t="s">
        <v>7197</v>
      </c>
      <c r="K2773" s="71" t="s">
        <v>7198</v>
      </c>
      <c r="L2773" s="52" t="s">
        <v>2063</v>
      </c>
      <c r="M2773" s="72">
        <v>856</v>
      </c>
      <c r="N2773" s="52" t="s">
        <v>2066</v>
      </c>
      <c r="O2773" s="52" t="s">
        <v>2067</v>
      </c>
      <c r="P2773" s="52"/>
      <c r="Q2773" s="52"/>
      <c r="R2773" s="52"/>
      <c r="S2773" s="52"/>
      <c r="T2773" s="52"/>
      <c r="U2773" s="52"/>
      <c r="V2773" s="52"/>
      <c r="W2773" s="52"/>
    </row>
    <row r="2774" spans="1:23" hidden="1" x14ac:dyDescent="0.35">
      <c r="A2774" s="52" t="s">
        <v>78</v>
      </c>
      <c r="B2774" s="52" t="s">
        <v>79</v>
      </c>
      <c r="C2774" s="3">
        <v>20</v>
      </c>
      <c r="D2774" s="52" t="s">
        <v>2021</v>
      </c>
      <c r="E2774" s="52" t="s">
        <v>26</v>
      </c>
      <c r="F2774" s="52" t="s">
        <v>81</v>
      </c>
      <c r="G2774" s="52" t="s">
        <v>82</v>
      </c>
      <c r="H2774" s="4">
        <v>1</v>
      </c>
      <c r="I2774" s="2">
        <v>14.65</v>
      </c>
      <c r="J2774" s="52" t="s">
        <v>7199</v>
      </c>
      <c r="K2774" s="71" t="s">
        <v>7200</v>
      </c>
      <c r="L2774" s="52" t="s">
        <v>2063</v>
      </c>
      <c r="M2774" s="72">
        <v>1667</v>
      </c>
      <c r="N2774" s="52" t="s">
        <v>2072</v>
      </c>
      <c r="O2774" s="52" t="s">
        <v>2073</v>
      </c>
      <c r="P2774" s="52"/>
      <c r="Q2774" s="52"/>
      <c r="R2774" s="52"/>
      <c r="S2774" s="52"/>
      <c r="T2774" s="52"/>
      <c r="U2774" s="52"/>
      <c r="V2774" s="52"/>
      <c r="W2774" s="52"/>
    </row>
    <row r="2775" spans="1:23" hidden="1" x14ac:dyDescent="0.35">
      <c r="A2775" s="52" t="s">
        <v>78</v>
      </c>
      <c r="B2775" s="52" t="s">
        <v>79</v>
      </c>
      <c r="C2775" s="3">
        <v>20</v>
      </c>
      <c r="D2775" s="52" t="s">
        <v>84</v>
      </c>
      <c r="E2775" s="52" t="s">
        <v>26</v>
      </c>
      <c r="F2775" s="52" t="s">
        <v>81</v>
      </c>
      <c r="G2775" s="52" t="s">
        <v>82</v>
      </c>
      <c r="H2775" s="4">
        <v>1</v>
      </c>
      <c r="I2775" s="2">
        <v>14.65</v>
      </c>
      <c r="J2775" s="52" t="s">
        <v>7201</v>
      </c>
      <c r="K2775" s="71" t="s">
        <v>7202</v>
      </c>
      <c r="L2775" s="52" t="s">
        <v>2063</v>
      </c>
      <c r="M2775" s="72">
        <v>3169</v>
      </c>
      <c r="N2775" s="52" t="s">
        <v>2072</v>
      </c>
      <c r="O2775" s="52" t="s">
        <v>2073</v>
      </c>
      <c r="P2775" s="52"/>
      <c r="Q2775" s="52"/>
      <c r="R2775" s="52"/>
      <c r="S2775" s="52"/>
      <c r="T2775" s="52"/>
      <c r="U2775" s="52"/>
      <c r="V2775" s="52"/>
      <c r="W2775" s="52"/>
    </row>
    <row r="2776" spans="1:23" hidden="1" x14ac:dyDescent="0.35">
      <c r="A2776" s="52" t="s">
        <v>78</v>
      </c>
      <c r="B2776" s="52" t="s">
        <v>79</v>
      </c>
      <c r="C2776" s="3">
        <v>20</v>
      </c>
      <c r="D2776" s="52" t="s">
        <v>83</v>
      </c>
      <c r="E2776" s="52" t="s">
        <v>26</v>
      </c>
      <c r="F2776" s="52" t="s">
        <v>81</v>
      </c>
      <c r="G2776" s="52" t="s">
        <v>82</v>
      </c>
      <c r="H2776" s="4">
        <v>1</v>
      </c>
      <c r="I2776" s="2">
        <v>14.65</v>
      </c>
      <c r="J2776" s="52" t="s">
        <v>7203</v>
      </c>
      <c r="K2776" s="71" t="s">
        <v>7204</v>
      </c>
      <c r="L2776" s="52" t="s">
        <v>2063</v>
      </c>
      <c r="M2776" s="72">
        <v>339</v>
      </c>
      <c r="N2776" s="52" t="s">
        <v>2072</v>
      </c>
      <c r="O2776" s="52" t="s">
        <v>2073</v>
      </c>
      <c r="P2776" s="52"/>
      <c r="Q2776" s="52"/>
      <c r="R2776" s="52"/>
      <c r="S2776" s="52"/>
      <c r="T2776" s="52"/>
      <c r="U2776" s="52"/>
      <c r="V2776" s="52"/>
      <c r="W2776" s="52"/>
    </row>
    <row r="2777" spans="1:23" hidden="1" x14ac:dyDescent="0.35">
      <c r="A2777" s="52" t="s">
        <v>78</v>
      </c>
      <c r="B2777" s="52" t="s">
        <v>79</v>
      </c>
      <c r="C2777" s="3">
        <v>10</v>
      </c>
      <c r="D2777" s="52" t="s">
        <v>2022</v>
      </c>
      <c r="E2777" s="52" t="s">
        <v>26</v>
      </c>
      <c r="F2777" s="52" t="s">
        <v>81</v>
      </c>
      <c r="G2777" s="52" t="s">
        <v>82</v>
      </c>
      <c r="H2777" s="4">
        <v>1</v>
      </c>
      <c r="I2777" s="2">
        <v>14.65</v>
      </c>
      <c r="J2777" s="52" t="s">
        <v>7205</v>
      </c>
      <c r="K2777" s="71" t="s">
        <v>7206</v>
      </c>
      <c r="L2777" s="52" t="s">
        <v>2063</v>
      </c>
      <c r="M2777" s="72">
        <v>5465</v>
      </c>
      <c r="N2777" s="52" t="s">
        <v>2072</v>
      </c>
      <c r="O2777" s="52" t="s">
        <v>2073</v>
      </c>
      <c r="P2777" s="52"/>
      <c r="Q2777" s="52"/>
      <c r="R2777" s="52"/>
      <c r="S2777" s="52"/>
      <c r="T2777" s="52"/>
      <c r="U2777" s="52"/>
      <c r="V2777" s="52"/>
      <c r="W2777" s="52"/>
    </row>
    <row r="2778" spans="1:23" hidden="1" x14ac:dyDescent="0.35">
      <c r="A2778" s="52" t="s">
        <v>78</v>
      </c>
      <c r="B2778" s="52" t="s">
        <v>79</v>
      </c>
      <c r="C2778" s="3">
        <v>10</v>
      </c>
      <c r="D2778" s="52" t="s">
        <v>2022</v>
      </c>
      <c r="E2778" s="52" t="s">
        <v>26</v>
      </c>
      <c r="F2778" s="52" t="s">
        <v>81</v>
      </c>
      <c r="G2778" s="52" t="s">
        <v>82</v>
      </c>
      <c r="H2778" s="4">
        <v>1</v>
      </c>
      <c r="I2778" s="2">
        <v>14.65</v>
      </c>
      <c r="J2778" s="52" t="s">
        <v>7207</v>
      </c>
      <c r="K2778" s="71" t="s">
        <v>7208</v>
      </c>
      <c r="L2778" s="52" t="s">
        <v>2063</v>
      </c>
      <c r="M2778" s="72">
        <v>9305</v>
      </c>
      <c r="N2778" s="52" t="s">
        <v>2066</v>
      </c>
      <c r="O2778" s="52" t="s">
        <v>2067</v>
      </c>
      <c r="P2778" s="52"/>
      <c r="Q2778" s="52"/>
      <c r="R2778" s="52"/>
      <c r="S2778" s="52"/>
      <c r="T2778" s="52"/>
      <c r="U2778" s="52"/>
      <c r="V2778" s="52"/>
      <c r="W2778" s="52"/>
    </row>
    <row r="2779" spans="1:23" hidden="1" x14ac:dyDescent="0.35">
      <c r="A2779" s="52" t="s">
        <v>78</v>
      </c>
      <c r="B2779" s="52" t="s">
        <v>79</v>
      </c>
      <c r="C2779" s="3">
        <v>10</v>
      </c>
      <c r="D2779" s="52" t="s">
        <v>2021</v>
      </c>
      <c r="E2779" s="52" t="s">
        <v>26</v>
      </c>
      <c r="F2779" s="52" t="s">
        <v>81</v>
      </c>
      <c r="G2779" s="52" t="s">
        <v>82</v>
      </c>
      <c r="H2779" s="4">
        <v>1</v>
      </c>
      <c r="I2779" s="2">
        <v>14.65</v>
      </c>
      <c r="J2779" s="52" t="s">
        <v>7209</v>
      </c>
      <c r="K2779" s="71" t="s">
        <v>7210</v>
      </c>
      <c r="L2779" s="52" t="s">
        <v>2063</v>
      </c>
      <c r="M2779" s="72">
        <v>6820</v>
      </c>
      <c r="N2779" s="52"/>
      <c r="O2779" s="52"/>
      <c r="P2779" s="52"/>
      <c r="Q2779" s="52"/>
      <c r="R2779" s="52"/>
      <c r="S2779" s="52"/>
      <c r="T2779" s="52"/>
      <c r="U2779" s="52"/>
      <c r="V2779" s="52"/>
      <c r="W2779" s="52"/>
    </row>
    <row r="2780" spans="1:23" hidden="1" x14ac:dyDescent="0.35">
      <c r="A2780" s="52" t="s">
        <v>78</v>
      </c>
      <c r="B2780" s="52" t="s">
        <v>79</v>
      </c>
      <c r="C2780" s="3">
        <v>20</v>
      </c>
      <c r="D2780" s="52" t="s">
        <v>2023</v>
      </c>
      <c r="E2780" s="52" t="s">
        <v>26</v>
      </c>
      <c r="F2780" s="52" t="s">
        <v>81</v>
      </c>
      <c r="G2780" s="52" t="s">
        <v>82</v>
      </c>
      <c r="H2780" s="4">
        <v>1</v>
      </c>
      <c r="I2780" s="2">
        <v>14.65</v>
      </c>
      <c r="J2780" s="52" t="s">
        <v>7036</v>
      </c>
      <c r="K2780" s="71" t="s">
        <v>7211</v>
      </c>
      <c r="L2780" s="52" t="s">
        <v>2063</v>
      </c>
      <c r="M2780" s="72">
        <v>3239</v>
      </c>
      <c r="N2780" s="52"/>
      <c r="O2780" s="52"/>
      <c r="P2780" s="52"/>
      <c r="Q2780" s="52"/>
      <c r="R2780" s="52"/>
      <c r="S2780" s="52"/>
      <c r="T2780" s="52"/>
      <c r="U2780" s="52"/>
      <c r="V2780" s="52"/>
      <c r="W2780" s="52"/>
    </row>
    <row r="2781" spans="1:23" hidden="1" x14ac:dyDescent="0.35">
      <c r="A2781" s="52" t="s">
        <v>78</v>
      </c>
      <c r="B2781" s="52" t="s">
        <v>79</v>
      </c>
      <c r="C2781" s="3">
        <v>10</v>
      </c>
      <c r="D2781" s="52" t="s">
        <v>2021</v>
      </c>
      <c r="E2781" s="52" t="s">
        <v>26</v>
      </c>
      <c r="F2781" s="52" t="s">
        <v>81</v>
      </c>
      <c r="G2781" s="52" t="s">
        <v>82</v>
      </c>
      <c r="H2781" s="4">
        <v>1</v>
      </c>
      <c r="I2781" s="2">
        <v>14.65</v>
      </c>
      <c r="J2781" s="52" t="s">
        <v>7212</v>
      </c>
      <c r="K2781" s="71" t="s">
        <v>7213</v>
      </c>
      <c r="L2781" s="52" t="s">
        <v>2063</v>
      </c>
      <c r="M2781" s="72">
        <v>7536</v>
      </c>
      <c r="N2781" s="52" t="s">
        <v>2072</v>
      </c>
      <c r="O2781" s="52" t="s">
        <v>2073</v>
      </c>
      <c r="P2781" s="52"/>
      <c r="Q2781" s="52"/>
      <c r="R2781" s="52"/>
      <c r="S2781" s="52"/>
      <c r="T2781" s="52"/>
      <c r="U2781" s="52"/>
      <c r="V2781" s="52"/>
      <c r="W2781" s="52"/>
    </row>
    <row r="2782" spans="1:23" hidden="1" x14ac:dyDescent="0.35">
      <c r="A2782" s="52" t="s">
        <v>78</v>
      </c>
      <c r="B2782" s="52" t="s">
        <v>79</v>
      </c>
      <c r="C2782" s="3">
        <v>20</v>
      </c>
      <c r="D2782" s="52" t="s">
        <v>87</v>
      </c>
      <c r="E2782" s="52" t="s">
        <v>26</v>
      </c>
      <c r="F2782" s="52" t="s">
        <v>81</v>
      </c>
      <c r="G2782" s="52" t="s">
        <v>82</v>
      </c>
      <c r="H2782" s="4">
        <v>1</v>
      </c>
      <c r="I2782" s="2">
        <v>14.65</v>
      </c>
      <c r="J2782" s="52" t="s">
        <v>7214</v>
      </c>
      <c r="K2782" s="71" t="s">
        <v>7215</v>
      </c>
      <c r="L2782" s="52" t="s">
        <v>2063</v>
      </c>
      <c r="M2782" s="72">
        <v>3608</v>
      </c>
      <c r="N2782" s="52" t="s">
        <v>2072</v>
      </c>
      <c r="O2782" s="52" t="s">
        <v>2073</v>
      </c>
      <c r="P2782" s="52"/>
      <c r="Q2782" s="52"/>
      <c r="R2782" s="52"/>
      <c r="S2782" s="52"/>
      <c r="T2782" s="52"/>
      <c r="U2782" s="52"/>
      <c r="V2782" s="52"/>
      <c r="W2782" s="52"/>
    </row>
    <row r="2783" spans="1:23" hidden="1" x14ac:dyDescent="0.35">
      <c r="A2783" s="52" t="s">
        <v>78</v>
      </c>
      <c r="B2783" s="52" t="s">
        <v>79</v>
      </c>
      <c r="C2783" s="3">
        <v>20</v>
      </c>
      <c r="D2783" s="52" t="s">
        <v>2023</v>
      </c>
      <c r="E2783" s="52" t="s">
        <v>26</v>
      </c>
      <c r="F2783" s="52" t="s">
        <v>81</v>
      </c>
      <c r="G2783" s="52" t="s">
        <v>82</v>
      </c>
      <c r="H2783" s="4">
        <v>1</v>
      </c>
      <c r="I2783" s="2">
        <v>14.65</v>
      </c>
      <c r="J2783" s="52" t="s">
        <v>7216</v>
      </c>
      <c r="K2783" s="71" t="s">
        <v>7217</v>
      </c>
      <c r="L2783" s="52" t="s">
        <v>2063</v>
      </c>
      <c r="M2783" s="72">
        <v>3247</v>
      </c>
      <c r="N2783" s="52" t="s">
        <v>2072</v>
      </c>
      <c r="O2783" s="52" t="s">
        <v>2073</v>
      </c>
      <c r="P2783" s="52"/>
      <c r="Q2783" s="52"/>
      <c r="R2783" s="52"/>
      <c r="S2783" s="52"/>
      <c r="T2783" s="52"/>
      <c r="U2783" s="52"/>
      <c r="V2783" s="52"/>
      <c r="W2783" s="52"/>
    </row>
    <row r="2784" spans="1:23" hidden="1" x14ac:dyDescent="0.35">
      <c r="A2784" s="52" t="s">
        <v>78</v>
      </c>
      <c r="B2784" s="52" t="s">
        <v>79</v>
      </c>
      <c r="C2784" s="3">
        <v>20</v>
      </c>
      <c r="D2784" s="52" t="s">
        <v>2020</v>
      </c>
      <c r="E2784" s="52" t="s">
        <v>26</v>
      </c>
      <c r="F2784" s="52" t="s">
        <v>81</v>
      </c>
      <c r="G2784" s="52" t="s">
        <v>82</v>
      </c>
      <c r="H2784" s="4">
        <v>1</v>
      </c>
      <c r="I2784" s="2">
        <v>14.65</v>
      </c>
      <c r="J2784" s="52" t="s">
        <v>7020</v>
      </c>
      <c r="K2784" s="71" t="s">
        <v>7218</v>
      </c>
      <c r="L2784" s="52" t="s">
        <v>2063</v>
      </c>
      <c r="M2784" s="72">
        <v>5769</v>
      </c>
      <c r="N2784" s="52"/>
      <c r="O2784" s="52"/>
      <c r="P2784" s="52"/>
      <c r="Q2784" s="52"/>
      <c r="R2784" s="52"/>
      <c r="S2784" s="52"/>
      <c r="T2784" s="52"/>
      <c r="U2784" s="52"/>
      <c r="V2784" s="52"/>
      <c r="W2784" s="52"/>
    </row>
    <row r="2785" spans="1:23" hidden="1" x14ac:dyDescent="0.35">
      <c r="A2785" s="52" t="s">
        <v>78</v>
      </c>
      <c r="B2785" s="52" t="s">
        <v>79</v>
      </c>
      <c r="C2785" s="3">
        <v>20</v>
      </c>
      <c r="D2785" s="52" t="s">
        <v>2023</v>
      </c>
      <c r="E2785" s="52" t="s">
        <v>26</v>
      </c>
      <c r="F2785" s="52" t="s">
        <v>81</v>
      </c>
      <c r="G2785" s="52" t="s">
        <v>82</v>
      </c>
      <c r="H2785" s="4">
        <v>1</v>
      </c>
      <c r="I2785" s="2">
        <v>14.65</v>
      </c>
      <c r="J2785" s="52" t="s">
        <v>7219</v>
      </c>
      <c r="K2785" s="71" t="s">
        <v>7220</v>
      </c>
      <c r="L2785" s="52" t="s">
        <v>2063</v>
      </c>
      <c r="M2785" s="72">
        <v>5194</v>
      </c>
      <c r="N2785" s="52" t="s">
        <v>2304</v>
      </c>
      <c r="O2785" s="52" t="s">
        <v>2305</v>
      </c>
      <c r="P2785" s="52"/>
      <c r="Q2785" s="52"/>
      <c r="R2785" s="52"/>
      <c r="S2785" s="52"/>
      <c r="T2785" s="52"/>
      <c r="U2785" s="52"/>
      <c r="V2785" s="52"/>
      <c r="W2785" s="52"/>
    </row>
    <row r="2786" spans="1:23" hidden="1" x14ac:dyDescent="0.35">
      <c r="A2786" s="52" t="s">
        <v>78</v>
      </c>
      <c r="B2786" s="52" t="s">
        <v>79</v>
      </c>
      <c r="C2786" s="3">
        <v>20</v>
      </c>
      <c r="D2786" s="52" t="s">
        <v>2022</v>
      </c>
      <c r="E2786" s="52" t="s">
        <v>26</v>
      </c>
      <c r="F2786" s="52" t="s">
        <v>81</v>
      </c>
      <c r="G2786" s="52" t="s">
        <v>82</v>
      </c>
      <c r="H2786" s="4">
        <v>1</v>
      </c>
      <c r="I2786" s="2">
        <v>14.65</v>
      </c>
      <c r="J2786" s="52" t="s">
        <v>7221</v>
      </c>
      <c r="K2786" s="71" t="s">
        <v>7222</v>
      </c>
      <c r="L2786" s="52" t="s">
        <v>2063</v>
      </c>
      <c r="M2786" s="72">
        <v>2613</v>
      </c>
      <c r="N2786" s="52" t="s">
        <v>2072</v>
      </c>
      <c r="O2786" s="52" t="s">
        <v>2073</v>
      </c>
      <c r="P2786" s="52"/>
      <c r="Q2786" s="52"/>
      <c r="R2786" s="52"/>
      <c r="S2786" s="52"/>
      <c r="T2786" s="52"/>
      <c r="U2786" s="52"/>
      <c r="V2786" s="52"/>
      <c r="W2786" s="52"/>
    </row>
    <row r="2787" spans="1:23" hidden="1" x14ac:dyDescent="0.35">
      <c r="A2787" s="52" t="s">
        <v>78</v>
      </c>
      <c r="B2787" s="52" t="s">
        <v>79</v>
      </c>
      <c r="C2787" s="3">
        <v>20</v>
      </c>
      <c r="D2787" s="52" t="s">
        <v>2022</v>
      </c>
      <c r="E2787" s="52" t="s">
        <v>26</v>
      </c>
      <c r="F2787" s="52" t="s">
        <v>81</v>
      </c>
      <c r="G2787" s="52" t="s">
        <v>82</v>
      </c>
      <c r="H2787" s="4">
        <v>1</v>
      </c>
      <c r="I2787" s="2">
        <v>14.65</v>
      </c>
      <c r="J2787" s="52" t="s">
        <v>7223</v>
      </c>
      <c r="K2787" s="71" t="s">
        <v>7224</v>
      </c>
      <c r="L2787" s="52" t="s">
        <v>2063</v>
      </c>
      <c r="M2787" s="72">
        <v>2230</v>
      </c>
      <c r="N2787" s="52" t="s">
        <v>2066</v>
      </c>
      <c r="O2787" s="52" t="s">
        <v>2067</v>
      </c>
      <c r="P2787" s="52"/>
      <c r="Q2787" s="52"/>
      <c r="R2787" s="52"/>
      <c r="S2787" s="52"/>
      <c r="T2787" s="52"/>
      <c r="U2787" s="52"/>
      <c r="V2787" s="52"/>
      <c r="W2787" s="52"/>
    </row>
    <row r="2788" spans="1:23" hidden="1" x14ac:dyDescent="0.35">
      <c r="A2788" s="52" t="s">
        <v>78</v>
      </c>
      <c r="B2788" s="52" t="s">
        <v>79</v>
      </c>
      <c r="C2788" s="3">
        <v>10</v>
      </c>
      <c r="D2788" s="52" t="s">
        <v>2022</v>
      </c>
      <c r="E2788" s="52" t="s">
        <v>26</v>
      </c>
      <c r="F2788" s="52" t="s">
        <v>81</v>
      </c>
      <c r="G2788" s="52" t="s">
        <v>82</v>
      </c>
      <c r="H2788" s="4">
        <v>1</v>
      </c>
      <c r="I2788" s="2">
        <v>14.65</v>
      </c>
      <c r="J2788" s="52" t="s">
        <v>7225</v>
      </c>
      <c r="K2788" s="71" t="s">
        <v>7226</v>
      </c>
      <c r="L2788" s="52" t="s">
        <v>2063</v>
      </c>
      <c r="M2788" s="72">
        <v>3821</v>
      </c>
      <c r="N2788" s="52" t="s">
        <v>2072</v>
      </c>
      <c r="O2788" s="52" t="s">
        <v>2073</v>
      </c>
      <c r="P2788" s="52"/>
      <c r="Q2788" s="52"/>
      <c r="R2788" s="52"/>
      <c r="S2788" s="52"/>
      <c r="T2788" s="52"/>
      <c r="U2788" s="52"/>
      <c r="V2788" s="52"/>
      <c r="W2788" s="52"/>
    </row>
    <row r="2789" spans="1:23" hidden="1" x14ac:dyDescent="0.35">
      <c r="A2789" s="52" t="s">
        <v>78</v>
      </c>
      <c r="B2789" s="52" t="s">
        <v>79</v>
      </c>
      <c r="C2789" s="3">
        <v>20</v>
      </c>
      <c r="D2789" s="52" t="s">
        <v>2020</v>
      </c>
      <c r="E2789" s="52" t="s">
        <v>26</v>
      </c>
      <c r="F2789" s="52" t="s">
        <v>81</v>
      </c>
      <c r="G2789" s="52" t="s">
        <v>82</v>
      </c>
      <c r="H2789" s="4">
        <v>1</v>
      </c>
      <c r="I2789" s="2">
        <v>14.65</v>
      </c>
      <c r="J2789" s="52" t="s">
        <v>7227</v>
      </c>
      <c r="K2789" s="71" t="s">
        <v>7228</v>
      </c>
      <c r="L2789" s="52" t="s">
        <v>2063</v>
      </c>
      <c r="M2789" s="72">
        <v>8487</v>
      </c>
      <c r="N2789" s="52" t="s">
        <v>2066</v>
      </c>
      <c r="O2789" s="52" t="s">
        <v>2067</v>
      </c>
      <c r="P2789" s="52"/>
      <c r="Q2789" s="52"/>
      <c r="R2789" s="52"/>
      <c r="S2789" s="52"/>
      <c r="T2789" s="52"/>
      <c r="U2789" s="52"/>
      <c r="V2789" s="52"/>
      <c r="W2789" s="52"/>
    </row>
    <row r="2790" spans="1:23" hidden="1" x14ac:dyDescent="0.35">
      <c r="A2790" s="52" t="s">
        <v>78</v>
      </c>
      <c r="B2790" s="52" t="s">
        <v>79</v>
      </c>
      <c r="C2790" s="3">
        <v>10</v>
      </c>
      <c r="D2790" s="52" t="s">
        <v>84</v>
      </c>
      <c r="E2790" s="52" t="s">
        <v>26</v>
      </c>
      <c r="F2790" s="52" t="s">
        <v>81</v>
      </c>
      <c r="G2790" s="52" t="s">
        <v>82</v>
      </c>
      <c r="H2790" s="4">
        <v>1</v>
      </c>
      <c r="I2790" s="2">
        <v>14.65</v>
      </c>
      <c r="J2790" s="52" t="s">
        <v>7229</v>
      </c>
      <c r="K2790" s="71" t="s">
        <v>7230</v>
      </c>
      <c r="L2790" s="52" t="s">
        <v>2063</v>
      </c>
      <c r="M2790" s="72">
        <v>9635</v>
      </c>
      <c r="N2790" s="52" t="s">
        <v>2066</v>
      </c>
      <c r="O2790" s="52" t="s">
        <v>2067</v>
      </c>
      <c r="P2790" s="52" t="s">
        <v>2076</v>
      </c>
      <c r="Q2790" s="52" t="s">
        <v>2077</v>
      </c>
      <c r="R2790" s="52"/>
      <c r="S2790" s="52"/>
      <c r="T2790" s="52"/>
      <c r="U2790" s="52"/>
      <c r="V2790" s="52"/>
      <c r="W2790" s="52"/>
    </row>
    <row r="2791" spans="1:23" hidden="1" x14ac:dyDescent="0.35">
      <c r="A2791" s="52" t="s">
        <v>78</v>
      </c>
      <c r="B2791" s="52" t="s">
        <v>79</v>
      </c>
      <c r="C2791" s="3">
        <v>211</v>
      </c>
      <c r="D2791" s="52" t="s">
        <v>87</v>
      </c>
      <c r="E2791" s="52" t="s">
        <v>26</v>
      </c>
      <c r="F2791" s="52" t="s">
        <v>81</v>
      </c>
      <c r="G2791" s="52" t="s">
        <v>82</v>
      </c>
      <c r="H2791" s="4">
        <v>1</v>
      </c>
      <c r="I2791" s="2">
        <v>14.65</v>
      </c>
      <c r="J2791" s="52" t="s">
        <v>7231</v>
      </c>
      <c r="K2791" s="71" t="s">
        <v>7232</v>
      </c>
      <c r="L2791" s="52" t="s">
        <v>2063</v>
      </c>
      <c r="M2791" s="72">
        <v>9663</v>
      </c>
      <c r="N2791" s="52"/>
      <c r="O2791" s="52"/>
      <c r="P2791" s="52"/>
      <c r="Q2791" s="52"/>
      <c r="R2791" s="52"/>
      <c r="S2791" s="52"/>
      <c r="T2791" s="52"/>
      <c r="U2791" s="52"/>
      <c r="V2791" s="52"/>
      <c r="W2791" s="52"/>
    </row>
    <row r="2792" spans="1:23" hidden="1" x14ac:dyDescent="0.35">
      <c r="A2792" s="52" t="s">
        <v>78</v>
      </c>
      <c r="B2792" s="52" t="s">
        <v>79</v>
      </c>
      <c r="C2792" s="3">
        <v>10</v>
      </c>
      <c r="D2792" s="52" t="s">
        <v>2021</v>
      </c>
      <c r="E2792" s="52" t="s">
        <v>26</v>
      </c>
      <c r="F2792" s="52" t="s">
        <v>81</v>
      </c>
      <c r="G2792" s="52" t="s">
        <v>82</v>
      </c>
      <c r="H2792" s="4">
        <v>1</v>
      </c>
      <c r="I2792" s="2">
        <v>14.65</v>
      </c>
      <c r="J2792" s="52" t="s">
        <v>7233</v>
      </c>
      <c r="K2792" s="71" t="s">
        <v>7234</v>
      </c>
      <c r="L2792" s="52" t="s">
        <v>2063</v>
      </c>
      <c r="M2792" s="72">
        <v>2178</v>
      </c>
      <c r="N2792" s="52" t="s">
        <v>2158</v>
      </c>
      <c r="O2792" s="52" t="s">
        <v>2159</v>
      </c>
      <c r="P2792" s="52"/>
      <c r="Q2792" s="52"/>
      <c r="R2792" s="52"/>
      <c r="S2792" s="52"/>
      <c r="T2792" s="52"/>
      <c r="U2792" s="52"/>
      <c r="V2792" s="52"/>
      <c r="W2792" s="52"/>
    </row>
    <row r="2793" spans="1:23" hidden="1" x14ac:dyDescent="0.35">
      <c r="A2793" s="52" t="s">
        <v>78</v>
      </c>
      <c r="B2793" s="52" t="s">
        <v>79</v>
      </c>
      <c r="C2793" s="3">
        <v>20</v>
      </c>
      <c r="D2793" s="52" t="s">
        <v>2023</v>
      </c>
      <c r="E2793" s="52" t="s">
        <v>26</v>
      </c>
      <c r="F2793" s="52" t="s">
        <v>81</v>
      </c>
      <c r="G2793" s="52" t="s">
        <v>82</v>
      </c>
      <c r="H2793" s="4">
        <v>1</v>
      </c>
      <c r="I2793" s="2">
        <v>14.65</v>
      </c>
      <c r="J2793" s="52" t="s">
        <v>7235</v>
      </c>
      <c r="K2793" s="71" t="s">
        <v>7236</v>
      </c>
      <c r="L2793" s="52" t="s">
        <v>2063</v>
      </c>
      <c r="M2793" s="72">
        <v>1563</v>
      </c>
      <c r="N2793" s="52" t="s">
        <v>2072</v>
      </c>
      <c r="O2793" s="52" t="s">
        <v>2073</v>
      </c>
      <c r="P2793" s="52"/>
      <c r="Q2793" s="52"/>
      <c r="R2793" s="52"/>
      <c r="S2793" s="52"/>
      <c r="T2793" s="52"/>
      <c r="U2793" s="52"/>
      <c r="V2793" s="52"/>
      <c r="W2793" s="52"/>
    </row>
    <row r="2794" spans="1:23" x14ac:dyDescent="0.35">
      <c r="A2794" s="52" t="s">
        <v>78</v>
      </c>
      <c r="B2794" s="52" t="s">
        <v>79</v>
      </c>
      <c r="C2794" s="3">
        <v>20</v>
      </c>
      <c r="D2794" s="52" t="s">
        <v>2023</v>
      </c>
      <c r="E2794" s="52" t="s">
        <v>26</v>
      </c>
      <c r="F2794" s="52" t="s">
        <v>81</v>
      </c>
      <c r="G2794" s="52" t="s">
        <v>82</v>
      </c>
      <c r="H2794" s="4">
        <v>1</v>
      </c>
      <c r="I2794" s="2">
        <v>14.65</v>
      </c>
      <c r="J2794" s="52" t="s">
        <v>7237</v>
      </c>
      <c r="K2794" s="71" t="s">
        <v>7238</v>
      </c>
      <c r="L2794" s="52" t="s">
        <v>2063</v>
      </c>
      <c r="M2794" s="72">
        <v>1348</v>
      </c>
      <c r="N2794" s="52" t="s">
        <v>2259</v>
      </c>
      <c r="O2794" s="52" t="s">
        <v>2260</v>
      </c>
      <c r="P2794" s="52"/>
      <c r="Q2794" s="52"/>
      <c r="R2794" s="52"/>
      <c r="S2794" s="52"/>
      <c r="T2794" s="52"/>
      <c r="U2794" s="52"/>
      <c r="V2794" s="52"/>
      <c r="W2794" s="52"/>
    </row>
    <row r="2795" spans="1:23" hidden="1" x14ac:dyDescent="0.35">
      <c r="A2795" s="52" t="s">
        <v>78</v>
      </c>
      <c r="B2795" s="52" t="s">
        <v>79</v>
      </c>
      <c r="C2795" s="3">
        <v>20</v>
      </c>
      <c r="D2795" s="52" t="s">
        <v>85</v>
      </c>
      <c r="E2795" s="52" t="s">
        <v>26</v>
      </c>
      <c r="F2795" s="52" t="s">
        <v>81</v>
      </c>
      <c r="G2795" s="52" t="s">
        <v>82</v>
      </c>
      <c r="H2795" s="4">
        <v>1</v>
      </c>
      <c r="I2795" s="2">
        <v>14.65</v>
      </c>
      <c r="J2795" s="52" t="s">
        <v>7239</v>
      </c>
      <c r="K2795" s="71" t="s">
        <v>7240</v>
      </c>
      <c r="L2795" s="52" t="s">
        <v>2063</v>
      </c>
      <c r="M2795" s="72">
        <v>3762</v>
      </c>
      <c r="N2795" s="52"/>
      <c r="O2795" s="52"/>
      <c r="P2795" s="52"/>
      <c r="Q2795" s="52"/>
      <c r="R2795" s="52"/>
      <c r="S2795" s="52"/>
      <c r="T2795" s="52"/>
      <c r="U2795" s="52"/>
      <c r="V2795" s="52"/>
      <c r="W2795" s="52"/>
    </row>
    <row r="2796" spans="1:23" hidden="1" x14ac:dyDescent="0.35">
      <c r="A2796" s="52" t="s">
        <v>78</v>
      </c>
      <c r="B2796" s="52" t="s">
        <v>79</v>
      </c>
      <c r="C2796" s="3">
        <v>20</v>
      </c>
      <c r="D2796" s="52" t="s">
        <v>2020</v>
      </c>
      <c r="E2796" s="52" t="s">
        <v>26</v>
      </c>
      <c r="F2796" s="52" t="s">
        <v>81</v>
      </c>
      <c r="G2796" s="52" t="s">
        <v>82</v>
      </c>
      <c r="H2796" s="4">
        <v>1</v>
      </c>
      <c r="I2796" s="2">
        <v>14.65</v>
      </c>
      <c r="J2796" s="52" t="s">
        <v>7241</v>
      </c>
      <c r="K2796" s="71" t="s">
        <v>7242</v>
      </c>
      <c r="L2796" s="52" t="s">
        <v>2063</v>
      </c>
      <c r="M2796" s="72">
        <v>2516</v>
      </c>
      <c r="N2796" s="52" t="s">
        <v>2072</v>
      </c>
      <c r="O2796" s="52" t="s">
        <v>2073</v>
      </c>
      <c r="P2796" s="52"/>
      <c r="Q2796" s="52"/>
      <c r="R2796" s="52"/>
      <c r="S2796" s="52"/>
      <c r="T2796" s="52"/>
      <c r="U2796" s="52"/>
      <c r="V2796" s="52"/>
      <c r="W2796" s="52"/>
    </row>
    <row r="2797" spans="1:23" hidden="1" x14ac:dyDescent="0.35">
      <c r="A2797" s="52" t="s">
        <v>78</v>
      </c>
      <c r="B2797" s="52" t="s">
        <v>79</v>
      </c>
      <c r="C2797" s="3">
        <v>20</v>
      </c>
      <c r="D2797" s="52" t="s">
        <v>2024</v>
      </c>
      <c r="E2797" s="52" t="s">
        <v>26</v>
      </c>
      <c r="F2797" s="52" t="s">
        <v>81</v>
      </c>
      <c r="G2797" s="52" t="s">
        <v>82</v>
      </c>
      <c r="H2797" s="4">
        <v>1</v>
      </c>
      <c r="I2797" s="2">
        <v>14.65</v>
      </c>
      <c r="J2797" s="52" t="s">
        <v>7243</v>
      </c>
      <c r="K2797" s="71" t="s">
        <v>7244</v>
      </c>
      <c r="L2797" s="52" t="s">
        <v>2063</v>
      </c>
      <c r="M2797" s="72">
        <v>8639</v>
      </c>
      <c r="N2797" s="52"/>
      <c r="O2797" s="52"/>
      <c r="P2797" s="52"/>
      <c r="Q2797" s="52"/>
      <c r="R2797" s="52"/>
      <c r="S2797" s="52"/>
      <c r="T2797" s="52"/>
      <c r="U2797" s="52"/>
      <c r="V2797" s="52"/>
      <c r="W2797" s="52"/>
    </row>
    <row r="2798" spans="1:23" hidden="1" x14ac:dyDescent="0.35">
      <c r="A2798" s="52" t="s">
        <v>78</v>
      </c>
      <c r="B2798" s="52" t="s">
        <v>79</v>
      </c>
      <c r="C2798" s="3">
        <v>20</v>
      </c>
      <c r="D2798" s="52" t="s">
        <v>83</v>
      </c>
      <c r="E2798" s="52" t="s">
        <v>26</v>
      </c>
      <c r="F2798" s="52" t="s">
        <v>81</v>
      </c>
      <c r="G2798" s="52" t="s">
        <v>82</v>
      </c>
      <c r="H2798" s="4">
        <v>1</v>
      </c>
      <c r="I2798" s="2">
        <v>14.65</v>
      </c>
      <c r="J2798" s="52" t="s">
        <v>6871</v>
      </c>
      <c r="K2798" s="71" t="s">
        <v>7245</v>
      </c>
      <c r="L2798" s="52" t="s">
        <v>2063</v>
      </c>
      <c r="M2798" s="72">
        <v>6320</v>
      </c>
      <c r="N2798" s="52"/>
      <c r="O2798" s="52"/>
      <c r="P2798" s="52"/>
      <c r="Q2798" s="52"/>
      <c r="R2798" s="52"/>
      <c r="S2798" s="52"/>
      <c r="T2798" s="52"/>
      <c r="U2798" s="52"/>
      <c r="V2798" s="52"/>
      <c r="W2798" s="52"/>
    </row>
    <row r="2799" spans="1:23" hidden="1" x14ac:dyDescent="0.35">
      <c r="A2799" s="52" t="s">
        <v>78</v>
      </c>
      <c r="B2799" s="52" t="s">
        <v>79</v>
      </c>
      <c r="C2799" s="3">
        <v>20</v>
      </c>
      <c r="D2799" s="52" t="s">
        <v>2023</v>
      </c>
      <c r="E2799" s="52" t="s">
        <v>26</v>
      </c>
      <c r="F2799" s="52" t="s">
        <v>81</v>
      </c>
      <c r="G2799" s="52" t="s">
        <v>82</v>
      </c>
      <c r="H2799" s="4">
        <v>1</v>
      </c>
      <c r="I2799" s="2">
        <v>14.65</v>
      </c>
      <c r="J2799" s="52" t="s">
        <v>7246</v>
      </c>
      <c r="K2799" s="71" t="s">
        <v>7247</v>
      </c>
      <c r="L2799" s="52" t="s">
        <v>2095</v>
      </c>
      <c r="M2799" s="72">
        <v>7047</v>
      </c>
      <c r="N2799" s="52"/>
      <c r="O2799" s="52"/>
      <c r="P2799" s="52"/>
      <c r="Q2799" s="52"/>
      <c r="R2799" s="52"/>
      <c r="S2799" s="52"/>
      <c r="T2799" s="52"/>
      <c r="U2799" s="52"/>
      <c r="V2799" s="52"/>
      <c r="W2799" s="52"/>
    </row>
    <row r="2800" spans="1:23" hidden="1" x14ac:dyDescent="0.35">
      <c r="A2800" s="52" t="s">
        <v>78</v>
      </c>
      <c r="B2800" s="52" t="s">
        <v>79</v>
      </c>
      <c r="C2800" s="3">
        <v>10</v>
      </c>
      <c r="D2800" s="52" t="s">
        <v>86</v>
      </c>
      <c r="E2800" s="52" t="s">
        <v>26</v>
      </c>
      <c r="F2800" s="52" t="s">
        <v>81</v>
      </c>
      <c r="G2800" s="52" t="s">
        <v>82</v>
      </c>
      <c r="H2800" s="4">
        <v>1</v>
      </c>
      <c r="I2800" s="2">
        <v>14.65</v>
      </c>
      <c r="J2800" s="52" t="s">
        <v>7248</v>
      </c>
      <c r="K2800" s="71" t="s">
        <v>7249</v>
      </c>
      <c r="L2800" s="52" t="s">
        <v>2063</v>
      </c>
      <c r="M2800" s="72">
        <v>2525</v>
      </c>
      <c r="N2800" s="52"/>
      <c r="O2800" s="52"/>
      <c r="P2800" s="52"/>
      <c r="Q2800" s="52"/>
      <c r="R2800" s="52"/>
      <c r="S2800" s="52"/>
      <c r="T2800" s="52"/>
      <c r="U2800" s="52"/>
      <c r="V2800" s="52"/>
      <c r="W2800" s="52"/>
    </row>
    <row r="2801" spans="1:23" hidden="1" x14ac:dyDescent="0.35">
      <c r="A2801" s="52" t="s">
        <v>78</v>
      </c>
      <c r="B2801" s="52" t="s">
        <v>79</v>
      </c>
      <c r="C2801" s="3">
        <v>20</v>
      </c>
      <c r="D2801" s="52" t="s">
        <v>2019</v>
      </c>
      <c r="E2801" s="52" t="s">
        <v>26</v>
      </c>
      <c r="F2801" s="52" t="s">
        <v>81</v>
      </c>
      <c r="G2801" s="52" t="s">
        <v>82</v>
      </c>
      <c r="H2801" s="4">
        <v>1</v>
      </c>
      <c r="I2801" s="2">
        <v>14.65</v>
      </c>
      <c r="J2801" s="52" t="s">
        <v>7250</v>
      </c>
      <c r="K2801" s="71" t="s">
        <v>7251</v>
      </c>
      <c r="L2801" s="52" t="s">
        <v>2063</v>
      </c>
      <c r="M2801" s="72">
        <v>7876</v>
      </c>
      <c r="N2801" s="52" t="s">
        <v>2072</v>
      </c>
      <c r="O2801" s="52" t="s">
        <v>2073</v>
      </c>
      <c r="P2801" s="52"/>
      <c r="Q2801" s="52"/>
      <c r="R2801" s="52"/>
      <c r="S2801" s="52"/>
      <c r="T2801" s="52"/>
      <c r="U2801" s="52"/>
      <c r="V2801" s="52"/>
      <c r="W2801" s="52"/>
    </row>
    <row r="2802" spans="1:23" hidden="1" x14ac:dyDescent="0.35">
      <c r="A2802" s="52" t="s">
        <v>78</v>
      </c>
      <c r="B2802" s="52" t="s">
        <v>79</v>
      </c>
      <c r="C2802" s="3">
        <v>20</v>
      </c>
      <c r="D2802" s="52" t="s">
        <v>2024</v>
      </c>
      <c r="E2802" s="52" t="s">
        <v>26</v>
      </c>
      <c r="F2802" s="52" t="s">
        <v>81</v>
      </c>
      <c r="G2802" s="52" t="s">
        <v>82</v>
      </c>
      <c r="H2802" s="4">
        <v>1</v>
      </c>
      <c r="I2802" s="2">
        <v>14.65</v>
      </c>
      <c r="J2802" s="52" t="s">
        <v>7252</v>
      </c>
      <c r="K2802" s="71" t="s">
        <v>7253</v>
      </c>
      <c r="L2802" s="52" t="s">
        <v>2063</v>
      </c>
      <c r="M2802" s="72">
        <v>868</v>
      </c>
      <c r="N2802" s="52"/>
      <c r="O2802" s="52"/>
      <c r="P2802" s="52"/>
      <c r="Q2802" s="52"/>
      <c r="R2802" s="52"/>
      <c r="S2802" s="52"/>
      <c r="T2802" s="52"/>
      <c r="U2802" s="52"/>
      <c r="V2802" s="52"/>
      <c r="W2802" s="52"/>
    </row>
    <row r="2803" spans="1:23" hidden="1" x14ac:dyDescent="0.35">
      <c r="A2803" s="52" t="s">
        <v>78</v>
      </c>
      <c r="B2803" s="52" t="s">
        <v>79</v>
      </c>
      <c r="C2803" s="3">
        <v>230</v>
      </c>
      <c r="D2803" s="52" t="s">
        <v>2023</v>
      </c>
      <c r="E2803" s="52" t="s">
        <v>26</v>
      </c>
      <c r="F2803" s="52" t="s">
        <v>81</v>
      </c>
      <c r="G2803" s="52" t="s">
        <v>82</v>
      </c>
      <c r="H2803" s="4">
        <v>1</v>
      </c>
      <c r="I2803" s="2">
        <v>14.65</v>
      </c>
      <c r="J2803" s="52" t="s">
        <v>7254</v>
      </c>
      <c r="K2803" s="71" t="s">
        <v>7255</v>
      </c>
      <c r="L2803" s="52" t="s">
        <v>2063</v>
      </c>
      <c r="M2803" s="72">
        <v>2023</v>
      </c>
      <c r="N2803" s="52" t="s">
        <v>3580</v>
      </c>
      <c r="O2803" s="52" t="s">
        <v>3581</v>
      </c>
      <c r="P2803" s="52"/>
      <c r="Q2803" s="52"/>
      <c r="R2803" s="52"/>
      <c r="S2803" s="52"/>
      <c r="T2803" s="52"/>
      <c r="U2803" s="52"/>
      <c r="V2803" s="52"/>
      <c r="W2803" s="52"/>
    </row>
    <row r="2804" spans="1:23" x14ac:dyDescent="0.35">
      <c r="A2804" s="52" t="s">
        <v>78</v>
      </c>
      <c r="B2804" s="52" t="s">
        <v>79</v>
      </c>
      <c r="C2804" s="3">
        <v>10</v>
      </c>
      <c r="D2804" s="52" t="s">
        <v>2020</v>
      </c>
      <c r="E2804" s="52" t="s">
        <v>26</v>
      </c>
      <c r="F2804" s="52" t="s">
        <v>81</v>
      </c>
      <c r="G2804" s="52" t="s">
        <v>82</v>
      </c>
      <c r="H2804" s="4">
        <v>1</v>
      </c>
      <c r="I2804" s="2">
        <v>14.65</v>
      </c>
      <c r="J2804" s="52" t="s">
        <v>7256</v>
      </c>
      <c r="K2804" s="71" t="s">
        <v>7257</v>
      </c>
      <c r="L2804" s="52" t="s">
        <v>2063</v>
      </c>
      <c r="M2804" s="72">
        <v>90</v>
      </c>
      <c r="N2804" s="52" t="s">
        <v>2259</v>
      </c>
      <c r="O2804" s="52" t="s">
        <v>2260</v>
      </c>
      <c r="P2804" s="52" t="s">
        <v>2259</v>
      </c>
      <c r="Q2804" s="52" t="s">
        <v>2260</v>
      </c>
      <c r="R2804" s="52"/>
      <c r="S2804" s="52"/>
      <c r="T2804" s="52"/>
      <c r="U2804" s="52"/>
      <c r="V2804" s="52"/>
      <c r="W2804" s="52"/>
    </row>
    <row r="2805" spans="1:23" hidden="1" x14ac:dyDescent="0.35">
      <c r="A2805" s="52" t="s">
        <v>78</v>
      </c>
      <c r="B2805" s="52" t="s">
        <v>79</v>
      </c>
      <c r="C2805" s="3">
        <v>20</v>
      </c>
      <c r="D2805" s="52" t="s">
        <v>86</v>
      </c>
      <c r="E2805" s="52" t="s">
        <v>26</v>
      </c>
      <c r="F2805" s="52" t="s">
        <v>81</v>
      </c>
      <c r="G2805" s="52" t="s">
        <v>82</v>
      </c>
      <c r="H2805" s="4">
        <v>1</v>
      </c>
      <c r="I2805" s="2">
        <v>14.65</v>
      </c>
      <c r="J2805" s="52" t="s">
        <v>7258</v>
      </c>
      <c r="K2805" s="71" t="s">
        <v>7259</v>
      </c>
      <c r="L2805" s="52" t="s">
        <v>2063</v>
      </c>
      <c r="M2805" s="72">
        <v>4678</v>
      </c>
      <c r="N2805" s="52" t="s">
        <v>2072</v>
      </c>
      <c r="O2805" s="52" t="s">
        <v>2073</v>
      </c>
      <c r="P2805" s="52"/>
      <c r="Q2805" s="52"/>
      <c r="R2805" s="52"/>
      <c r="S2805" s="52"/>
      <c r="T2805" s="52"/>
      <c r="U2805" s="52"/>
      <c r="V2805" s="52"/>
      <c r="W2805" s="52"/>
    </row>
    <row r="2806" spans="1:23" hidden="1" x14ac:dyDescent="0.35">
      <c r="A2806" s="52" t="s">
        <v>78</v>
      </c>
      <c r="B2806" s="52" t="s">
        <v>79</v>
      </c>
      <c r="C2806" s="3">
        <v>20</v>
      </c>
      <c r="D2806" s="52" t="s">
        <v>87</v>
      </c>
      <c r="E2806" s="52" t="s">
        <v>26</v>
      </c>
      <c r="F2806" s="52" t="s">
        <v>81</v>
      </c>
      <c r="G2806" s="52" t="s">
        <v>82</v>
      </c>
      <c r="H2806" s="4">
        <v>1</v>
      </c>
      <c r="I2806" s="2">
        <v>14.65</v>
      </c>
      <c r="J2806" s="52" t="s">
        <v>7260</v>
      </c>
      <c r="K2806" s="71" t="s">
        <v>7261</v>
      </c>
      <c r="L2806" s="52" t="s">
        <v>2063</v>
      </c>
      <c r="M2806" s="72">
        <v>7076</v>
      </c>
      <c r="N2806" s="52" t="s">
        <v>2154</v>
      </c>
      <c r="O2806" s="52" t="s">
        <v>2155</v>
      </c>
      <c r="P2806" s="52"/>
      <c r="Q2806" s="52"/>
      <c r="R2806" s="52"/>
      <c r="S2806" s="52"/>
      <c r="T2806" s="52"/>
      <c r="U2806" s="52"/>
      <c r="V2806" s="52"/>
      <c r="W2806" s="52"/>
    </row>
    <row r="2807" spans="1:23" hidden="1" x14ac:dyDescent="0.35">
      <c r="A2807" s="52" t="s">
        <v>78</v>
      </c>
      <c r="B2807" s="52" t="s">
        <v>79</v>
      </c>
      <c r="C2807" s="3">
        <v>10</v>
      </c>
      <c r="D2807" s="52" t="s">
        <v>80</v>
      </c>
      <c r="E2807" s="52" t="s">
        <v>26</v>
      </c>
      <c r="F2807" s="52" t="s">
        <v>81</v>
      </c>
      <c r="G2807" s="52" t="s">
        <v>82</v>
      </c>
      <c r="H2807" s="4">
        <v>1</v>
      </c>
      <c r="I2807" s="2">
        <v>14.65</v>
      </c>
      <c r="J2807" s="52" t="s">
        <v>7262</v>
      </c>
      <c r="K2807" s="71" t="s">
        <v>7263</v>
      </c>
      <c r="L2807" s="52" t="s">
        <v>2063</v>
      </c>
      <c r="M2807" s="72">
        <v>3221</v>
      </c>
      <c r="N2807" s="52" t="s">
        <v>2072</v>
      </c>
      <c r="O2807" s="52" t="s">
        <v>2073</v>
      </c>
      <c r="P2807" s="52"/>
      <c r="Q2807" s="52"/>
      <c r="R2807" s="52"/>
      <c r="S2807" s="52"/>
      <c r="T2807" s="52"/>
      <c r="U2807" s="52"/>
      <c r="V2807" s="52"/>
      <c r="W2807" s="52"/>
    </row>
    <row r="2808" spans="1:23" hidden="1" x14ac:dyDescent="0.35">
      <c r="A2808" s="52" t="s">
        <v>78</v>
      </c>
      <c r="B2808" s="52" t="s">
        <v>79</v>
      </c>
      <c r="C2808" s="3">
        <v>20</v>
      </c>
      <c r="D2808" s="52" t="s">
        <v>85</v>
      </c>
      <c r="E2808" s="52" t="s">
        <v>26</v>
      </c>
      <c r="F2808" s="52" t="s">
        <v>81</v>
      </c>
      <c r="G2808" s="52" t="s">
        <v>82</v>
      </c>
      <c r="H2808" s="4">
        <v>1</v>
      </c>
      <c r="I2808" s="2">
        <v>14.65</v>
      </c>
      <c r="J2808" s="52" t="s">
        <v>7264</v>
      </c>
      <c r="K2808" s="71" t="s">
        <v>7265</v>
      </c>
      <c r="L2808" s="52" t="s">
        <v>2063</v>
      </c>
      <c r="M2808" s="72">
        <v>5214</v>
      </c>
      <c r="N2808" s="52" t="s">
        <v>2304</v>
      </c>
      <c r="O2808" s="52" t="s">
        <v>2305</v>
      </c>
      <c r="P2808" s="52"/>
      <c r="Q2808" s="52"/>
      <c r="R2808" s="52"/>
      <c r="S2808" s="52"/>
      <c r="T2808" s="52"/>
      <c r="U2808" s="52"/>
      <c r="V2808" s="52"/>
      <c r="W2808" s="52"/>
    </row>
    <row r="2809" spans="1:23" hidden="1" x14ac:dyDescent="0.35">
      <c r="A2809" s="52" t="s">
        <v>78</v>
      </c>
      <c r="B2809" s="52" t="s">
        <v>79</v>
      </c>
      <c r="C2809" s="3">
        <v>211</v>
      </c>
      <c r="D2809" s="52" t="s">
        <v>84</v>
      </c>
      <c r="E2809" s="52" t="s">
        <v>26</v>
      </c>
      <c r="F2809" s="52" t="s">
        <v>81</v>
      </c>
      <c r="G2809" s="52" t="s">
        <v>82</v>
      </c>
      <c r="H2809" s="4">
        <v>1</v>
      </c>
      <c r="I2809" s="2">
        <v>14.65</v>
      </c>
      <c r="J2809" s="52" t="s">
        <v>7266</v>
      </c>
      <c r="K2809" s="71" t="s">
        <v>7267</v>
      </c>
      <c r="L2809" s="52" t="s">
        <v>2063</v>
      </c>
      <c r="M2809" s="72">
        <v>2960</v>
      </c>
      <c r="N2809" s="52" t="s">
        <v>2066</v>
      </c>
      <c r="O2809" s="52" t="s">
        <v>2067</v>
      </c>
      <c r="P2809" s="52"/>
      <c r="Q2809" s="52"/>
      <c r="R2809" s="52"/>
      <c r="S2809" s="52"/>
      <c r="T2809" s="52"/>
      <c r="U2809" s="52"/>
      <c r="V2809" s="52"/>
      <c r="W2809" s="52"/>
    </row>
    <row r="2810" spans="1:23" hidden="1" x14ac:dyDescent="0.35">
      <c r="A2810" s="52" t="s">
        <v>78</v>
      </c>
      <c r="B2810" s="52" t="s">
        <v>79</v>
      </c>
      <c r="C2810" s="3">
        <v>20</v>
      </c>
      <c r="D2810" s="52" t="s">
        <v>86</v>
      </c>
      <c r="E2810" s="52" t="s">
        <v>26</v>
      </c>
      <c r="F2810" s="52" t="s">
        <v>81</v>
      </c>
      <c r="G2810" s="52" t="s">
        <v>82</v>
      </c>
      <c r="H2810" s="4">
        <v>1</v>
      </c>
      <c r="I2810" s="2">
        <v>14.65</v>
      </c>
      <c r="J2810" s="52" t="s">
        <v>7268</v>
      </c>
      <c r="K2810" s="71" t="s">
        <v>7269</v>
      </c>
      <c r="L2810" s="52" t="s">
        <v>2063</v>
      </c>
      <c r="M2810" s="72">
        <v>7050</v>
      </c>
      <c r="N2810" s="52" t="s">
        <v>2072</v>
      </c>
      <c r="O2810" s="52" t="s">
        <v>2073</v>
      </c>
      <c r="P2810" s="52"/>
      <c r="Q2810" s="52"/>
      <c r="R2810" s="52"/>
      <c r="S2810" s="52"/>
      <c r="T2810" s="52"/>
      <c r="U2810" s="52"/>
      <c r="V2810" s="52"/>
      <c r="W2810" s="52"/>
    </row>
    <row r="2811" spans="1:23" hidden="1" x14ac:dyDescent="0.35">
      <c r="A2811" s="52" t="s">
        <v>78</v>
      </c>
      <c r="B2811" s="52" t="s">
        <v>79</v>
      </c>
      <c r="C2811" s="3">
        <v>10</v>
      </c>
      <c r="D2811" s="52" t="s">
        <v>2019</v>
      </c>
      <c r="E2811" s="52" t="s">
        <v>26</v>
      </c>
      <c r="F2811" s="52" t="s">
        <v>81</v>
      </c>
      <c r="G2811" s="52" t="s">
        <v>82</v>
      </c>
      <c r="H2811" s="4">
        <v>1</v>
      </c>
      <c r="I2811" s="2">
        <v>14.65</v>
      </c>
      <c r="J2811" s="52" t="s">
        <v>7270</v>
      </c>
      <c r="K2811" s="71" t="s">
        <v>7271</v>
      </c>
      <c r="L2811" s="52" t="s">
        <v>2063</v>
      </c>
      <c r="M2811" s="72">
        <v>2167</v>
      </c>
      <c r="N2811" s="52"/>
      <c r="O2811" s="52"/>
      <c r="P2811" s="52"/>
      <c r="Q2811" s="52"/>
      <c r="R2811" s="52"/>
      <c r="S2811" s="52"/>
      <c r="T2811" s="52"/>
      <c r="U2811" s="52"/>
      <c r="V2811" s="52"/>
      <c r="W2811" s="52"/>
    </row>
    <row r="2812" spans="1:23" hidden="1" x14ac:dyDescent="0.35">
      <c r="A2812" s="52" t="s">
        <v>78</v>
      </c>
      <c r="B2812" s="52" t="s">
        <v>79</v>
      </c>
      <c r="C2812" s="3">
        <v>20</v>
      </c>
      <c r="D2812" s="52" t="s">
        <v>2020</v>
      </c>
      <c r="E2812" s="52" t="s">
        <v>26</v>
      </c>
      <c r="F2812" s="52" t="s">
        <v>81</v>
      </c>
      <c r="G2812" s="52" t="s">
        <v>82</v>
      </c>
      <c r="H2812" s="4">
        <v>1</v>
      </c>
      <c r="I2812" s="2">
        <v>14.65</v>
      </c>
      <c r="J2812" s="52" t="s">
        <v>7272</v>
      </c>
      <c r="K2812" s="71" t="s">
        <v>7273</v>
      </c>
      <c r="L2812" s="52" t="s">
        <v>2063</v>
      </c>
      <c r="M2812" s="72">
        <v>4754</v>
      </c>
      <c r="N2812" s="52"/>
      <c r="O2812" s="52"/>
      <c r="P2812" s="52"/>
      <c r="Q2812" s="52"/>
      <c r="R2812" s="52"/>
      <c r="S2812" s="52"/>
      <c r="T2812" s="52"/>
      <c r="U2812" s="52"/>
      <c r="V2812" s="52"/>
      <c r="W2812" s="52"/>
    </row>
    <row r="2813" spans="1:23" hidden="1" x14ac:dyDescent="0.35">
      <c r="A2813" s="52" t="s">
        <v>78</v>
      </c>
      <c r="B2813" s="52" t="s">
        <v>79</v>
      </c>
      <c r="C2813" s="3">
        <v>10</v>
      </c>
      <c r="D2813" s="52" t="s">
        <v>2022</v>
      </c>
      <c r="E2813" s="52" t="s">
        <v>26</v>
      </c>
      <c r="F2813" s="52" t="s">
        <v>81</v>
      </c>
      <c r="G2813" s="52" t="s">
        <v>82</v>
      </c>
      <c r="H2813" s="4">
        <v>1</v>
      </c>
      <c r="I2813" s="2">
        <v>14.65</v>
      </c>
      <c r="J2813" s="52" t="s">
        <v>7274</v>
      </c>
      <c r="K2813" s="71" t="s">
        <v>7275</v>
      </c>
      <c r="L2813" s="52" t="s">
        <v>2063</v>
      </c>
      <c r="M2813" s="72">
        <v>4943</v>
      </c>
      <c r="N2813" s="52" t="s">
        <v>2072</v>
      </c>
      <c r="O2813" s="52" t="s">
        <v>2073</v>
      </c>
      <c r="P2813" s="52"/>
      <c r="Q2813" s="52"/>
      <c r="R2813" s="52"/>
      <c r="S2813" s="52"/>
      <c r="T2813" s="52"/>
      <c r="U2813" s="52"/>
      <c r="V2813" s="52"/>
      <c r="W2813" s="52"/>
    </row>
    <row r="2814" spans="1:23" hidden="1" x14ac:dyDescent="0.35">
      <c r="A2814" s="52" t="s">
        <v>78</v>
      </c>
      <c r="B2814" s="52" t="s">
        <v>79</v>
      </c>
      <c r="C2814" s="3">
        <v>10</v>
      </c>
      <c r="D2814" s="52" t="s">
        <v>2021</v>
      </c>
      <c r="E2814" s="52" t="s">
        <v>26</v>
      </c>
      <c r="F2814" s="52" t="s">
        <v>81</v>
      </c>
      <c r="G2814" s="52" t="s">
        <v>82</v>
      </c>
      <c r="H2814" s="4">
        <v>1</v>
      </c>
      <c r="I2814" s="2">
        <v>14.65</v>
      </c>
      <c r="J2814" s="52" t="s">
        <v>7276</v>
      </c>
      <c r="K2814" s="71" t="s">
        <v>7277</v>
      </c>
      <c r="L2814" s="52" t="s">
        <v>2063</v>
      </c>
      <c r="M2814" s="72">
        <v>3665</v>
      </c>
      <c r="N2814" s="52" t="s">
        <v>2066</v>
      </c>
      <c r="O2814" s="52" t="s">
        <v>2067</v>
      </c>
      <c r="P2814" s="52"/>
      <c r="Q2814" s="52"/>
      <c r="R2814" s="52"/>
      <c r="S2814" s="52"/>
      <c r="T2814" s="52"/>
      <c r="U2814" s="52"/>
      <c r="V2814" s="52"/>
      <c r="W2814" s="52"/>
    </row>
    <row r="2815" spans="1:23" hidden="1" x14ac:dyDescent="0.35">
      <c r="A2815" s="52" t="s">
        <v>78</v>
      </c>
      <c r="B2815" s="52" t="s">
        <v>79</v>
      </c>
      <c r="C2815" s="3">
        <v>20</v>
      </c>
      <c r="D2815" s="52" t="s">
        <v>87</v>
      </c>
      <c r="E2815" s="52" t="s">
        <v>26</v>
      </c>
      <c r="F2815" s="52" t="s">
        <v>81</v>
      </c>
      <c r="G2815" s="52" t="s">
        <v>82</v>
      </c>
      <c r="H2815" s="4">
        <v>1</v>
      </c>
      <c r="I2815" s="2">
        <v>14.65</v>
      </c>
      <c r="J2815" s="52" t="s">
        <v>7278</v>
      </c>
      <c r="K2815" s="71" t="s">
        <v>7279</v>
      </c>
      <c r="L2815" s="52" t="s">
        <v>2063</v>
      </c>
      <c r="M2815" s="72">
        <v>4502</v>
      </c>
      <c r="N2815" s="52" t="s">
        <v>2066</v>
      </c>
      <c r="O2815" s="52" t="s">
        <v>2067</v>
      </c>
      <c r="P2815" s="52"/>
      <c r="Q2815" s="52"/>
      <c r="R2815" s="52"/>
      <c r="S2815" s="52"/>
      <c r="T2815" s="52"/>
      <c r="U2815" s="52"/>
      <c r="V2815" s="52"/>
      <c r="W2815" s="52"/>
    </row>
    <row r="2816" spans="1:23" hidden="1" x14ac:dyDescent="0.35">
      <c r="A2816" s="52" t="s">
        <v>78</v>
      </c>
      <c r="B2816" s="52" t="s">
        <v>79</v>
      </c>
      <c r="C2816" s="3">
        <v>20</v>
      </c>
      <c r="D2816" s="52" t="s">
        <v>83</v>
      </c>
      <c r="E2816" s="52" t="s">
        <v>26</v>
      </c>
      <c r="F2816" s="52" t="s">
        <v>81</v>
      </c>
      <c r="G2816" s="52" t="s">
        <v>82</v>
      </c>
      <c r="H2816" s="4">
        <v>1</v>
      </c>
      <c r="I2816" s="2">
        <v>14.65</v>
      </c>
      <c r="J2816" s="52" t="s">
        <v>7280</v>
      </c>
      <c r="K2816" s="71" t="s">
        <v>7281</v>
      </c>
      <c r="L2816" s="52" t="s">
        <v>2063</v>
      </c>
      <c r="M2816" s="72">
        <v>6284</v>
      </c>
      <c r="N2816" s="52" t="s">
        <v>2158</v>
      </c>
      <c r="O2816" s="52" t="s">
        <v>2159</v>
      </c>
      <c r="P2816" s="52"/>
      <c r="Q2816" s="52"/>
      <c r="R2816" s="52"/>
      <c r="S2816" s="52"/>
      <c r="T2816" s="52"/>
      <c r="U2816" s="52"/>
      <c r="V2816" s="52"/>
      <c r="W2816" s="52"/>
    </row>
    <row r="2817" spans="1:23" hidden="1" x14ac:dyDescent="0.35">
      <c r="A2817" s="52" t="s">
        <v>78</v>
      </c>
      <c r="B2817" s="52" t="s">
        <v>79</v>
      </c>
      <c r="C2817" s="3">
        <v>20</v>
      </c>
      <c r="D2817" s="52" t="s">
        <v>80</v>
      </c>
      <c r="E2817" s="52" t="s">
        <v>26</v>
      </c>
      <c r="F2817" s="52" t="s">
        <v>81</v>
      </c>
      <c r="G2817" s="52" t="s">
        <v>82</v>
      </c>
      <c r="H2817" s="4">
        <v>1</v>
      </c>
      <c r="I2817" s="2">
        <v>14.65</v>
      </c>
      <c r="J2817" s="52" t="s">
        <v>7282</v>
      </c>
      <c r="K2817" s="71" t="s">
        <v>7283</v>
      </c>
      <c r="L2817" s="52" t="s">
        <v>2063</v>
      </c>
      <c r="M2817" s="72">
        <v>6253</v>
      </c>
      <c r="N2817" s="52" t="s">
        <v>2072</v>
      </c>
      <c r="O2817" s="52" t="s">
        <v>2073</v>
      </c>
      <c r="P2817" s="52"/>
      <c r="Q2817" s="52"/>
      <c r="R2817" s="52"/>
      <c r="S2817" s="52"/>
      <c r="T2817" s="52"/>
      <c r="U2817" s="52"/>
      <c r="V2817" s="52"/>
      <c r="W2817" s="52"/>
    </row>
    <row r="2818" spans="1:23" hidden="1" x14ac:dyDescent="0.35">
      <c r="A2818" s="52" t="s">
        <v>78</v>
      </c>
      <c r="B2818" s="52" t="s">
        <v>79</v>
      </c>
      <c r="C2818" s="3">
        <v>20</v>
      </c>
      <c r="D2818" s="52" t="s">
        <v>84</v>
      </c>
      <c r="E2818" s="52" t="s">
        <v>26</v>
      </c>
      <c r="F2818" s="52" t="s">
        <v>81</v>
      </c>
      <c r="G2818" s="52" t="s">
        <v>82</v>
      </c>
      <c r="H2818" s="4">
        <v>1</v>
      </c>
      <c r="I2818" s="2">
        <v>14.65</v>
      </c>
      <c r="J2818" s="52" t="s">
        <v>7284</v>
      </c>
      <c r="K2818" s="71" t="s">
        <v>7285</v>
      </c>
      <c r="L2818" s="52" t="s">
        <v>2063</v>
      </c>
      <c r="M2818" s="72">
        <v>203</v>
      </c>
      <c r="N2818" s="52" t="s">
        <v>2072</v>
      </c>
      <c r="O2818" s="52" t="s">
        <v>2073</v>
      </c>
      <c r="P2818" s="52"/>
      <c r="Q2818" s="52"/>
      <c r="R2818" s="52"/>
      <c r="S2818" s="52"/>
      <c r="T2818" s="52"/>
      <c r="U2818" s="52"/>
      <c r="V2818" s="52"/>
      <c r="W2818" s="52"/>
    </row>
    <row r="2819" spans="1:23" hidden="1" x14ac:dyDescent="0.35">
      <c r="A2819" s="52" t="s">
        <v>78</v>
      </c>
      <c r="B2819" s="52" t="s">
        <v>79</v>
      </c>
      <c r="C2819" s="3">
        <v>10</v>
      </c>
      <c r="D2819" s="52" t="s">
        <v>80</v>
      </c>
      <c r="E2819" s="52" t="s">
        <v>26</v>
      </c>
      <c r="F2819" s="52" t="s">
        <v>81</v>
      </c>
      <c r="G2819" s="52" t="s">
        <v>82</v>
      </c>
      <c r="H2819" s="4">
        <v>1</v>
      </c>
      <c r="I2819" s="2">
        <v>14.65</v>
      </c>
      <c r="J2819" s="52" t="s">
        <v>7286</v>
      </c>
      <c r="K2819" s="71" t="s">
        <v>7287</v>
      </c>
      <c r="L2819" s="52" t="s">
        <v>2063</v>
      </c>
      <c r="M2819" s="72">
        <v>7754</v>
      </c>
      <c r="N2819" s="52" t="s">
        <v>2072</v>
      </c>
      <c r="O2819" s="52" t="s">
        <v>2073</v>
      </c>
      <c r="P2819" s="52"/>
      <c r="Q2819" s="52"/>
      <c r="R2819" s="52"/>
      <c r="S2819" s="52"/>
      <c r="T2819" s="52"/>
      <c r="U2819" s="52"/>
      <c r="V2819" s="52"/>
      <c r="W2819" s="52"/>
    </row>
    <row r="2820" spans="1:23" hidden="1" x14ac:dyDescent="0.35">
      <c r="A2820" s="52" t="s">
        <v>78</v>
      </c>
      <c r="B2820" s="52" t="s">
        <v>79</v>
      </c>
      <c r="C2820" s="3">
        <v>20</v>
      </c>
      <c r="D2820" s="52" t="s">
        <v>2022</v>
      </c>
      <c r="E2820" s="52" t="s">
        <v>26</v>
      </c>
      <c r="F2820" s="52" t="s">
        <v>81</v>
      </c>
      <c r="G2820" s="52" t="s">
        <v>82</v>
      </c>
      <c r="H2820" s="4">
        <v>1</v>
      </c>
      <c r="I2820" s="2">
        <v>14.65</v>
      </c>
      <c r="J2820" s="52" t="s">
        <v>7288</v>
      </c>
      <c r="K2820" s="71" t="s">
        <v>7289</v>
      </c>
      <c r="L2820" s="52" t="s">
        <v>2063</v>
      </c>
      <c r="M2820" s="72">
        <v>8990</v>
      </c>
      <c r="N2820" s="52" t="s">
        <v>2072</v>
      </c>
      <c r="O2820" s="52" t="s">
        <v>2073</v>
      </c>
      <c r="P2820" s="52"/>
      <c r="Q2820" s="52"/>
      <c r="R2820" s="52"/>
      <c r="S2820" s="52"/>
      <c r="T2820" s="52"/>
      <c r="U2820" s="52"/>
      <c r="V2820" s="52"/>
      <c r="W2820" s="52"/>
    </row>
    <row r="2821" spans="1:23" x14ac:dyDescent="0.35">
      <c r="A2821" s="52" t="s">
        <v>78</v>
      </c>
      <c r="B2821" s="52" t="s">
        <v>79</v>
      </c>
      <c r="C2821" s="3">
        <v>20</v>
      </c>
      <c r="D2821" s="52" t="s">
        <v>83</v>
      </c>
      <c r="E2821" s="52" t="s">
        <v>26</v>
      </c>
      <c r="F2821" s="52" t="s">
        <v>81</v>
      </c>
      <c r="G2821" s="52" t="s">
        <v>82</v>
      </c>
      <c r="H2821" s="4">
        <v>1</v>
      </c>
      <c r="I2821" s="2">
        <v>14.65</v>
      </c>
      <c r="J2821" s="52" t="s">
        <v>7290</v>
      </c>
      <c r="K2821" s="71" t="s">
        <v>7291</v>
      </c>
      <c r="L2821" s="52" t="s">
        <v>2095</v>
      </c>
      <c r="M2821" s="72">
        <v>7909</v>
      </c>
      <c r="N2821" s="52" t="s">
        <v>2076</v>
      </c>
      <c r="O2821" s="52" t="s">
        <v>2077</v>
      </c>
      <c r="P2821" s="52"/>
      <c r="Q2821" s="52"/>
      <c r="R2821" s="52"/>
      <c r="S2821" s="52"/>
      <c r="T2821" s="52"/>
      <c r="U2821" s="52"/>
      <c r="V2821" s="52"/>
      <c r="W2821" s="52"/>
    </row>
    <row r="2822" spans="1:23" hidden="1" x14ac:dyDescent="0.35">
      <c r="A2822" s="52" t="s">
        <v>78</v>
      </c>
      <c r="B2822" s="52" t="s">
        <v>79</v>
      </c>
      <c r="C2822" s="3">
        <v>10</v>
      </c>
      <c r="D2822" s="52" t="s">
        <v>80</v>
      </c>
      <c r="E2822" s="52" t="s">
        <v>26</v>
      </c>
      <c r="F2822" s="52" t="s">
        <v>81</v>
      </c>
      <c r="G2822" s="52" t="s">
        <v>82</v>
      </c>
      <c r="H2822" s="4">
        <v>1</v>
      </c>
      <c r="I2822" s="2">
        <v>14.65</v>
      </c>
      <c r="J2822" s="52" t="s">
        <v>7292</v>
      </c>
      <c r="K2822" s="71" t="s">
        <v>7293</v>
      </c>
      <c r="L2822" s="52" t="s">
        <v>2063</v>
      </c>
      <c r="M2822" s="72">
        <v>1820</v>
      </c>
      <c r="N2822" s="52" t="s">
        <v>2072</v>
      </c>
      <c r="O2822" s="52" t="s">
        <v>2073</v>
      </c>
      <c r="P2822" s="52"/>
      <c r="Q2822" s="52"/>
      <c r="R2822" s="52"/>
      <c r="S2822" s="52"/>
      <c r="T2822" s="52"/>
      <c r="U2822" s="52"/>
      <c r="V2822" s="52"/>
      <c r="W2822" s="52"/>
    </row>
    <row r="2823" spans="1:23" hidden="1" x14ac:dyDescent="0.35">
      <c r="A2823" s="52" t="s">
        <v>78</v>
      </c>
      <c r="B2823" s="52" t="s">
        <v>79</v>
      </c>
      <c r="C2823" s="3">
        <v>20</v>
      </c>
      <c r="D2823" s="52" t="s">
        <v>83</v>
      </c>
      <c r="E2823" s="52" t="s">
        <v>26</v>
      </c>
      <c r="F2823" s="52" t="s">
        <v>81</v>
      </c>
      <c r="G2823" s="52" t="s">
        <v>82</v>
      </c>
      <c r="H2823" s="4">
        <v>1</v>
      </c>
      <c r="I2823" s="2">
        <v>14.65</v>
      </c>
      <c r="J2823" s="52" t="s">
        <v>7294</v>
      </c>
      <c r="K2823" s="71" t="s">
        <v>7295</v>
      </c>
      <c r="L2823" s="52" t="s">
        <v>2063</v>
      </c>
      <c r="M2823" s="72">
        <v>4741</v>
      </c>
      <c r="N2823" s="52" t="s">
        <v>2072</v>
      </c>
      <c r="O2823" s="52" t="s">
        <v>2073</v>
      </c>
      <c r="P2823" s="52"/>
      <c r="Q2823" s="52"/>
      <c r="R2823" s="52"/>
      <c r="S2823" s="52"/>
      <c r="T2823" s="52"/>
      <c r="U2823" s="52"/>
      <c r="V2823" s="52"/>
      <c r="W2823" s="52"/>
    </row>
    <row r="2824" spans="1:23" hidden="1" x14ac:dyDescent="0.35">
      <c r="A2824" s="52" t="s">
        <v>78</v>
      </c>
      <c r="B2824" s="52" t="s">
        <v>79</v>
      </c>
      <c r="C2824" s="3">
        <v>10</v>
      </c>
      <c r="D2824" s="52" t="s">
        <v>2024</v>
      </c>
      <c r="E2824" s="52" t="s">
        <v>26</v>
      </c>
      <c r="F2824" s="52" t="s">
        <v>81</v>
      </c>
      <c r="G2824" s="52" t="s">
        <v>82</v>
      </c>
      <c r="H2824" s="4">
        <v>1</v>
      </c>
      <c r="I2824" s="2">
        <v>14.65</v>
      </c>
      <c r="J2824" s="52" t="s">
        <v>7296</v>
      </c>
      <c r="K2824" s="71" t="s">
        <v>7297</v>
      </c>
      <c r="L2824" s="52" t="s">
        <v>2063</v>
      </c>
      <c r="M2824" s="72">
        <v>7716</v>
      </c>
      <c r="N2824" s="52"/>
      <c r="O2824" s="52"/>
      <c r="P2824" s="52"/>
      <c r="Q2824" s="52"/>
      <c r="R2824" s="52"/>
      <c r="S2824" s="52"/>
      <c r="T2824" s="52"/>
      <c r="U2824" s="52"/>
      <c r="V2824" s="52"/>
      <c r="W2824" s="52"/>
    </row>
    <row r="2825" spans="1:23" hidden="1" x14ac:dyDescent="0.35">
      <c r="A2825" s="52" t="s">
        <v>78</v>
      </c>
      <c r="B2825" s="52" t="s">
        <v>79</v>
      </c>
      <c r="C2825" s="3">
        <v>20</v>
      </c>
      <c r="D2825" s="52" t="s">
        <v>2019</v>
      </c>
      <c r="E2825" s="52" t="s">
        <v>26</v>
      </c>
      <c r="F2825" s="52" t="s">
        <v>81</v>
      </c>
      <c r="G2825" s="52" t="s">
        <v>82</v>
      </c>
      <c r="H2825" s="4">
        <v>1</v>
      </c>
      <c r="I2825" s="2">
        <v>14.65</v>
      </c>
      <c r="J2825" s="52" t="s">
        <v>7250</v>
      </c>
      <c r="K2825" s="71" t="s">
        <v>7298</v>
      </c>
      <c r="L2825" s="52" t="s">
        <v>2063</v>
      </c>
      <c r="M2825" s="72">
        <v>6746</v>
      </c>
      <c r="N2825" s="52" t="s">
        <v>2072</v>
      </c>
      <c r="O2825" s="52" t="s">
        <v>2073</v>
      </c>
      <c r="P2825" s="52"/>
      <c r="Q2825" s="52"/>
      <c r="R2825" s="52"/>
      <c r="S2825" s="52"/>
      <c r="T2825" s="52"/>
      <c r="U2825" s="52"/>
      <c r="V2825" s="52"/>
      <c r="W2825" s="52"/>
    </row>
    <row r="2826" spans="1:23" hidden="1" x14ac:dyDescent="0.35">
      <c r="A2826" s="52" t="s">
        <v>78</v>
      </c>
      <c r="B2826" s="52" t="s">
        <v>79</v>
      </c>
      <c r="C2826" s="3">
        <v>20</v>
      </c>
      <c r="D2826" s="52" t="s">
        <v>2022</v>
      </c>
      <c r="E2826" s="52" t="s">
        <v>26</v>
      </c>
      <c r="F2826" s="52" t="s">
        <v>81</v>
      </c>
      <c r="G2826" s="52" t="s">
        <v>82</v>
      </c>
      <c r="H2826" s="4">
        <v>1</v>
      </c>
      <c r="I2826" s="2">
        <v>14.65</v>
      </c>
      <c r="J2826" s="52" t="s">
        <v>7299</v>
      </c>
      <c r="K2826" s="71" t="s">
        <v>7300</v>
      </c>
      <c r="L2826" s="52" t="s">
        <v>2063</v>
      </c>
      <c r="M2826" s="72">
        <v>6595</v>
      </c>
      <c r="N2826" s="52" t="s">
        <v>2066</v>
      </c>
      <c r="O2826" s="52" t="s">
        <v>2067</v>
      </c>
      <c r="P2826" s="52"/>
      <c r="Q2826" s="52"/>
      <c r="R2826" s="52"/>
      <c r="S2826" s="52"/>
      <c r="T2826" s="52"/>
      <c r="U2826" s="52"/>
      <c r="V2826" s="52"/>
      <c r="W2826" s="52"/>
    </row>
    <row r="2827" spans="1:23" hidden="1" x14ac:dyDescent="0.35">
      <c r="A2827" s="52" t="s">
        <v>78</v>
      </c>
      <c r="B2827" s="52" t="s">
        <v>79</v>
      </c>
      <c r="C2827" s="3">
        <v>20</v>
      </c>
      <c r="D2827" s="52" t="s">
        <v>2021</v>
      </c>
      <c r="E2827" s="52" t="s">
        <v>26</v>
      </c>
      <c r="F2827" s="52" t="s">
        <v>81</v>
      </c>
      <c r="G2827" s="52" t="s">
        <v>82</v>
      </c>
      <c r="H2827" s="4">
        <v>1</v>
      </c>
      <c r="I2827" s="2">
        <v>14.65</v>
      </c>
      <c r="J2827" s="52" t="s">
        <v>7301</v>
      </c>
      <c r="K2827" s="71" t="s">
        <v>7302</v>
      </c>
      <c r="L2827" s="52" t="s">
        <v>2063</v>
      </c>
      <c r="M2827" s="72">
        <v>3924</v>
      </c>
      <c r="N2827" s="52" t="s">
        <v>2072</v>
      </c>
      <c r="O2827" s="52" t="s">
        <v>2073</v>
      </c>
      <c r="P2827" s="52"/>
      <c r="Q2827" s="52"/>
      <c r="R2827" s="52"/>
      <c r="S2827" s="52"/>
      <c r="T2827" s="52"/>
      <c r="U2827" s="52"/>
      <c r="V2827" s="52"/>
      <c r="W2827" s="52"/>
    </row>
    <row r="2828" spans="1:23" x14ac:dyDescent="0.35">
      <c r="A2828" s="52" t="s">
        <v>78</v>
      </c>
      <c r="B2828" s="52" t="s">
        <v>79</v>
      </c>
      <c r="C2828" s="3">
        <v>10</v>
      </c>
      <c r="D2828" s="52" t="s">
        <v>2022</v>
      </c>
      <c r="E2828" s="52" t="s">
        <v>26</v>
      </c>
      <c r="F2828" s="52" t="s">
        <v>81</v>
      </c>
      <c r="G2828" s="52" t="s">
        <v>82</v>
      </c>
      <c r="H2828" s="4">
        <v>1</v>
      </c>
      <c r="I2828" s="2">
        <v>14.65</v>
      </c>
      <c r="J2828" s="52" t="s">
        <v>7303</v>
      </c>
      <c r="K2828" s="71" t="s">
        <v>7304</v>
      </c>
      <c r="L2828" s="52" t="s">
        <v>2063</v>
      </c>
      <c r="M2828" s="72">
        <v>1706</v>
      </c>
      <c r="N2828" s="52" t="s">
        <v>2076</v>
      </c>
      <c r="O2828" s="52" t="s">
        <v>2077</v>
      </c>
      <c r="P2828" s="52"/>
      <c r="Q2828" s="52"/>
      <c r="R2828" s="52"/>
      <c r="S2828" s="52"/>
      <c r="T2828" s="52"/>
      <c r="U2828" s="52"/>
      <c r="V2828" s="52"/>
      <c r="W2828" s="52"/>
    </row>
    <row r="2829" spans="1:23" hidden="1" x14ac:dyDescent="0.35">
      <c r="A2829" s="52" t="s">
        <v>78</v>
      </c>
      <c r="B2829" s="52" t="s">
        <v>79</v>
      </c>
      <c r="C2829" s="3">
        <v>211</v>
      </c>
      <c r="D2829" s="52" t="s">
        <v>87</v>
      </c>
      <c r="E2829" s="52" t="s">
        <v>26</v>
      </c>
      <c r="F2829" s="52" t="s">
        <v>81</v>
      </c>
      <c r="G2829" s="52" t="s">
        <v>82</v>
      </c>
      <c r="H2829" s="4">
        <v>1</v>
      </c>
      <c r="I2829" s="2">
        <v>14.65</v>
      </c>
      <c r="J2829" s="52" t="s">
        <v>6985</v>
      </c>
      <c r="K2829" s="71" t="s">
        <v>7305</v>
      </c>
      <c r="L2829" s="52" t="s">
        <v>2063</v>
      </c>
      <c r="M2829" s="72">
        <v>6476</v>
      </c>
      <c r="N2829" s="52" t="s">
        <v>2158</v>
      </c>
      <c r="O2829" s="52" t="s">
        <v>2159</v>
      </c>
      <c r="P2829" s="52"/>
      <c r="Q2829" s="52"/>
      <c r="R2829" s="52"/>
      <c r="S2829" s="52"/>
      <c r="T2829" s="52"/>
      <c r="U2829" s="52"/>
      <c r="V2829" s="52"/>
      <c r="W2829" s="52"/>
    </row>
    <row r="2830" spans="1:23" hidden="1" x14ac:dyDescent="0.35">
      <c r="A2830" s="52" t="s">
        <v>78</v>
      </c>
      <c r="B2830" s="52" t="s">
        <v>79</v>
      </c>
      <c r="C2830" s="3">
        <v>20</v>
      </c>
      <c r="D2830" s="52" t="s">
        <v>2021</v>
      </c>
      <c r="E2830" s="52" t="s">
        <v>26</v>
      </c>
      <c r="F2830" s="52" t="s">
        <v>81</v>
      </c>
      <c r="G2830" s="52" t="s">
        <v>82</v>
      </c>
      <c r="H2830" s="4">
        <v>1</v>
      </c>
      <c r="I2830" s="2">
        <v>14.65</v>
      </c>
      <c r="J2830" s="52" t="s">
        <v>7306</v>
      </c>
      <c r="K2830" s="71" t="s">
        <v>7307</v>
      </c>
      <c r="L2830" s="52" t="s">
        <v>2063</v>
      </c>
      <c r="M2830" s="72">
        <v>1878</v>
      </c>
      <c r="N2830" s="52"/>
      <c r="O2830" s="52"/>
      <c r="P2830" s="52"/>
      <c r="Q2830" s="52"/>
      <c r="R2830" s="52"/>
      <c r="S2830" s="52"/>
      <c r="T2830" s="52"/>
      <c r="U2830" s="52"/>
      <c r="V2830" s="52"/>
      <c r="W2830" s="52"/>
    </row>
    <row r="2831" spans="1:23" x14ac:dyDescent="0.35">
      <c r="A2831" s="52" t="s">
        <v>78</v>
      </c>
      <c r="B2831" s="52" t="s">
        <v>79</v>
      </c>
      <c r="C2831" s="3">
        <v>20</v>
      </c>
      <c r="D2831" s="52" t="s">
        <v>80</v>
      </c>
      <c r="E2831" s="52" t="s">
        <v>26</v>
      </c>
      <c r="F2831" s="52" t="s">
        <v>81</v>
      </c>
      <c r="G2831" s="52" t="s">
        <v>82</v>
      </c>
      <c r="H2831" s="4">
        <v>1</v>
      </c>
      <c r="I2831" s="2">
        <v>14.65</v>
      </c>
      <c r="J2831" s="52" t="s">
        <v>7308</v>
      </c>
      <c r="K2831" s="71" t="s">
        <v>7309</v>
      </c>
      <c r="L2831" s="52" t="s">
        <v>2063</v>
      </c>
      <c r="M2831" s="72">
        <v>1989</v>
      </c>
      <c r="N2831" s="52" t="s">
        <v>2259</v>
      </c>
      <c r="O2831" s="52" t="s">
        <v>2260</v>
      </c>
      <c r="P2831" s="52" t="s">
        <v>2259</v>
      </c>
      <c r="Q2831" s="52" t="s">
        <v>2260</v>
      </c>
      <c r="R2831" s="52"/>
      <c r="S2831" s="52"/>
      <c r="T2831" s="52"/>
      <c r="U2831" s="52"/>
      <c r="V2831" s="52"/>
      <c r="W2831" s="52"/>
    </row>
    <row r="2832" spans="1:23" hidden="1" x14ac:dyDescent="0.35">
      <c r="A2832" s="52" t="s">
        <v>78</v>
      </c>
      <c r="B2832" s="52" t="s">
        <v>79</v>
      </c>
      <c r="C2832" s="3">
        <v>20</v>
      </c>
      <c r="D2832" s="52" t="s">
        <v>2021</v>
      </c>
      <c r="E2832" s="52" t="s">
        <v>26</v>
      </c>
      <c r="F2832" s="52" t="s">
        <v>81</v>
      </c>
      <c r="G2832" s="52" t="s">
        <v>82</v>
      </c>
      <c r="H2832" s="4">
        <v>1</v>
      </c>
      <c r="I2832" s="2">
        <v>14.65</v>
      </c>
      <c r="J2832" s="52" t="s">
        <v>7310</v>
      </c>
      <c r="K2832" s="71" t="s">
        <v>7311</v>
      </c>
      <c r="L2832" s="52" t="s">
        <v>2063</v>
      </c>
      <c r="M2832" s="72">
        <v>4807</v>
      </c>
      <c r="N2832" s="52" t="s">
        <v>2072</v>
      </c>
      <c r="O2832" s="52" t="s">
        <v>2073</v>
      </c>
      <c r="P2832" s="52"/>
      <c r="Q2832" s="52"/>
      <c r="R2832" s="52"/>
      <c r="S2832" s="52"/>
      <c r="T2832" s="52"/>
      <c r="U2832" s="52"/>
      <c r="V2832" s="52"/>
      <c r="W2832" s="52"/>
    </row>
    <row r="2833" spans="1:23" hidden="1" x14ac:dyDescent="0.35">
      <c r="A2833" s="52" t="s">
        <v>78</v>
      </c>
      <c r="B2833" s="52" t="s">
        <v>79</v>
      </c>
      <c r="C2833" s="3">
        <v>10</v>
      </c>
      <c r="D2833" s="52" t="s">
        <v>80</v>
      </c>
      <c r="E2833" s="52" t="s">
        <v>26</v>
      </c>
      <c r="F2833" s="52" t="s">
        <v>81</v>
      </c>
      <c r="G2833" s="52" t="s">
        <v>82</v>
      </c>
      <c r="H2833" s="4">
        <v>1</v>
      </c>
      <c r="I2833" s="2">
        <v>14.65</v>
      </c>
      <c r="J2833" s="52" t="s">
        <v>7312</v>
      </c>
      <c r="K2833" s="71" t="s">
        <v>7313</v>
      </c>
      <c r="L2833" s="52" t="s">
        <v>2095</v>
      </c>
      <c r="M2833" s="72">
        <v>2064</v>
      </c>
      <c r="N2833" s="52" t="s">
        <v>2066</v>
      </c>
      <c r="O2833" s="52" t="s">
        <v>2067</v>
      </c>
      <c r="P2833" s="52"/>
      <c r="Q2833" s="52"/>
      <c r="R2833" s="52"/>
      <c r="S2833" s="52"/>
      <c r="T2833" s="52"/>
      <c r="U2833" s="52"/>
      <c r="V2833" s="52"/>
      <c r="W2833" s="52"/>
    </row>
    <row r="2834" spans="1:23" hidden="1" x14ac:dyDescent="0.35">
      <c r="A2834" s="52" t="s">
        <v>78</v>
      </c>
      <c r="B2834" s="52" t="s">
        <v>79</v>
      </c>
      <c r="C2834" s="3">
        <v>10</v>
      </c>
      <c r="D2834" s="52" t="s">
        <v>2024</v>
      </c>
      <c r="E2834" s="52" t="s">
        <v>26</v>
      </c>
      <c r="F2834" s="52" t="s">
        <v>81</v>
      </c>
      <c r="G2834" s="52" t="s">
        <v>82</v>
      </c>
      <c r="H2834" s="4">
        <v>1</v>
      </c>
      <c r="I2834" s="2">
        <v>14.65</v>
      </c>
      <c r="J2834" s="52" t="s">
        <v>7314</v>
      </c>
      <c r="K2834" s="71" t="s">
        <v>7315</v>
      </c>
      <c r="L2834" s="52" t="s">
        <v>2063</v>
      </c>
      <c r="M2834" s="72">
        <v>6824</v>
      </c>
      <c r="N2834" s="52" t="s">
        <v>2304</v>
      </c>
      <c r="O2834" s="52" t="s">
        <v>2305</v>
      </c>
      <c r="P2834" s="52"/>
      <c r="Q2834" s="52"/>
      <c r="R2834" s="52"/>
      <c r="S2834" s="52"/>
      <c r="T2834" s="52"/>
      <c r="U2834" s="52"/>
      <c r="V2834" s="52"/>
      <c r="W2834" s="52"/>
    </row>
    <row r="2835" spans="1:23" hidden="1" x14ac:dyDescent="0.35">
      <c r="A2835" s="52" t="s">
        <v>78</v>
      </c>
      <c r="B2835" s="52" t="s">
        <v>79</v>
      </c>
      <c r="C2835" s="3">
        <v>20</v>
      </c>
      <c r="D2835" s="52" t="s">
        <v>87</v>
      </c>
      <c r="E2835" s="52" t="s">
        <v>26</v>
      </c>
      <c r="F2835" s="52" t="s">
        <v>81</v>
      </c>
      <c r="G2835" s="52" t="s">
        <v>82</v>
      </c>
      <c r="H2835" s="4">
        <v>1</v>
      </c>
      <c r="I2835" s="2">
        <v>14.65</v>
      </c>
      <c r="J2835" s="52" t="s">
        <v>7316</v>
      </c>
      <c r="K2835" s="71" t="s">
        <v>7317</v>
      </c>
      <c r="L2835" s="52" t="s">
        <v>2063</v>
      </c>
      <c r="M2835" s="72">
        <v>7485</v>
      </c>
      <c r="N2835" s="52" t="s">
        <v>2066</v>
      </c>
      <c r="O2835" s="52" t="s">
        <v>2067</v>
      </c>
      <c r="P2835" s="52"/>
      <c r="Q2835" s="52"/>
      <c r="R2835" s="52"/>
      <c r="S2835" s="52"/>
      <c r="T2835" s="52"/>
      <c r="U2835" s="52"/>
      <c r="V2835" s="52"/>
      <c r="W2835" s="52"/>
    </row>
    <row r="2836" spans="1:23" hidden="1" x14ac:dyDescent="0.35">
      <c r="A2836" s="52" t="s">
        <v>78</v>
      </c>
      <c r="B2836" s="52" t="s">
        <v>79</v>
      </c>
      <c r="C2836" s="3">
        <v>211</v>
      </c>
      <c r="D2836" s="52" t="s">
        <v>2022</v>
      </c>
      <c r="E2836" s="52" t="s">
        <v>26</v>
      </c>
      <c r="F2836" s="52" t="s">
        <v>81</v>
      </c>
      <c r="G2836" s="52" t="s">
        <v>82</v>
      </c>
      <c r="H2836" s="4">
        <v>1</v>
      </c>
      <c r="I2836" s="2">
        <v>14.65</v>
      </c>
      <c r="J2836" s="52" t="s">
        <v>7318</v>
      </c>
      <c r="K2836" s="71" t="s">
        <v>7319</v>
      </c>
      <c r="L2836" s="52" t="s">
        <v>2063</v>
      </c>
      <c r="M2836" s="72">
        <v>8242</v>
      </c>
      <c r="N2836" s="52" t="s">
        <v>2615</v>
      </c>
      <c r="O2836" s="52" t="s">
        <v>2616</v>
      </c>
      <c r="P2836" s="52"/>
      <c r="Q2836" s="52"/>
      <c r="R2836" s="52"/>
      <c r="S2836" s="52"/>
      <c r="T2836" s="52"/>
      <c r="U2836" s="52"/>
      <c r="V2836" s="52"/>
      <c r="W2836" s="52"/>
    </row>
    <row r="2837" spans="1:23" hidden="1" x14ac:dyDescent="0.35">
      <c r="A2837" s="52" t="s">
        <v>78</v>
      </c>
      <c r="B2837" s="52" t="s">
        <v>79</v>
      </c>
      <c r="C2837" s="3">
        <v>20</v>
      </c>
      <c r="D2837" s="52" t="s">
        <v>2019</v>
      </c>
      <c r="E2837" s="52" t="s">
        <v>26</v>
      </c>
      <c r="F2837" s="52" t="s">
        <v>81</v>
      </c>
      <c r="G2837" s="52" t="s">
        <v>82</v>
      </c>
      <c r="H2837" s="4">
        <v>1</v>
      </c>
      <c r="I2837" s="2">
        <v>14.65</v>
      </c>
      <c r="J2837" s="52" t="s">
        <v>7320</v>
      </c>
      <c r="K2837" s="71" t="s">
        <v>7321</v>
      </c>
      <c r="L2837" s="52" t="s">
        <v>2063</v>
      </c>
      <c r="M2837" s="72">
        <v>1719</v>
      </c>
      <c r="N2837" s="52" t="s">
        <v>2066</v>
      </c>
      <c r="O2837" s="52" t="s">
        <v>2067</v>
      </c>
      <c r="P2837" s="52"/>
      <c r="Q2837" s="52"/>
      <c r="R2837" s="52"/>
      <c r="S2837" s="52"/>
      <c r="T2837" s="52"/>
      <c r="U2837" s="52"/>
      <c r="V2837" s="52"/>
      <c r="W2837" s="52"/>
    </row>
    <row r="2838" spans="1:23" hidden="1" x14ac:dyDescent="0.35">
      <c r="A2838" s="52" t="s">
        <v>78</v>
      </c>
      <c r="B2838" s="52" t="s">
        <v>79</v>
      </c>
      <c r="C2838" s="3">
        <v>211</v>
      </c>
      <c r="D2838" s="52" t="s">
        <v>83</v>
      </c>
      <c r="E2838" s="52" t="s">
        <v>26</v>
      </c>
      <c r="F2838" s="52" t="s">
        <v>81</v>
      </c>
      <c r="G2838" s="52" t="s">
        <v>82</v>
      </c>
      <c r="H2838" s="4">
        <v>1</v>
      </c>
      <c r="I2838" s="2">
        <v>14.65</v>
      </c>
      <c r="J2838" s="52" t="s">
        <v>7322</v>
      </c>
      <c r="K2838" s="71" t="s">
        <v>7323</v>
      </c>
      <c r="L2838" s="52" t="s">
        <v>2063</v>
      </c>
      <c r="M2838" s="72">
        <v>4752</v>
      </c>
      <c r="N2838" s="52" t="s">
        <v>2072</v>
      </c>
      <c r="O2838" s="52" t="s">
        <v>2073</v>
      </c>
      <c r="P2838" s="52"/>
      <c r="Q2838" s="52"/>
      <c r="R2838" s="52"/>
      <c r="S2838" s="52"/>
      <c r="T2838" s="52"/>
      <c r="U2838" s="52"/>
      <c r="V2838" s="52"/>
      <c r="W2838" s="52"/>
    </row>
    <row r="2839" spans="1:23" hidden="1" x14ac:dyDescent="0.35">
      <c r="A2839" s="52" t="s">
        <v>78</v>
      </c>
      <c r="B2839" s="52" t="s">
        <v>79</v>
      </c>
      <c r="C2839" s="3">
        <v>10</v>
      </c>
      <c r="D2839" s="52" t="s">
        <v>80</v>
      </c>
      <c r="E2839" s="52" t="s">
        <v>26</v>
      </c>
      <c r="F2839" s="52" t="s">
        <v>81</v>
      </c>
      <c r="G2839" s="52" t="s">
        <v>82</v>
      </c>
      <c r="H2839" s="4">
        <v>1</v>
      </c>
      <c r="I2839" s="2">
        <v>14.65</v>
      </c>
      <c r="J2839" s="52" t="s">
        <v>7324</v>
      </c>
      <c r="K2839" s="71" t="s">
        <v>7325</v>
      </c>
      <c r="L2839" s="52" t="s">
        <v>2063</v>
      </c>
      <c r="M2839" s="72">
        <v>4301</v>
      </c>
      <c r="N2839" s="52" t="s">
        <v>2154</v>
      </c>
      <c r="O2839" s="52" t="s">
        <v>2155</v>
      </c>
      <c r="P2839" s="52"/>
      <c r="Q2839" s="52"/>
      <c r="R2839" s="52"/>
      <c r="S2839" s="52"/>
      <c r="T2839" s="52"/>
      <c r="U2839" s="52"/>
      <c r="V2839" s="52"/>
      <c r="W2839" s="52"/>
    </row>
    <row r="2840" spans="1:23" hidden="1" x14ac:dyDescent="0.35">
      <c r="A2840" s="52" t="s">
        <v>78</v>
      </c>
      <c r="B2840" s="52" t="s">
        <v>79</v>
      </c>
      <c r="C2840" s="3">
        <v>20</v>
      </c>
      <c r="D2840" s="52" t="s">
        <v>2024</v>
      </c>
      <c r="E2840" s="52" t="s">
        <v>26</v>
      </c>
      <c r="F2840" s="52" t="s">
        <v>81</v>
      </c>
      <c r="G2840" s="52" t="s">
        <v>82</v>
      </c>
      <c r="H2840" s="4">
        <v>1</v>
      </c>
      <c r="I2840" s="2">
        <v>14.65</v>
      </c>
      <c r="J2840" s="52" t="s">
        <v>7326</v>
      </c>
      <c r="K2840" s="71" t="s">
        <v>7327</v>
      </c>
      <c r="L2840" s="52" t="s">
        <v>2063</v>
      </c>
      <c r="M2840" s="72">
        <v>7055</v>
      </c>
      <c r="N2840" s="52" t="s">
        <v>2072</v>
      </c>
      <c r="O2840" s="52" t="s">
        <v>2073</v>
      </c>
      <c r="P2840" s="52"/>
      <c r="Q2840" s="52"/>
      <c r="R2840" s="52"/>
      <c r="S2840" s="52"/>
      <c r="T2840" s="52"/>
      <c r="U2840" s="52"/>
      <c r="V2840" s="52"/>
      <c r="W2840" s="52"/>
    </row>
    <row r="2841" spans="1:23" hidden="1" x14ac:dyDescent="0.35">
      <c r="A2841" s="52" t="s">
        <v>78</v>
      </c>
      <c r="B2841" s="52" t="s">
        <v>79</v>
      </c>
      <c r="C2841" s="3">
        <v>20</v>
      </c>
      <c r="D2841" s="52" t="s">
        <v>83</v>
      </c>
      <c r="E2841" s="52" t="s">
        <v>26</v>
      </c>
      <c r="F2841" s="52" t="s">
        <v>81</v>
      </c>
      <c r="G2841" s="52" t="s">
        <v>82</v>
      </c>
      <c r="H2841" s="4">
        <v>1</v>
      </c>
      <c r="I2841" s="2">
        <v>14.65</v>
      </c>
      <c r="J2841" s="52" t="s">
        <v>7328</v>
      </c>
      <c r="K2841" s="71" t="s">
        <v>7329</v>
      </c>
      <c r="L2841" s="52" t="s">
        <v>2063</v>
      </c>
      <c r="M2841" s="72">
        <v>2055</v>
      </c>
      <c r="N2841" s="52" t="s">
        <v>2066</v>
      </c>
      <c r="O2841" s="52" t="s">
        <v>2067</v>
      </c>
      <c r="P2841" s="52"/>
      <c r="Q2841" s="52"/>
      <c r="R2841" s="52"/>
      <c r="S2841" s="52"/>
      <c r="T2841" s="52"/>
      <c r="U2841" s="52"/>
      <c r="V2841" s="52"/>
      <c r="W2841" s="52"/>
    </row>
    <row r="2842" spans="1:23" hidden="1" x14ac:dyDescent="0.35">
      <c r="A2842" s="52" t="s">
        <v>78</v>
      </c>
      <c r="B2842" s="52" t="s">
        <v>79</v>
      </c>
      <c r="C2842" s="3">
        <v>20</v>
      </c>
      <c r="D2842" s="52" t="s">
        <v>87</v>
      </c>
      <c r="E2842" s="52" t="s">
        <v>26</v>
      </c>
      <c r="F2842" s="52" t="s">
        <v>81</v>
      </c>
      <c r="G2842" s="52" t="s">
        <v>82</v>
      </c>
      <c r="H2842" s="4">
        <v>1</v>
      </c>
      <c r="I2842" s="2">
        <v>14.65</v>
      </c>
      <c r="J2842" s="52" t="s">
        <v>7330</v>
      </c>
      <c r="K2842" s="71" t="s">
        <v>7331</v>
      </c>
      <c r="L2842" s="52" t="s">
        <v>2063</v>
      </c>
      <c r="M2842" s="72">
        <v>5741</v>
      </c>
      <c r="N2842" s="52" t="s">
        <v>2304</v>
      </c>
      <c r="O2842" s="52" t="s">
        <v>2305</v>
      </c>
      <c r="P2842" s="52"/>
      <c r="Q2842" s="52"/>
      <c r="R2842" s="52"/>
      <c r="S2842" s="52"/>
      <c r="T2842" s="52"/>
      <c r="U2842" s="52"/>
      <c r="V2842" s="52"/>
      <c r="W2842" s="52"/>
    </row>
    <row r="2843" spans="1:23" hidden="1" x14ac:dyDescent="0.35">
      <c r="A2843" s="52" t="s">
        <v>78</v>
      </c>
      <c r="B2843" s="52" t="s">
        <v>79</v>
      </c>
      <c r="C2843" s="3">
        <v>10</v>
      </c>
      <c r="D2843" s="52" t="s">
        <v>86</v>
      </c>
      <c r="E2843" s="52" t="s">
        <v>26</v>
      </c>
      <c r="F2843" s="52" t="s">
        <v>81</v>
      </c>
      <c r="G2843" s="52" t="s">
        <v>82</v>
      </c>
      <c r="H2843" s="4">
        <v>1</v>
      </c>
      <c r="I2843" s="2">
        <v>14.65</v>
      </c>
      <c r="J2843" s="52" t="s">
        <v>7332</v>
      </c>
      <c r="K2843" s="71" t="s">
        <v>7333</v>
      </c>
      <c r="L2843" s="52" t="s">
        <v>2063</v>
      </c>
      <c r="M2843" s="72">
        <v>9707</v>
      </c>
      <c r="N2843" s="52" t="s">
        <v>2072</v>
      </c>
      <c r="O2843" s="52" t="s">
        <v>2073</v>
      </c>
      <c r="P2843" s="52"/>
      <c r="Q2843" s="52"/>
      <c r="R2843" s="52"/>
      <c r="S2843" s="52"/>
      <c r="T2843" s="52"/>
      <c r="U2843" s="52"/>
      <c r="V2843" s="52"/>
      <c r="W2843" s="52"/>
    </row>
    <row r="2844" spans="1:23" hidden="1" x14ac:dyDescent="0.35">
      <c r="A2844" s="52" t="s">
        <v>78</v>
      </c>
      <c r="B2844" s="52" t="s">
        <v>79</v>
      </c>
      <c r="C2844" s="3">
        <v>20</v>
      </c>
      <c r="D2844" s="52" t="s">
        <v>2021</v>
      </c>
      <c r="E2844" s="52" t="s">
        <v>26</v>
      </c>
      <c r="F2844" s="52" t="s">
        <v>81</v>
      </c>
      <c r="G2844" s="52" t="s">
        <v>82</v>
      </c>
      <c r="H2844" s="4">
        <v>1</v>
      </c>
      <c r="I2844" s="2">
        <v>14.65</v>
      </c>
      <c r="J2844" s="52" t="s">
        <v>7334</v>
      </c>
      <c r="K2844" s="71" t="s">
        <v>7335</v>
      </c>
      <c r="L2844" s="52" t="s">
        <v>2063</v>
      </c>
      <c r="M2844" s="72">
        <v>3306</v>
      </c>
      <c r="N2844" s="52" t="s">
        <v>2072</v>
      </c>
      <c r="O2844" s="52" t="s">
        <v>2073</v>
      </c>
      <c r="P2844" s="52"/>
      <c r="Q2844" s="52"/>
      <c r="R2844" s="52"/>
      <c r="S2844" s="52"/>
      <c r="T2844" s="52"/>
      <c r="U2844" s="52"/>
      <c r="V2844" s="52"/>
      <c r="W2844" s="52"/>
    </row>
    <row r="2845" spans="1:23" hidden="1" x14ac:dyDescent="0.35">
      <c r="A2845" s="52" t="s">
        <v>78</v>
      </c>
      <c r="B2845" s="52" t="s">
        <v>79</v>
      </c>
      <c r="C2845" s="3">
        <v>10</v>
      </c>
      <c r="D2845" s="52" t="s">
        <v>2020</v>
      </c>
      <c r="E2845" s="52" t="s">
        <v>26</v>
      </c>
      <c r="F2845" s="52" t="s">
        <v>81</v>
      </c>
      <c r="G2845" s="52" t="s">
        <v>82</v>
      </c>
      <c r="H2845" s="4">
        <v>1</v>
      </c>
      <c r="I2845" s="2">
        <v>14.65</v>
      </c>
      <c r="J2845" s="52" t="s">
        <v>7336</v>
      </c>
      <c r="K2845" s="71" t="s">
        <v>7337</v>
      </c>
      <c r="L2845" s="52" t="s">
        <v>2063</v>
      </c>
      <c r="M2845" s="72">
        <v>2268</v>
      </c>
      <c r="N2845" s="52"/>
      <c r="O2845" s="52"/>
      <c r="P2845" s="52"/>
      <c r="Q2845" s="52"/>
      <c r="R2845" s="52"/>
      <c r="S2845" s="52"/>
      <c r="T2845" s="52"/>
      <c r="U2845" s="52"/>
      <c r="V2845" s="52"/>
      <c r="W2845" s="52"/>
    </row>
    <row r="2846" spans="1:23" hidden="1" x14ac:dyDescent="0.35">
      <c r="A2846" s="52" t="s">
        <v>78</v>
      </c>
      <c r="B2846" s="52" t="s">
        <v>79</v>
      </c>
      <c r="C2846" s="3">
        <v>10</v>
      </c>
      <c r="D2846" s="52" t="s">
        <v>2020</v>
      </c>
      <c r="E2846" s="52" t="s">
        <v>26</v>
      </c>
      <c r="F2846" s="52" t="s">
        <v>81</v>
      </c>
      <c r="G2846" s="52" t="s">
        <v>82</v>
      </c>
      <c r="H2846" s="4">
        <v>1</v>
      </c>
      <c r="I2846" s="2">
        <v>14.65</v>
      </c>
      <c r="J2846" s="52" t="s">
        <v>7338</v>
      </c>
      <c r="K2846" s="71" t="s">
        <v>7339</v>
      </c>
      <c r="L2846" s="52" t="s">
        <v>2063</v>
      </c>
      <c r="M2846" s="72">
        <v>8402</v>
      </c>
      <c r="N2846" s="52"/>
      <c r="O2846" s="52"/>
      <c r="P2846" s="52"/>
      <c r="Q2846" s="52"/>
      <c r="R2846" s="52"/>
      <c r="S2846" s="52"/>
      <c r="T2846" s="52"/>
      <c r="U2846" s="52"/>
      <c r="V2846" s="52"/>
      <c r="W2846" s="52"/>
    </row>
    <row r="2847" spans="1:23" hidden="1" x14ac:dyDescent="0.35">
      <c r="A2847" s="52" t="s">
        <v>78</v>
      </c>
      <c r="B2847" s="52" t="s">
        <v>79</v>
      </c>
      <c r="C2847" s="3">
        <v>20</v>
      </c>
      <c r="D2847" s="52" t="s">
        <v>2021</v>
      </c>
      <c r="E2847" s="52" t="s">
        <v>26</v>
      </c>
      <c r="F2847" s="52" t="s">
        <v>81</v>
      </c>
      <c r="G2847" s="52" t="s">
        <v>82</v>
      </c>
      <c r="H2847" s="4">
        <v>1</v>
      </c>
      <c r="I2847" s="2">
        <v>14.65</v>
      </c>
      <c r="J2847" s="52" t="s">
        <v>7340</v>
      </c>
      <c r="K2847" s="71" t="s">
        <v>7341</v>
      </c>
      <c r="L2847" s="52" t="s">
        <v>2063</v>
      </c>
      <c r="M2847" s="72">
        <v>7230</v>
      </c>
      <c r="N2847" s="52" t="s">
        <v>2072</v>
      </c>
      <c r="O2847" s="52" t="s">
        <v>2073</v>
      </c>
      <c r="P2847" s="52" t="s">
        <v>2072</v>
      </c>
      <c r="Q2847" s="52" t="s">
        <v>2073</v>
      </c>
      <c r="R2847" s="52"/>
      <c r="S2847" s="52"/>
      <c r="T2847" s="52"/>
      <c r="U2847" s="52"/>
      <c r="V2847" s="52"/>
      <c r="W2847" s="52"/>
    </row>
    <row r="2848" spans="1:23" hidden="1" x14ac:dyDescent="0.35">
      <c r="A2848" s="52" t="s">
        <v>78</v>
      </c>
      <c r="B2848" s="52" t="s">
        <v>79</v>
      </c>
      <c r="C2848" s="3">
        <v>10</v>
      </c>
      <c r="D2848" s="52" t="s">
        <v>2024</v>
      </c>
      <c r="E2848" s="52" t="s">
        <v>26</v>
      </c>
      <c r="F2848" s="52" t="s">
        <v>81</v>
      </c>
      <c r="G2848" s="52" t="s">
        <v>82</v>
      </c>
      <c r="H2848" s="4">
        <v>1</v>
      </c>
      <c r="I2848" s="2">
        <v>14.65</v>
      </c>
      <c r="J2848" s="52" t="s">
        <v>7342</v>
      </c>
      <c r="K2848" s="71" t="s">
        <v>7343</v>
      </c>
      <c r="L2848" s="52" t="s">
        <v>2063</v>
      </c>
      <c r="M2848" s="72">
        <v>4792</v>
      </c>
      <c r="N2848" s="52" t="s">
        <v>2066</v>
      </c>
      <c r="O2848" s="52" t="s">
        <v>2067</v>
      </c>
      <c r="P2848" s="52"/>
      <c r="Q2848" s="52"/>
      <c r="R2848" s="52"/>
      <c r="S2848" s="52"/>
      <c r="T2848" s="52"/>
      <c r="U2848" s="52"/>
      <c r="V2848" s="52"/>
      <c r="W2848" s="52"/>
    </row>
    <row r="2849" spans="1:23" hidden="1" x14ac:dyDescent="0.35">
      <c r="A2849" s="52" t="s">
        <v>78</v>
      </c>
      <c r="B2849" s="52" t="s">
        <v>79</v>
      </c>
      <c r="C2849" s="3">
        <v>20</v>
      </c>
      <c r="D2849" s="52" t="s">
        <v>2024</v>
      </c>
      <c r="E2849" s="52" t="s">
        <v>26</v>
      </c>
      <c r="F2849" s="52" t="s">
        <v>81</v>
      </c>
      <c r="G2849" s="52" t="s">
        <v>82</v>
      </c>
      <c r="H2849" s="4">
        <v>1</v>
      </c>
      <c r="I2849" s="2">
        <v>14.65</v>
      </c>
      <c r="J2849" s="52" t="s">
        <v>6894</v>
      </c>
      <c r="K2849" s="71" t="s">
        <v>7344</v>
      </c>
      <c r="L2849" s="52" t="s">
        <v>2063</v>
      </c>
      <c r="M2849" s="72">
        <v>6637</v>
      </c>
      <c r="N2849" s="52" t="s">
        <v>2158</v>
      </c>
      <c r="O2849" s="52" t="s">
        <v>2159</v>
      </c>
      <c r="P2849" s="52"/>
      <c r="Q2849" s="52"/>
      <c r="R2849" s="52"/>
      <c r="S2849" s="52"/>
      <c r="T2849" s="52"/>
      <c r="U2849" s="52"/>
      <c r="V2849" s="52"/>
      <c r="W2849" s="52"/>
    </row>
    <row r="2850" spans="1:23" hidden="1" x14ac:dyDescent="0.35">
      <c r="A2850" s="52" t="s">
        <v>78</v>
      </c>
      <c r="B2850" s="52" t="s">
        <v>79</v>
      </c>
      <c r="C2850" s="3">
        <v>10</v>
      </c>
      <c r="D2850" s="52" t="s">
        <v>2023</v>
      </c>
      <c r="E2850" s="52" t="s">
        <v>26</v>
      </c>
      <c r="F2850" s="52" t="s">
        <v>81</v>
      </c>
      <c r="G2850" s="52" t="s">
        <v>82</v>
      </c>
      <c r="H2850" s="4">
        <v>1</v>
      </c>
      <c r="I2850" s="2">
        <v>14.65</v>
      </c>
      <c r="J2850" s="52" t="s">
        <v>7345</v>
      </c>
      <c r="K2850" s="71" t="s">
        <v>7346</v>
      </c>
      <c r="L2850" s="52" t="s">
        <v>2063</v>
      </c>
      <c r="M2850" s="72">
        <v>2385</v>
      </c>
      <c r="N2850" s="52" t="s">
        <v>2072</v>
      </c>
      <c r="O2850" s="52" t="s">
        <v>2073</v>
      </c>
      <c r="P2850" s="52"/>
      <c r="Q2850" s="52"/>
      <c r="R2850" s="52"/>
      <c r="S2850" s="52"/>
      <c r="T2850" s="52"/>
      <c r="U2850" s="52"/>
      <c r="V2850" s="52"/>
      <c r="W2850" s="52"/>
    </row>
    <row r="2851" spans="1:23" hidden="1" x14ac:dyDescent="0.35">
      <c r="A2851" s="52" t="s">
        <v>78</v>
      </c>
      <c r="B2851" s="52" t="s">
        <v>79</v>
      </c>
      <c r="C2851" s="3">
        <v>10</v>
      </c>
      <c r="D2851" s="52" t="s">
        <v>2021</v>
      </c>
      <c r="E2851" s="52" t="s">
        <v>26</v>
      </c>
      <c r="F2851" s="52" t="s">
        <v>81</v>
      </c>
      <c r="G2851" s="52" t="s">
        <v>82</v>
      </c>
      <c r="H2851" s="4">
        <v>1</v>
      </c>
      <c r="I2851" s="2">
        <v>14.65</v>
      </c>
      <c r="J2851" s="52" t="s">
        <v>7347</v>
      </c>
      <c r="K2851" s="71" t="s">
        <v>7348</v>
      </c>
      <c r="L2851" s="52" t="s">
        <v>2063</v>
      </c>
      <c r="M2851" s="72">
        <v>1162</v>
      </c>
      <c r="N2851" s="52" t="s">
        <v>2304</v>
      </c>
      <c r="O2851" s="52" t="s">
        <v>2305</v>
      </c>
      <c r="P2851" s="52"/>
      <c r="Q2851" s="52"/>
      <c r="R2851" s="52"/>
      <c r="S2851" s="52"/>
      <c r="T2851" s="52"/>
      <c r="U2851" s="52"/>
      <c r="V2851" s="52"/>
      <c r="W2851" s="52"/>
    </row>
    <row r="2852" spans="1:23" hidden="1" x14ac:dyDescent="0.35">
      <c r="A2852" s="52" t="s">
        <v>78</v>
      </c>
      <c r="B2852" s="52" t="s">
        <v>79</v>
      </c>
      <c r="C2852" s="3">
        <v>10</v>
      </c>
      <c r="D2852" s="52" t="s">
        <v>2020</v>
      </c>
      <c r="E2852" s="52" t="s">
        <v>26</v>
      </c>
      <c r="F2852" s="52" t="s">
        <v>81</v>
      </c>
      <c r="G2852" s="52" t="s">
        <v>82</v>
      </c>
      <c r="H2852" s="4">
        <v>1</v>
      </c>
      <c r="I2852" s="2">
        <v>14.65</v>
      </c>
      <c r="J2852" s="52" t="s">
        <v>7349</v>
      </c>
      <c r="K2852" s="71" t="s">
        <v>7350</v>
      </c>
      <c r="L2852" s="52" t="s">
        <v>2063</v>
      </c>
      <c r="M2852" s="72">
        <v>7147</v>
      </c>
      <c r="N2852" s="52"/>
      <c r="O2852" s="52"/>
      <c r="P2852" s="52"/>
      <c r="Q2852" s="52"/>
      <c r="R2852" s="52"/>
      <c r="S2852" s="52"/>
      <c r="T2852" s="52"/>
      <c r="U2852" s="52"/>
      <c r="V2852" s="52"/>
      <c r="W2852" s="52"/>
    </row>
    <row r="2853" spans="1:23" hidden="1" x14ac:dyDescent="0.35">
      <c r="A2853" s="52" t="s">
        <v>78</v>
      </c>
      <c r="B2853" s="52" t="s">
        <v>79</v>
      </c>
      <c r="C2853" s="3">
        <v>20</v>
      </c>
      <c r="D2853" s="52" t="s">
        <v>84</v>
      </c>
      <c r="E2853" s="52" t="s">
        <v>26</v>
      </c>
      <c r="F2853" s="52" t="s">
        <v>81</v>
      </c>
      <c r="G2853" s="52" t="s">
        <v>82</v>
      </c>
      <c r="H2853" s="4">
        <v>1</v>
      </c>
      <c r="I2853" s="2">
        <v>14.65</v>
      </c>
      <c r="J2853" s="52" t="s">
        <v>7351</v>
      </c>
      <c r="K2853" s="71" t="s">
        <v>7352</v>
      </c>
      <c r="L2853" s="52" t="s">
        <v>2063</v>
      </c>
      <c r="M2853" s="72">
        <v>7008</v>
      </c>
      <c r="N2853" s="52" t="s">
        <v>2072</v>
      </c>
      <c r="O2853" s="52" t="s">
        <v>2073</v>
      </c>
      <c r="P2853" s="52"/>
      <c r="Q2853" s="52"/>
      <c r="R2853" s="52"/>
      <c r="S2853" s="52"/>
      <c r="T2853" s="52"/>
      <c r="U2853" s="52"/>
      <c r="V2853" s="52"/>
      <c r="W2853" s="52"/>
    </row>
    <row r="2854" spans="1:23" hidden="1" x14ac:dyDescent="0.35">
      <c r="A2854" s="52" t="s">
        <v>78</v>
      </c>
      <c r="B2854" s="52" t="s">
        <v>79</v>
      </c>
      <c r="C2854" s="3">
        <v>10</v>
      </c>
      <c r="D2854" s="52" t="s">
        <v>80</v>
      </c>
      <c r="E2854" s="52" t="s">
        <v>26</v>
      </c>
      <c r="F2854" s="52" t="s">
        <v>81</v>
      </c>
      <c r="G2854" s="52" t="s">
        <v>82</v>
      </c>
      <c r="H2854" s="4">
        <v>1</v>
      </c>
      <c r="I2854" s="2">
        <v>14.65</v>
      </c>
      <c r="J2854" s="52" t="s">
        <v>7353</v>
      </c>
      <c r="K2854" s="71" t="s">
        <v>7354</v>
      </c>
      <c r="L2854" s="52" t="s">
        <v>2063</v>
      </c>
      <c r="M2854" s="72">
        <v>9849</v>
      </c>
      <c r="N2854" s="52" t="s">
        <v>2072</v>
      </c>
      <c r="O2854" s="52" t="s">
        <v>2073</v>
      </c>
      <c r="P2854" s="52"/>
      <c r="Q2854" s="52"/>
      <c r="R2854" s="52"/>
      <c r="S2854" s="52"/>
      <c r="T2854" s="52"/>
      <c r="U2854" s="52"/>
      <c r="V2854" s="52"/>
      <c r="W2854" s="52"/>
    </row>
    <row r="2855" spans="1:23" hidden="1" x14ac:dyDescent="0.35">
      <c r="A2855" s="52" t="s">
        <v>78</v>
      </c>
      <c r="B2855" s="52" t="s">
        <v>79</v>
      </c>
      <c r="C2855" s="3">
        <v>20</v>
      </c>
      <c r="D2855" s="52" t="s">
        <v>2020</v>
      </c>
      <c r="E2855" s="52" t="s">
        <v>26</v>
      </c>
      <c r="F2855" s="52" t="s">
        <v>81</v>
      </c>
      <c r="G2855" s="52" t="s">
        <v>82</v>
      </c>
      <c r="H2855" s="4">
        <v>1</v>
      </c>
      <c r="I2855" s="2">
        <v>14.65</v>
      </c>
      <c r="J2855" s="52" t="s">
        <v>7355</v>
      </c>
      <c r="K2855" s="71" t="s">
        <v>7356</v>
      </c>
      <c r="L2855" s="52" t="s">
        <v>2063</v>
      </c>
      <c r="M2855" s="72">
        <v>152</v>
      </c>
      <c r="N2855" s="52"/>
      <c r="O2855" s="52"/>
      <c r="P2855" s="52"/>
      <c r="Q2855" s="52"/>
      <c r="R2855" s="52"/>
      <c r="S2855" s="52"/>
      <c r="T2855" s="52"/>
      <c r="U2855" s="52"/>
      <c r="V2855" s="52"/>
      <c r="W2855" s="52"/>
    </row>
    <row r="2856" spans="1:23" hidden="1" x14ac:dyDescent="0.35">
      <c r="A2856" s="52" t="s">
        <v>78</v>
      </c>
      <c r="B2856" s="52" t="s">
        <v>79</v>
      </c>
      <c r="C2856" s="3">
        <v>20</v>
      </c>
      <c r="D2856" s="52" t="s">
        <v>2023</v>
      </c>
      <c r="E2856" s="52" t="s">
        <v>26</v>
      </c>
      <c r="F2856" s="52" t="s">
        <v>81</v>
      </c>
      <c r="G2856" s="52" t="s">
        <v>82</v>
      </c>
      <c r="H2856" s="4">
        <v>1</v>
      </c>
      <c r="I2856" s="2">
        <v>14.65</v>
      </c>
      <c r="J2856" s="52" t="s">
        <v>7357</v>
      </c>
      <c r="K2856" s="71" t="s">
        <v>7358</v>
      </c>
      <c r="L2856" s="52" t="s">
        <v>2063</v>
      </c>
      <c r="M2856" s="72">
        <v>4296</v>
      </c>
      <c r="N2856" s="52" t="s">
        <v>2066</v>
      </c>
      <c r="O2856" s="52" t="s">
        <v>2067</v>
      </c>
      <c r="P2856" s="52"/>
      <c r="Q2856" s="52"/>
      <c r="R2856" s="52"/>
      <c r="S2856" s="52"/>
      <c r="T2856" s="52"/>
      <c r="U2856" s="52"/>
      <c r="V2856" s="52"/>
      <c r="W2856" s="52"/>
    </row>
    <row r="2857" spans="1:23" hidden="1" x14ac:dyDescent="0.35">
      <c r="A2857" s="52" t="s">
        <v>78</v>
      </c>
      <c r="B2857" s="52" t="s">
        <v>79</v>
      </c>
      <c r="C2857" s="3">
        <v>20</v>
      </c>
      <c r="D2857" s="52" t="s">
        <v>2021</v>
      </c>
      <c r="E2857" s="52" t="s">
        <v>26</v>
      </c>
      <c r="F2857" s="52" t="s">
        <v>81</v>
      </c>
      <c r="G2857" s="52" t="s">
        <v>82</v>
      </c>
      <c r="H2857" s="4">
        <v>1</v>
      </c>
      <c r="I2857" s="2">
        <v>14.65</v>
      </c>
      <c r="J2857" s="52" t="s">
        <v>7359</v>
      </c>
      <c r="K2857" s="71" t="s">
        <v>7360</v>
      </c>
      <c r="L2857" s="52" t="s">
        <v>2095</v>
      </c>
      <c r="M2857" s="72">
        <v>2807</v>
      </c>
      <c r="N2857" s="52"/>
      <c r="O2857" s="52"/>
      <c r="P2857" s="52"/>
      <c r="Q2857" s="52"/>
      <c r="R2857" s="52"/>
      <c r="S2857" s="52"/>
      <c r="T2857" s="52"/>
      <c r="U2857" s="52"/>
      <c r="V2857" s="52"/>
      <c r="W2857" s="52"/>
    </row>
    <row r="2858" spans="1:23" x14ac:dyDescent="0.35">
      <c r="A2858" s="52" t="s">
        <v>78</v>
      </c>
      <c r="B2858" s="52" t="s">
        <v>79</v>
      </c>
      <c r="C2858" s="3">
        <v>211</v>
      </c>
      <c r="D2858" s="52" t="s">
        <v>87</v>
      </c>
      <c r="E2858" s="52" t="s">
        <v>26</v>
      </c>
      <c r="F2858" s="52" t="s">
        <v>81</v>
      </c>
      <c r="G2858" s="52" t="s">
        <v>82</v>
      </c>
      <c r="H2858" s="4">
        <v>1</v>
      </c>
      <c r="I2858" s="2">
        <v>14.65</v>
      </c>
      <c r="J2858" s="52" t="s">
        <v>7361</v>
      </c>
      <c r="K2858" s="71" t="s">
        <v>7362</v>
      </c>
      <c r="L2858" s="52" t="s">
        <v>2063</v>
      </c>
      <c r="M2858" s="72">
        <v>3515</v>
      </c>
      <c r="N2858" s="52" t="s">
        <v>2259</v>
      </c>
      <c r="O2858" s="52" t="s">
        <v>2260</v>
      </c>
      <c r="P2858" s="52"/>
      <c r="Q2858" s="52"/>
      <c r="R2858" s="52"/>
      <c r="S2858" s="52"/>
      <c r="T2858" s="52"/>
      <c r="U2858" s="52"/>
      <c r="V2858" s="52"/>
      <c r="W2858" s="52"/>
    </row>
    <row r="2859" spans="1:23" x14ac:dyDescent="0.35">
      <c r="A2859" s="52" t="s">
        <v>78</v>
      </c>
      <c r="B2859" s="52" t="s">
        <v>79</v>
      </c>
      <c r="C2859" s="3">
        <v>20</v>
      </c>
      <c r="D2859" s="52" t="s">
        <v>85</v>
      </c>
      <c r="E2859" s="52" t="s">
        <v>26</v>
      </c>
      <c r="F2859" s="52" t="s">
        <v>81</v>
      </c>
      <c r="G2859" s="52" t="s">
        <v>82</v>
      </c>
      <c r="H2859" s="4">
        <v>1</v>
      </c>
      <c r="I2859" s="2">
        <v>14.65</v>
      </c>
      <c r="J2859" s="52" t="s">
        <v>7363</v>
      </c>
      <c r="K2859" s="71" t="s">
        <v>7364</v>
      </c>
      <c r="L2859" s="52" t="s">
        <v>2063</v>
      </c>
      <c r="M2859" s="72">
        <v>6718</v>
      </c>
      <c r="N2859" s="52" t="s">
        <v>2259</v>
      </c>
      <c r="O2859" s="52" t="s">
        <v>2260</v>
      </c>
      <c r="P2859" s="52"/>
      <c r="Q2859" s="52"/>
      <c r="R2859" s="52"/>
      <c r="S2859" s="52"/>
      <c r="T2859" s="52"/>
      <c r="U2859" s="52"/>
      <c r="V2859" s="52"/>
      <c r="W2859" s="52"/>
    </row>
    <row r="2860" spans="1:23" hidden="1" x14ac:dyDescent="0.35">
      <c r="A2860" s="52" t="s">
        <v>78</v>
      </c>
      <c r="B2860" s="52" t="s">
        <v>79</v>
      </c>
      <c r="C2860" s="3">
        <v>20</v>
      </c>
      <c r="D2860" s="52" t="s">
        <v>86</v>
      </c>
      <c r="E2860" s="52" t="s">
        <v>26</v>
      </c>
      <c r="F2860" s="52" t="s">
        <v>81</v>
      </c>
      <c r="G2860" s="52" t="s">
        <v>82</v>
      </c>
      <c r="H2860" s="4">
        <v>1</v>
      </c>
      <c r="I2860" s="2">
        <v>14.65</v>
      </c>
      <c r="J2860" s="52" t="s">
        <v>7365</v>
      </c>
      <c r="K2860" s="71" t="s">
        <v>7366</v>
      </c>
      <c r="L2860" s="52" t="s">
        <v>2063</v>
      </c>
      <c r="M2860" s="72">
        <v>2049</v>
      </c>
      <c r="N2860" s="52" t="s">
        <v>2072</v>
      </c>
      <c r="O2860" s="52" t="s">
        <v>2073</v>
      </c>
      <c r="P2860" s="52"/>
      <c r="Q2860" s="52"/>
      <c r="R2860" s="52"/>
      <c r="S2860" s="52"/>
      <c r="T2860" s="52"/>
      <c r="U2860" s="52"/>
      <c r="V2860" s="52"/>
      <c r="W2860" s="52"/>
    </row>
    <row r="2861" spans="1:23" x14ac:dyDescent="0.35">
      <c r="A2861" s="52" t="s">
        <v>78</v>
      </c>
      <c r="B2861" s="52" t="s">
        <v>79</v>
      </c>
      <c r="C2861" s="3">
        <v>212</v>
      </c>
      <c r="D2861" s="52" t="s">
        <v>87</v>
      </c>
      <c r="E2861" s="52" t="s">
        <v>26</v>
      </c>
      <c r="F2861" s="52" t="s">
        <v>81</v>
      </c>
      <c r="G2861" s="52" t="s">
        <v>82</v>
      </c>
      <c r="H2861" s="4">
        <v>1</v>
      </c>
      <c r="I2861" s="2">
        <v>14.65</v>
      </c>
      <c r="J2861" s="52" t="s">
        <v>7367</v>
      </c>
      <c r="K2861" s="71" t="s">
        <v>7368</v>
      </c>
      <c r="L2861" s="52" t="s">
        <v>2063</v>
      </c>
      <c r="M2861" s="72">
        <v>857</v>
      </c>
      <c r="N2861" s="52" t="s">
        <v>2259</v>
      </c>
      <c r="O2861" s="52" t="s">
        <v>2260</v>
      </c>
      <c r="P2861" s="52"/>
      <c r="Q2861" s="52"/>
      <c r="R2861" s="52"/>
      <c r="S2861" s="52"/>
      <c r="T2861" s="52"/>
      <c r="U2861" s="52"/>
      <c r="V2861" s="52"/>
      <c r="W2861" s="52"/>
    </row>
    <row r="2862" spans="1:23" x14ac:dyDescent="0.35">
      <c r="A2862" s="52" t="s">
        <v>78</v>
      </c>
      <c r="B2862" s="52" t="s">
        <v>79</v>
      </c>
      <c r="C2862" s="3">
        <v>20</v>
      </c>
      <c r="D2862" s="52" t="s">
        <v>87</v>
      </c>
      <c r="E2862" s="52" t="s">
        <v>26</v>
      </c>
      <c r="F2862" s="52" t="s">
        <v>81</v>
      </c>
      <c r="G2862" s="52" t="s">
        <v>82</v>
      </c>
      <c r="H2862" s="4">
        <v>1</v>
      </c>
      <c r="I2862" s="2">
        <v>14.65</v>
      </c>
      <c r="J2862" s="52" t="s">
        <v>7369</v>
      </c>
      <c r="K2862" s="71" t="s">
        <v>7370</v>
      </c>
      <c r="L2862" s="52" t="s">
        <v>2063</v>
      </c>
      <c r="M2862" s="72">
        <v>6600</v>
      </c>
      <c r="N2862" s="52" t="s">
        <v>2259</v>
      </c>
      <c r="O2862" s="52" t="s">
        <v>2260</v>
      </c>
      <c r="P2862" s="52"/>
      <c r="Q2862" s="52"/>
      <c r="R2862" s="52"/>
      <c r="S2862" s="52"/>
      <c r="T2862" s="52"/>
      <c r="U2862" s="52"/>
      <c r="V2862" s="52"/>
      <c r="W2862" s="52"/>
    </row>
    <row r="2863" spans="1:23" hidden="1" x14ac:dyDescent="0.35">
      <c r="A2863" s="52" t="s">
        <v>78</v>
      </c>
      <c r="B2863" s="52" t="s">
        <v>79</v>
      </c>
      <c r="C2863" s="3">
        <v>20</v>
      </c>
      <c r="D2863" s="52" t="s">
        <v>84</v>
      </c>
      <c r="E2863" s="52" t="s">
        <v>26</v>
      </c>
      <c r="F2863" s="52" t="s">
        <v>81</v>
      </c>
      <c r="G2863" s="52" t="s">
        <v>82</v>
      </c>
      <c r="H2863" s="4">
        <v>1</v>
      </c>
      <c r="I2863" s="2">
        <v>14.65</v>
      </c>
      <c r="J2863" s="52" t="s">
        <v>7371</v>
      </c>
      <c r="K2863" s="71" t="s">
        <v>7372</v>
      </c>
      <c r="L2863" s="52" t="s">
        <v>2063</v>
      </c>
      <c r="M2863" s="72">
        <v>9038</v>
      </c>
      <c r="N2863" s="52" t="s">
        <v>2072</v>
      </c>
      <c r="O2863" s="52" t="s">
        <v>2073</v>
      </c>
      <c r="P2863" s="52"/>
      <c r="Q2863" s="52"/>
      <c r="R2863" s="52"/>
      <c r="S2863" s="52"/>
      <c r="T2863" s="52"/>
      <c r="U2863" s="52"/>
      <c r="V2863" s="52"/>
      <c r="W2863" s="52"/>
    </row>
    <row r="2864" spans="1:23" x14ac:dyDescent="0.35">
      <c r="A2864" s="52" t="s">
        <v>78</v>
      </c>
      <c r="B2864" s="52" t="s">
        <v>79</v>
      </c>
      <c r="C2864" s="3">
        <v>212</v>
      </c>
      <c r="D2864" s="52" t="s">
        <v>2021</v>
      </c>
      <c r="E2864" s="52" t="s">
        <v>26</v>
      </c>
      <c r="F2864" s="52" t="s">
        <v>81</v>
      </c>
      <c r="G2864" s="52" t="s">
        <v>82</v>
      </c>
      <c r="H2864" s="4">
        <v>1</v>
      </c>
      <c r="I2864" s="2">
        <v>14.65</v>
      </c>
      <c r="J2864" s="52" t="s">
        <v>7373</v>
      </c>
      <c r="K2864" s="71" t="s">
        <v>7374</v>
      </c>
      <c r="L2864" s="52" t="s">
        <v>2063</v>
      </c>
      <c r="M2864" s="72">
        <v>6064</v>
      </c>
      <c r="N2864" s="52" t="s">
        <v>2076</v>
      </c>
      <c r="O2864" s="52" t="s">
        <v>2077</v>
      </c>
      <c r="P2864" s="52"/>
      <c r="Q2864" s="52"/>
      <c r="R2864" s="52"/>
      <c r="S2864" s="52"/>
      <c r="T2864" s="52"/>
      <c r="U2864" s="52"/>
      <c r="V2864" s="52"/>
      <c r="W2864" s="52"/>
    </row>
    <row r="2865" spans="1:23" hidden="1" x14ac:dyDescent="0.35">
      <c r="A2865" s="52" t="s">
        <v>78</v>
      </c>
      <c r="B2865" s="52" t="s">
        <v>79</v>
      </c>
      <c r="C2865" s="3">
        <v>20</v>
      </c>
      <c r="D2865" s="52" t="s">
        <v>2024</v>
      </c>
      <c r="E2865" s="52" t="s">
        <v>26</v>
      </c>
      <c r="F2865" s="52" t="s">
        <v>81</v>
      </c>
      <c r="G2865" s="52" t="s">
        <v>82</v>
      </c>
      <c r="H2865" s="4">
        <v>1</v>
      </c>
      <c r="I2865" s="2">
        <v>14.65</v>
      </c>
      <c r="J2865" s="52" t="s">
        <v>7375</v>
      </c>
      <c r="K2865" s="71" t="s">
        <v>7376</v>
      </c>
      <c r="L2865" s="52" t="s">
        <v>2063</v>
      </c>
      <c r="M2865" s="72">
        <v>8884</v>
      </c>
      <c r="N2865" s="52" t="s">
        <v>2072</v>
      </c>
      <c r="O2865" s="52" t="s">
        <v>2073</v>
      </c>
      <c r="P2865" s="52"/>
      <c r="Q2865" s="52"/>
      <c r="R2865" s="52"/>
      <c r="S2865" s="52"/>
      <c r="T2865" s="52"/>
      <c r="U2865" s="52"/>
      <c r="V2865" s="52"/>
      <c r="W2865" s="52"/>
    </row>
    <row r="2866" spans="1:23" hidden="1" x14ac:dyDescent="0.35">
      <c r="A2866" s="52" t="s">
        <v>78</v>
      </c>
      <c r="B2866" s="52" t="s">
        <v>79</v>
      </c>
      <c r="C2866" s="3">
        <v>20</v>
      </c>
      <c r="D2866" s="52" t="s">
        <v>2023</v>
      </c>
      <c r="E2866" s="52" t="s">
        <v>26</v>
      </c>
      <c r="F2866" s="52" t="s">
        <v>81</v>
      </c>
      <c r="G2866" s="52" t="s">
        <v>82</v>
      </c>
      <c r="H2866" s="4">
        <v>1</v>
      </c>
      <c r="I2866" s="2">
        <v>14.65</v>
      </c>
      <c r="J2866" s="52" t="s">
        <v>7377</v>
      </c>
      <c r="K2866" s="71" t="s">
        <v>7378</v>
      </c>
      <c r="L2866" s="52" t="s">
        <v>2063</v>
      </c>
      <c r="M2866" s="72">
        <v>4518</v>
      </c>
      <c r="N2866" s="52" t="s">
        <v>2066</v>
      </c>
      <c r="O2866" s="52" t="s">
        <v>2067</v>
      </c>
      <c r="P2866" s="52"/>
      <c r="Q2866" s="52"/>
      <c r="R2866" s="52"/>
      <c r="S2866" s="52"/>
      <c r="T2866" s="52"/>
      <c r="U2866" s="52"/>
      <c r="V2866" s="52"/>
      <c r="W2866" s="52"/>
    </row>
    <row r="2867" spans="1:23" hidden="1" x14ac:dyDescent="0.35">
      <c r="A2867" s="52" t="s">
        <v>78</v>
      </c>
      <c r="B2867" s="52" t="s">
        <v>79</v>
      </c>
      <c r="C2867" s="3">
        <v>10</v>
      </c>
      <c r="D2867" s="52" t="s">
        <v>2022</v>
      </c>
      <c r="E2867" s="52" t="s">
        <v>26</v>
      </c>
      <c r="F2867" s="52" t="s">
        <v>81</v>
      </c>
      <c r="G2867" s="52" t="s">
        <v>82</v>
      </c>
      <c r="H2867" s="4">
        <v>1</v>
      </c>
      <c r="I2867" s="2">
        <v>14.65</v>
      </c>
      <c r="J2867" s="52" t="s">
        <v>7379</v>
      </c>
      <c r="K2867" s="71" t="s">
        <v>7380</v>
      </c>
      <c r="L2867" s="52" t="s">
        <v>2063</v>
      </c>
      <c r="M2867" s="72">
        <v>2902</v>
      </c>
      <c r="N2867" s="52"/>
      <c r="O2867" s="52"/>
      <c r="P2867" s="52"/>
      <c r="Q2867" s="52"/>
      <c r="R2867" s="52"/>
      <c r="S2867" s="52"/>
      <c r="T2867" s="52"/>
      <c r="U2867" s="52"/>
      <c r="V2867" s="52"/>
      <c r="W2867" s="52"/>
    </row>
    <row r="2868" spans="1:23" hidden="1" x14ac:dyDescent="0.35">
      <c r="A2868" s="52" t="s">
        <v>78</v>
      </c>
      <c r="B2868" s="52" t="s">
        <v>79</v>
      </c>
      <c r="C2868" s="3">
        <v>20</v>
      </c>
      <c r="D2868" s="52" t="s">
        <v>87</v>
      </c>
      <c r="E2868" s="52" t="s">
        <v>26</v>
      </c>
      <c r="F2868" s="52" t="s">
        <v>81</v>
      </c>
      <c r="G2868" s="52" t="s">
        <v>82</v>
      </c>
      <c r="H2868" s="4">
        <v>1</v>
      </c>
      <c r="I2868" s="2">
        <v>14.65</v>
      </c>
      <c r="J2868" s="52" t="s">
        <v>7381</v>
      </c>
      <c r="K2868" s="71" t="s">
        <v>7382</v>
      </c>
      <c r="L2868" s="52" t="s">
        <v>2095</v>
      </c>
      <c r="M2868" s="72">
        <v>252</v>
      </c>
      <c r="N2868" s="52"/>
      <c r="O2868" s="52"/>
      <c r="P2868" s="52"/>
      <c r="Q2868" s="52"/>
      <c r="R2868" s="52"/>
      <c r="S2868" s="52"/>
      <c r="T2868" s="52"/>
      <c r="U2868" s="52"/>
      <c r="V2868" s="52"/>
      <c r="W2868" s="52"/>
    </row>
    <row r="2869" spans="1:23" hidden="1" x14ac:dyDescent="0.35">
      <c r="A2869" s="52" t="s">
        <v>78</v>
      </c>
      <c r="B2869" s="52" t="s">
        <v>79</v>
      </c>
      <c r="C2869" s="3">
        <v>211</v>
      </c>
      <c r="D2869" s="52" t="s">
        <v>2024</v>
      </c>
      <c r="E2869" s="52" t="s">
        <v>26</v>
      </c>
      <c r="F2869" s="52" t="s">
        <v>81</v>
      </c>
      <c r="G2869" s="52" t="s">
        <v>82</v>
      </c>
      <c r="H2869" s="4">
        <v>1</v>
      </c>
      <c r="I2869" s="2">
        <v>14.65</v>
      </c>
      <c r="J2869" s="52" t="s">
        <v>7383</v>
      </c>
      <c r="K2869" s="71" t="s">
        <v>7384</v>
      </c>
      <c r="L2869" s="52" t="s">
        <v>2063</v>
      </c>
      <c r="M2869" s="72">
        <v>3689</v>
      </c>
      <c r="N2869" s="52" t="s">
        <v>2158</v>
      </c>
      <c r="O2869" s="52" t="s">
        <v>2159</v>
      </c>
      <c r="P2869" s="52"/>
      <c r="Q2869" s="52"/>
      <c r="R2869" s="52"/>
      <c r="S2869" s="52"/>
      <c r="T2869" s="52"/>
      <c r="U2869" s="52"/>
      <c r="V2869" s="52"/>
      <c r="W2869" s="52"/>
    </row>
    <row r="2870" spans="1:23" hidden="1" x14ac:dyDescent="0.35">
      <c r="A2870" s="52" t="s">
        <v>78</v>
      </c>
      <c r="B2870" s="52" t="s">
        <v>79</v>
      </c>
      <c r="C2870" s="3">
        <v>10</v>
      </c>
      <c r="D2870" s="52" t="s">
        <v>85</v>
      </c>
      <c r="E2870" s="52" t="s">
        <v>26</v>
      </c>
      <c r="F2870" s="52" t="s">
        <v>81</v>
      </c>
      <c r="G2870" s="52" t="s">
        <v>82</v>
      </c>
      <c r="H2870" s="4">
        <v>1</v>
      </c>
      <c r="I2870" s="2">
        <v>14.65</v>
      </c>
      <c r="J2870" s="52" t="s">
        <v>7385</v>
      </c>
      <c r="K2870" s="71" t="s">
        <v>7386</v>
      </c>
      <c r="L2870" s="52" t="s">
        <v>2063</v>
      </c>
      <c r="M2870" s="72">
        <v>4695</v>
      </c>
      <c r="N2870" s="52" t="s">
        <v>2072</v>
      </c>
      <c r="O2870" s="52" t="s">
        <v>2073</v>
      </c>
      <c r="P2870" s="52"/>
      <c r="Q2870" s="52"/>
      <c r="R2870" s="52"/>
      <c r="S2870" s="52"/>
      <c r="T2870" s="52"/>
      <c r="U2870" s="52"/>
      <c r="V2870" s="52"/>
      <c r="W2870" s="52"/>
    </row>
    <row r="2871" spans="1:23" hidden="1" x14ac:dyDescent="0.35">
      <c r="A2871" s="52" t="s">
        <v>78</v>
      </c>
      <c r="B2871" s="52" t="s">
        <v>79</v>
      </c>
      <c r="C2871" s="3">
        <v>10</v>
      </c>
      <c r="D2871" s="52" t="s">
        <v>2023</v>
      </c>
      <c r="E2871" s="52" t="s">
        <v>26</v>
      </c>
      <c r="F2871" s="52" t="s">
        <v>81</v>
      </c>
      <c r="G2871" s="52" t="s">
        <v>82</v>
      </c>
      <c r="H2871" s="4">
        <v>1</v>
      </c>
      <c r="I2871" s="2">
        <v>14.65</v>
      </c>
      <c r="J2871" s="52" t="s">
        <v>7387</v>
      </c>
      <c r="K2871" s="71" t="s">
        <v>7388</v>
      </c>
      <c r="L2871" s="52" t="s">
        <v>2063</v>
      </c>
      <c r="M2871" s="72">
        <v>3928</v>
      </c>
      <c r="N2871" s="52"/>
      <c r="O2871" s="52"/>
      <c r="P2871" s="52"/>
      <c r="Q2871" s="52"/>
      <c r="R2871" s="52"/>
      <c r="S2871" s="52"/>
      <c r="T2871" s="52"/>
      <c r="U2871" s="52"/>
      <c r="V2871" s="52"/>
      <c r="W2871" s="52"/>
    </row>
    <row r="2872" spans="1:23" hidden="1" x14ac:dyDescent="0.35">
      <c r="A2872" s="52" t="s">
        <v>78</v>
      </c>
      <c r="B2872" s="52" t="s">
        <v>79</v>
      </c>
      <c r="C2872" s="3">
        <v>211</v>
      </c>
      <c r="D2872" s="52" t="s">
        <v>2024</v>
      </c>
      <c r="E2872" s="52" t="s">
        <v>26</v>
      </c>
      <c r="F2872" s="52" t="s">
        <v>81</v>
      </c>
      <c r="G2872" s="52" t="s">
        <v>82</v>
      </c>
      <c r="H2872" s="4">
        <v>1</v>
      </c>
      <c r="I2872" s="2">
        <v>14.65</v>
      </c>
      <c r="J2872" s="52" t="s">
        <v>7389</v>
      </c>
      <c r="K2872" s="71" t="s">
        <v>7390</v>
      </c>
      <c r="L2872" s="52" t="s">
        <v>2063</v>
      </c>
      <c r="M2872" s="72">
        <v>4330</v>
      </c>
      <c r="N2872" s="52" t="s">
        <v>2158</v>
      </c>
      <c r="O2872" s="52" t="s">
        <v>2159</v>
      </c>
      <c r="P2872" s="52"/>
      <c r="Q2872" s="52"/>
      <c r="R2872" s="52"/>
      <c r="S2872" s="52"/>
      <c r="T2872" s="52"/>
      <c r="U2872" s="52"/>
      <c r="V2872" s="52"/>
      <c r="W2872" s="52"/>
    </row>
    <row r="2873" spans="1:23" hidden="1" x14ac:dyDescent="0.35">
      <c r="A2873" s="52" t="s">
        <v>78</v>
      </c>
      <c r="B2873" s="52" t="s">
        <v>79</v>
      </c>
      <c r="C2873" s="3">
        <v>10</v>
      </c>
      <c r="D2873" s="52" t="s">
        <v>84</v>
      </c>
      <c r="E2873" s="52" t="s">
        <v>26</v>
      </c>
      <c r="F2873" s="52" t="s">
        <v>81</v>
      </c>
      <c r="G2873" s="52" t="s">
        <v>82</v>
      </c>
      <c r="H2873" s="4">
        <v>1</v>
      </c>
      <c r="I2873" s="2">
        <v>14.65</v>
      </c>
      <c r="J2873" s="52" t="s">
        <v>7391</v>
      </c>
      <c r="K2873" s="71" t="s">
        <v>7392</v>
      </c>
      <c r="L2873" s="52" t="s">
        <v>2063</v>
      </c>
      <c r="M2873" s="72">
        <v>3929</v>
      </c>
      <c r="N2873" s="52" t="s">
        <v>2072</v>
      </c>
      <c r="O2873" s="52" t="s">
        <v>2073</v>
      </c>
      <c r="P2873" s="52"/>
      <c r="Q2873" s="52"/>
      <c r="R2873" s="52"/>
      <c r="S2873" s="52"/>
      <c r="T2873" s="52"/>
      <c r="U2873" s="52"/>
      <c r="V2873" s="52"/>
      <c r="W2873" s="52"/>
    </row>
    <row r="2874" spans="1:23" hidden="1" x14ac:dyDescent="0.35">
      <c r="A2874" s="52" t="s">
        <v>78</v>
      </c>
      <c r="B2874" s="52" t="s">
        <v>79</v>
      </c>
      <c r="C2874" s="3">
        <v>10</v>
      </c>
      <c r="D2874" s="52" t="s">
        <v>2024</v>
      </c>
      <c r="E2874" s="52" t="s">
        <v>26</v>
      </c>
      <c r="F2874" s="52" t="s">
        <v>81</v>
      </c>
      <c r="G2874" s="52" t="s">
        <v>82</v>
      </c>
      <c r="H2874" s="4">
        <v>1</v>
      </c>
      <c r="I2874" s="2">
        <v>14.65</v>
      </c>
      <c r="J2874" s="52" t="s">
        <v>7393</v>
      </c>
      <c r="K2874" s="71" t="s">
        <v>7394</v>
      </c>
      <c r="L2874" s="52" t="s">
        <v>2063</v>
      </c>
      <c r="M2874" s="72">
        <v>1357</v>
      </c>
      <c r="N2874" s="52" t="s">
        <v>2072</v>
      </c>
      <c r="O2874" s="52" t="s">
        <v>2073</v>
      </c>
      <c r="P2874" s="52" t="s">
        <v>2072</v>
      </c>
      <c r="Q2874" s="52" t="s">
        <v>2073</v>
      </c>
      <c r="R2874" s="52"/>
      <c r="S2874" s="52"/>
      <c r="T2874" s="52"/>
      <c r="U2874" s="52"/>
      <c r="V2874" s="52"/>
      <c r="W2874" s="52"/>
    </row>
    <row r="2875" spans="1:23" x14ac:dyDescent="0.35">
      <c r="A2875" s="52" t="s">
        <v>78</v>
      </c>
      <c r="B2875" s="52" t="s">
        <v>79</v>
      </c>
      <c r="C2875" s="3">
        <v>20</v>
      </c>
      <c r="D2875" s="52" t="s">
        <v>80</v>
      </c>
      <c r="E2875" s="52" t="s">
        <v>26</v>
      </c>
      <c r="F2875" s="52" t="s">
        <v>81</v>
      </c>
      <c r="G2875" s="52" t="s">
        <v>82</v>
      </c>
      <c r="H2875" s="4">
        <v>1</v>
      </c>
      <c r="I2875" s="2">
        <v>14.65</v>
      </c>
      <c r="J2875" s="52" t="s">
        <v>7395</v>
      </c>
      <c r="K2875" s="71" t="s">
        <v>7396</v>
      </c>
      <c r="L2875" s="52" t="s">
        <v>2063</v>
      </c>
      <c r="M2875" s="72">
        <v>7525</v>
      </c>
      <c r="N2875" s="52" t="s">
        <v>2076</v>
      </c>
      <c r="O2875" s="52" t="s">
        <v>2077</v>
      </c>
      <c r="P2875" s="52"/>
      <c r="Q2875" s="52"/>
      <c r="R2875" s="52"/>
      <c r="S2875" s="52"/>
      <c r="T2875" s="52"/>
      <c r="U2875" s="52"/>
      <c r="V2875" s="52"/>
      <c r="W2875" s="52"/>
    </row>
    <row r="2876" spans="1:23" hidden="1" x14ac:dyDescent="0.35">
      <c r="A2876" s="52" t="s">
        <v>78</v>
      </c>
      <c r="B2876" s="52" t="s">
        <v>79</v>
      </c>
      <c r="C2876" s="3">
        <v>20</v>
      </c>
      <c r="D2876" s="52" t="s">
        <v>2023</v>
      </c>
      <c r="E2876" s="52" t="s">
        <v>26</v>
      </c>
      <c r="F2876" s="52" t="s">
        <v>81</v>
      </c>
      <c r="G2876" s="52" t="s">
        <v>82</v>
      </c>
      <c r="H2876" s="4">
        <v>1</v>
      </c>
      <c r="I2876" s="2">
        <v>14.65</v>
      </c>
      <c r="J2876" s="52" t="s">
        <v>7397</v>
      </c>
      <c r="K2876" s="71" t="s">
        <v>7398</v>
      </c>
      <c r="L2876" s="52" t="s">
        <v>2063</v>
      </c>
      <c r="M2876" s="72">
        <v>2904</v>
      </c>
      <c r="N2876" s="52" t="s">
        <v>2072</v>
      </c>
      <c r="O2876" s="52" t="s">
        <v>2073</v>
      </c>
      <c r="P2876" s="52"/>
      <c r="Q2876" s="52"/>
      <c r="R2876" s="52"/>
      <c r="S2876" s="52"/>
      <c r="T2876" s="52"/>
      <c r="U2876" s="52"/>
      <c r="V2876" s="52"/>
      <c r="W2876" s="52"/>
    </row>
    <row r="2877" spans="1:23" hidden="1" x14ac:dyDescent="0.35">
      <c r="A2877" s="52" t="s">
        <v>78</v>
      </c>
      <c r="B2877" s="52" t="s">
        <v>79</v>
      </c>
      <c r="C2877" s="3">
        <v>10</v>
      </c>
      <c r="D2877" s="52" t="s">
        <v>80</v>
      </c>
      <c r="E2877" s="52" t="s">
        <v>26</v>
      </c>
      <c r="F2877" s="52" t="s">
        <v>81</v>
      </c>
      <c r="G2877" s="52" t="s">
        <v>82</v>
      </c>
      <c r="H2877" s="4">
        <v>1</v>
      </c>
      <c r="I2877" s="2">
        <v>14.65</v>
      </c>
      <c r="J2877" s="52" t="s">
        <v>7399</v>
      </c>
      <c r="K2877" s="71" t="s">
        <v>7400</v>
      </c>
      <c r="L2877" s="52" t="s">
        <v>2063</v>
      </c>
      <c r="M2877" s="72">
        <v>1339</v>
      </c>
      <c r="N2877" s="52" t="s">
        <v>2066</v>
      </c>
      <c r="O2877" s="52" t="s">
        <v>2067</v>
      </c>
      <c r="P2877" s="52"/>
      <c r="Q2877" s="52"/>
      <c r="R2877" s="52"/>
      <c r="S2877" s="52"/>
      <c r="T2877" s="52"/>
      <c r="U2877" s="52"/>
      <c r="V2877" s="52"/>
      <c r="W2877" s="52"/>
    </row>
    <row r="2878" spans="1:23" hidden="1" x14ac:dyDescent="0.35">
      <c r="A2878" s="52" t="s">
        <v>78</v>
      </c>
      <c r="B2878" s="52" t="s">
        <v>79</v>
      </c>
      <c r="C2878" s="3">
        <v>20</v>
      </c>
      <c r="D2878" s="52" t="s">
        <v>2021</v>
      </c>
      <c r="E2878" s="52" t="s">
        <v>26</v>
      </c>
      <c r="F2878" s="52" t="s">
        <v>81</v>
      </c>
      <c r="G2878" s="52" t="s">
        <v>82</v>
      </c>
      <c r="H2878" s="4">
        <v>1</v>
      </c>
      <c r="I2878" s="2">
        <v>14.65</v>
      </c>
      <c r="J2878" s="52" t="s">
        <v>7401</v>
      </c>
      <c r="K2878" s="71" t="s">
        <v>7402</v>
      </c>
      <c r="L2878" s="52" t="s">
        <v>2063</v>
      </c>
      <c r="M2878" s="72">
        <v>4906</v>
      </c>
      <c r="N2878" s="52"/>
      <c r="O2878" s="52"/>
      <c r="P2878" s="52"/>
      <c r="Q2878" s="52"/>
      <c r="R2878" s="52"/>
      <c r="S2878" s="52"/>
      <c r="T2878" s="52"/>
      <c r="U2878" s="52"/>
      <c r="V2878" s="52"/>
      <c r="W2878" s="52"/>
    </row>
    <row r="2879" spans="1:23" hidden="1" x14ac:dyDescent="0.35">
      <c r="A2879" s="52" t="s">
        <v>78</v>
      </c>
      <c r="B2879" s="52" t="s">
        <v>79</v>
      </c>
      <c r="C2879" s="3">
        <v>20</v>
      </c>
      <c r="D2879" s="52" t="s">
        <v>80</v>
      </c>
      <c r="E2879" s="52" t="s">
        <v>26</v>
      </c>
      <c r="F2879" s="52" t="s">
        <v>81</v>
      </c>
      <c r="G2879" s="52" t="s">
        <v>82</v>
      </c>
      <c r="H2879" s="4">
        <v>1</v>
      </c>
      <c r="I2879" s="2">
        <v>14.65</v>
      </c>
      <c r="J2879" s="52" t="s">
        <v>7403</v>
      </c>
      <c r="K2879" s="71" t="s">
        <v>7404</v>
      </c>
      <c r="L2879" s="52" t="s">
        <v>2063</v>
      </c>
      <c r="M2879" s="72">
        <v>5854</v>
      </c>
      <c r="N2879" s="52"/>
      <c r="O2879" s="52"/>
      <c r="P2879" s="52"/>
      <c r="Q2879" s="52"/>
      <c r="R2879" s="52"/>
      <c r="S2879" s="52"/>
      <c r="T2879" s="52"/>
      <c r="U2879" s="52"/>
      <c r="V2879" s="52"/>
      <c r="W2879" s="52"/>
    </row>
    <row r="2880" spans="1:23" hidden="1" x14ac:dyDescent="0.35">
      <c r="A2880" s="52" t="s">
        <v>78</v>
      </c>
      <c r="B2880" s="52" t="s">
        <v>79</v>
      </c>
      <c r="C2880" s="3">
        <v>20</v>
      </c>
      <c r="D2880" s="52" t="s">
        <v>2024</v>
      </c>
      <c r="E2880" s="52" t="s">
        <v>26</v>
      </c>
      <c r="F2880" s="52" t="s">
        <v>81</v>
      </c>
      <c r="G2880" s="52" t="s">
        <v>82</v>
      </c>
      <c r="H2880" s="4">
        <v>1</v>
      </c>
      <c r="I2880" s="2">
        <v>14.65</v>
      </c>
      <c r="J2880" s="52" t="s">
        <v>5591</v>
      </c>
      <c r="K2880" s="71" t="s">
        <v>7405</v>
      </c>
      <c r="L2880" s="52" t="s">
        <v>2063</v>
      </c>
      <c r="M2880" s="72">
        <v>7008</v>
      </c>
      <c r="N2880" s="52"/>
      <c r="O2880" s="52"/>
      <c r="P2880" s="52"/>
      <c r="Q2880" s="52"/>
      <c r="R2880" s="52"/>
      <c r="S2880" s="52"/>
      <c r="T2880" s="52"/>
      <c r="U2880" s="52"/>
      <c r="V2880" s="52"/>
      <c r="W2880" s="52"/>
    </row>
    <row r="2881" spans="1:23" hidden="1" x14ac:dyDescent="0.35">
      <c r="A2881" s="52" t="s">
        <v>78</v>
      </c>
      <c r="B2881" s="52" t="s">
        <v>79</v>
      </c>
      <c r="C2881" s="3">
        <v>10</v>
      </c>
      <c r="D2881" s="52" t="s">
        <v>80</v>
      </c>
      <c r="E2881" s="52" t="s">
        <v>26</v>
      </c>
      <c r="F2881" s="52" t="s">
        <v>81</v>
      </c>
      <c r="G2881" s="52" t="s">
        <v>82</v>
      </c>
      <c r="H2881" s="4">
        <v>1</v>
      </c>
      <c r="I2881" s="2">
        <v>14.65</v>
      </c>
      <c r="J2881" s="52" t="s">
        <v>7406</v>
      </c>
      <c r="K2881" s="71" t="s">
        <v>7407</v>
      </c>
      <c r="L2881" s="52" t="s">
        <v>2063</v>
      </c>
      <c r="M2881" s="72">
        <v>9789</v>
      </c>
      <c r="N2881" s="52" t="s">
        <v>2072</v>
      </c>
      <c r="O2881" s="52" t="s">
        <v>2073</v>
      </c>
      <c r="P2881" s="52"/>
      <c r="Q2881" s="52"/>
      <c r="R2881" s="52"/>
      <c r="S2881" s="52"/>
      <c r="T2881" s="52"/>
      <c r="U2881" s="52"/>
      <c r="V2881" s="52"/>
      <c r="W2881" s="52"/>
    </row>
    <row r="2882" spans="1:23" hidden="1" x14ac:dyDescent="0.35">
      <c r="A2882" s="52" t="s">
        <v>78</v>
      </c>
      <c r="B2882" s="52" t="s">
        <v>79</v>
      </c>
      <c r="C2882" s="3">
        <v>20</v>
      </c>
      <c r="D2882" s="52" t="s">
        <v>87</v>
      </c>
      <c r="E2882" s="52" t="s">
        <v>26</v>
      </c>
      <c r="F2882" s="52" t="s">
        <v>81</v>
      </c>
      <c r="G2882" s="52" t="s">
        <v>82</v>
      </c>
      <c r="H2882" s="4">
        <v>1</v>
      </c>
      <c r="I2882" s="2">
        <v>14.65</v>
      </c>
      <c r="J2882" s="52" t="s">
        <v>7408</v>
      </c>
      <c r="K2882" s="71" t="s">
        <v>7409</v>
      </c>
      <c r="L2882" s="52" t="s">
        <v>2063</v>
      </c>
      <c r="M2882" s="72">
        <v>7695</v>
      </c>
      <c r="N2882" s="52" t="s">
        <v>2066</v>
      </c>
      <c r="O2882" s="52" t="s">
        <v>2067</v>
      </c>
      <c r="P2882" s="52"/>
      <c r="Q2882" s="52"/>
      <c r="R2882" s="52"/>
      <c r="S2882" s="52"/>
      <c r="T2882" s="52"/>
      <c r="U2882" s="52"/>
      <c r="V2882" s="52"/>
      <c r="W2882" s="52"/>
    </row>
    <row r="2883" spans="1:23" hidden="1" x14ac:dyDescent="0.35">
      <c r="A2883" s="52" t="s">
        <v>78</v>
      </c>
      <c r="B2883" s="52" t="s">
        <v>79</v>
      </c>
      <c r="C2883" s="3">
        <v>211</v>
      </c>
      <c r="D2883" s="52" t="s">
        <v>80</v>
      </c>
      <c r="E2883" s="52" t="s">
        <v>26</v>
      </c>
      <c r="F2883" s="52" t="s">
        <v>81</v>
      </c>
      <c r="G2883" s="52" t="s">
        <v>82</v>
      </c>
      <c r="H2883" s="4">
        <v>1</v>
      </c>
      <c r="I2883" s="2">
        <v>14.65</v>
      </c>
      <c r="J2883" s="52" t="s">
        <v>7410</v>
      </c>
      <c r="K2883" s="71" t="s">
        <v>7411</v>
      </c>
      <c r="L2883" s="52" t="s">
        <v>2063</v>
      </c>
      <c r="M2883" s="72">
        <v>3749</v>
      </c>
      <c r="N2883" s="52" t="s">
        <v>2072</v>
      </c>
      <c r="O2883" s="52" t="s">
        <v>2073</v>
      </c>
      <c r="P2883" s="52"/>
      <c r="Q2883" s="52"/>
      <c r="R2883" s="52"/>
      <c r="S2883" s="52"/>
      <c r="T2883" s="52"/>
      <c r="U2883" s="52"/>
      <c r="V2883" s="52"/>
      <c r="W2883" s="52"/>
    </row>
    <row r="2884" spans="1:23" hidden="1" x14ac:dyDescent="0.35">
      <c r="A2884" s="52" t="s">
        <v>78</v>
      </c>
      <c r="B2884" s="52" t="s">
        <v>79</v>
      </c>
      <c r="C2884" s="3">
        <v>212</v>
      </c>
      <c r="D2884" s="52" t="s">
        <v>2020</v>
      </c>
      <c r="E2884" s="52" t="s">
        <v>26</v>
      </c>
      <c r="F2884" s="52" t="s">
        <v>81</v>
      </c>
      <c r="G2884" s="52" t="s">
        <v>82</v>
      </c>
      <c r="H2884" s="4">
        <v>1</v>
      </c>
      <c r="I2884" s="2">
        <v>14.65</v>
      </c>
      <c r="J2884" s="52" t="s">
        <v>7412</v>
      </c>
      <c r="K2884" s="71" t="s">
        <v>7413</v>
      </c>
      <c r="L2884" s="52" t="s">
        <v>2063</v>
      </c>
      <c r="M2884" s="72">
        <v>3433</v>
      </c>
      <c r="N2884" s="52" t="s">
        <v>2072</v>
      </c>
      <c r="O2884" s="52" t="s">
        <v>2073</v>
      </c>
      <c r="P2884" s="52"/>
      <c r="Q2884" s="52"/>
      <c r="R2884" s="52"/>
      <c r="S2884" s="52"/>
      <c r="T2884" s="52"/>
      <c r="U2884" s="52"/>
      <c r="V2884" s="52"/>
      <c r="W2884" s="52"/>
    </row>
    <row r="2885" spans="1:23" hidden="1" x14ac:dyDescent="0.35">
      <c r="A2885" s="52" t="s">
        <v>78</v>
      </c>
      <c r="B2885" s="52" t="s">
        <v>79</v>
      </c>
      <c r="C2885" s="3">
        <v>20</v>
      </c>
      <c r="D2885" s="52" t="s">
        <v>2023</v>
      </c>
      <c r="E2885" s="52" t="s">
        <v>26</v>
      </c>
      <c r="F2885" s="52" t="s">
        <v>81</v>
      </c>
      <c r="G2885" s="52" t="s">
        <v>82</v>
      </c>
      <c r="H2885" s="4">
        <v>1</v>
      </c>
      <c r="I2885" s="2">
        <v>14.65</v>
      </c>
      <c r="J2885" s="52" t="s">
        <v>6814</v>
      </c>
      <c r="K2885" s="71" t="s">
        <v>7414</v>
      </c>
      <c r="L2885" s="52" t="s">
        <v>2063</v>
      </c>
      <c r="M2885" s="72">
        <v>8075</v>
      </c>
      <c r="N2885" s="52" t="s">
        <v>2072</v>
      </c>
      <c r="O2885" s="52" t="s">
        <v>2073</v>
      </c>
      <c r="P2885" s="52"/>
      <c r="Q2885" s="52"/>
      <c r="R2885" s="52"/>
      <c r="S2885" s="52"/>
      <c r="T2885" s="52"/>
      <c r="U2885" s="52"/>
      <c r="V2885" s="52"/>
      <c r="W2885" s="52"/>
    </row>
    <row r="2886" spans="1:23" hidden="1" x14ac:dyDescent="0.35">
      <c r="A2886" s="52" t="s">
        <v>78</v>
      </c>
      <c r="B2886" s="52" t="s">
        <v>79</v>
      </c>
      <c r="C2886" s="3">
        <v>10</v>
      </c>
      <c r="D2886" s="52" t="s">
        <v>2024</v>
      </c>
      <c r="E2886" s="52" t="s">
        <v>26</v>
      </c>
      <c r="F2886" s="52" t="s">
        <v>81</v>
      </c>
      <c r="G2886" s="52" t="s">
        <v>82</v>
      </c>
      <c r="H2886" s="4">
        <v>1</v>
      </c>
      <c r="I2886" s="2">
        <v>14.65</v>
      </c>
      <c r="J2886" s="52" t="s">
        <v>7415</v>
      </c>
      <c r="K2886" s="71" t="s">
        <v>7416</v>
      </c>
      <c r="L2886" s="52" t="s">
        <v>2063</v>
      </c>
      <c r="M2886" s="72">
        <v>9415</v>
      </c>
      <c r="N2886" s="52" t="s">
        <v>2072</v>
      </c>
      <c r="O2886" s="52" t="s">
        <v>2073</v>
      </c>
      <c r="P2886" s="52"/>
      <c r="Q2886" s="52"/>
      <c r="R2886" s="52"/>
      <c r="S2886" s="52"/>
      <c r="T2886" s="52"/>
      <c r="U2886" s="52"/>
      <c r="V2886" s="52"/>
      <c r="W2886" s="52"/>
    </row>
    <row r="2887" spans="1:23" hidden="1" x14ac:dyDescent="0.35">
      <c r="A2887" s="52" t="s">
        <v>78</v>
      </c>
      <c r="B2887" s="52" t="s">
        <v>79</v>
      </c>
      <c r="C2887" s="3">
        <v>20</v>
      </c>
      <c r="D2887" s="52" t="s">
        <v>2019</v>
      </c>
      <c r="E2887" s="52" t="s">
        <v>26</v>
      </c>
      <c r="F2887" s="52" t="s">
        <v>81</v>
      </c>
      <c r="G2887" s="52" t="s">
        <v>82</v>
      </c>
      <c r="H2887" s="4">
        <v>1</v>
      </c>
      <c r="I2887" s="2">
        <v>14.65</v>
      </c>
      <c r="J2887" s="52" t="s">
        <v>7417</v>
      </c>
      <c r="K2887" s="71" t="s">
        <v>7418</v>
      </c>
      <c r="L2887" s="52" t="s">
        <v>2063</v>
      </c>
      <c r="M2887" s="72">
        <v>4263</v>
      </c>
      <c r="N2887" s="52" t="s">
        <v>2072</v>
      </c>
      <c r="O2887" s="52" t="s">
        <v>2073</v>
      </c>
      <c r="P2887" s="52"/>
      <c r="Q2887" s="52"/>
      <c r="R2887" s="52"/>
      <c r="S2887" s="52"/>
      <c r="T2887" s="52"/>
      <c r="U2887" s="52"/>
      <c r="V2887" s="52"/>
      <c r="W2887" s="52"/>
    </row>
    <row r="2888" spans="1:23" hidden="1" x14ac:dyDescent="0.35">
      <c r="A2888" s="52" t="s">
        <v>78</v>
      </c>
      <c r="B2888" s="52" t="s">
        <v>79</v>
      </c>
      <c r="C2888" s="3">
        <v>20</v>
      </c>
      <c r="D2888" s="52" t="s">
        <v>2022</v>
      </c>
      <c r="E2888" s="52" t="s">
        <v>26</v>
      </c>
      <c r="F2888" s="52" t="s">
        <v>81</v>
      </c>
      <c r="G2888" s="52" t="s">
        <v>82</v>
      </c>
      <c r="H2888" s="4">
        <v>1</v>
      </c>
      <c r="I2888" s="2">
        <v>14.65</v>
      </c>
      <c r="J2888" s="52" t="s">
        <v>7419</v>
      </c>
      <c r="K2888" s="71" t="s">
        <v>7420</v>
      </c>
      <c r="L2888" s="52" t="s">
        <v>2063</v>
      </c>
      <c r="M2888" s="72">
        <v>9417</v>
      </c>
      <c r="N2888" s="52" t="s">
        <v>2072</v>
      </c>
      <c r="O2888" s="52" t="s">
        <v>2073</v>
      </c>
      <c r="P2888" s="52"/>
      <c r="Q2888" s="52"/>
      <c r="R2888" s="52"/>
      <c r="S2888" s="52"/>
      <c r="T2888" s="52"/>
      <c r="U2888" s="52"/>
      <c r="V2888" s="52"/>
      <c r="W2888" s="52"/>
    </row>
    <row r="2889" spans="1:23" hidden="1" x14ac:dyDescent="0.35">
      <c r="A2889" s="52" t="s">
        <v>78</v>
      </c>
      <c r="B2889" s="52" t="s">
        <v>79</v>
      </c>
      <c r="C2889" s="3">
        <v>10</v>
      </c>
      <c r="D2889" s="52" t="s">
        <v>2022</v>
      </c>
      <c r="E2889" s="52" t="s">
        <v>26</v>
      </c>
      <c r="F2889" s="52" t="s">
        <v>81</v>
      </c>
      <c r="G2889" s="52" t="s">
        <v>82</v>
      </c>
      <c r="H2889" s="4">
        <v>1</v>
      </c>
      <c r="I2889" s="2">
        <v>14.65</v>
      </c>
      <c r="J2889" s="52" t="s">
        <v>7421</v>
      </c>
      <c r="K2889" s="71" t="s">
        <v>7422</v>
      </c>
      <c r="L2889" s="52" t="s">
        <v>2063</v>
      </c>
      <c r="M2889" s="72">
        <v>9005</v>
      </c>
      <c r="N2889" s="52" t="s">
        <v>2072</v>
      </c>
      <c r="O2889" s="52" t="s">
        <v>2073</v>
      </c>
      <c r="P2889" s="52"/>
      <c r="Q2889" s="52"/>
      <c r="R2889" s="52"/>
      <c r="S2889" s="52"/>
      <c r="T2889" s="52"/>
      <c r="U2889" s="52"/>
      <c r="V2889" s="52"/>
      <c r="W2889" s="52"/>
    </row>
    <row r="2890" spans="1:23" hidden="1" x14ac:dyDescent="0.35">
      <c r="A2890" s="52" t="s">
        <v>78</v>
      </c>
      <c r="B2890" s="52" t="s">
        <v>79</v>
      </c>
      <c r="C2890" s="3">
        <v>20</v>
      </c>
      <c r="D2890" s="52" t="s">
        <v>84</v>
      </c>
      <c r="E2890" s="52" t="s">
        <v>26</v>
      </c>
      <c r="F2890" s="52" t="s">
        <v>81</v>
      </c>
      <c r="G2890" s="52" t="s">
        <v>82</v>
      </c>
      <c r="H2890" s="4">
        <v>1</v>
      </c>
      <c r="I2890" s="2">
        <v>14.65</v>
      </c>
      <c r="J2890" s="52" t="s">
        <v>7423</v>
      </c>
      <c r="K2890" s="71" t="s">
        <v>7424</v>
      </c>
      <c r="L2890" s="52" t="s">
        <v>2063</v>
      </c>
      <c r="M2890" s="72">
        <v>529</v>
      </c>
      <c r="N2890" s="52"/>
      <c r="O2890" s="52"/>
      <c r="P2890" s="52"/>
      <c r="Q2890" s="52"/>
      <c r="R2890" s="52"/>
      <c r="S2890" s="52"/>
      <c r="T2890" s="52"/>
      <c r="U2890" s="52"/>
      <c r="V2890" s="52"/>
      <c r="W2890" s="52"/>
    </row>
    <row r="2891" spans="1:23" hidden="1" x14ac:dyDescent="0.35">
      <c r="A2891" s="52" t="s">
        <v>78</v>
      </c>
      <c r="B2891" s="52" t="s">
        <v>79</v>
      </c>
      <c r="C2891" s="3">
        <v>10</v>
      </c>
      <c r="D2891" s="52" t="s">
        <v>2022</v>
      </c>
      <c r="E2891" s="52" t="s">
        <v>26</v>
      </c>
      <c r="F2891" s="52" t="s">
        <v>81</v>
      </c>
      <c r="G2891" s="52" t="s">
        <v>82</v>
      </c>
      <c r="H2891" s="4">
        <v>1</v>
      </c>
      <c r="I2891" s="2">
        <v>14.65</v>
      </c>
      <c r="J2891" s="52" t="s">
        <v>7425</v>
      </c>
      <c r="K2891" s="71" t="s">
        <v>7426</v>
      </c>
      <c r="L2891" s="52" t="s">
        <v>2063</v>
      </c>
      <c r="M2891" s="72">
        <v>1818</v>
      </c>
      <c r="N2891" s="52" t="s">
        <v>2072</v>
      </c>
      <c r="O2891" s="52" t="s">
        <v>2073</v>
      </c>
      <c r="P2891" s="52"/>
      <c r="Q2891" s="52"/>
      <c r="R2891" s="52"/>
      <c r="S2891" s="52"/>
      <c r="T2891" s="52"/>
      <c r="U2891" s="52"/>
      <c r="V2891" s="52"/>
      <c r="W2891" s="52"/>
    </row>
    <row r="2892" spans="1:23" x14ac:dyDescent="0.35">
      <c r="A2892" s="52" t="s">
        <v>78</v>
      </c>
      <c r="B2892" s="52" t="s">
        <v>79</v>
      </c>
      <c r="C2892" s="3">
        <v>20</v>
      </c>
      <c r="D2892" s="52" t="s">
        <v>2022</v>
      </c>
      <c r="E2892" s="52" t="s">
        <v>26</v>
      </c>
      <c r="F2892" s="52" t="s">
        <v>81</v>
      </c>
      <c r="G2892" s="52" t="s">
        <v>82</v>
      </c>
      <c r="H2892" s="4">
        <v>1</v>
      </c>
      <c r="I2892" s="2">
        <v>14.65</v>
      </c>
      <c r="J2892" s="52" t="s">
        <v>7427</v>
      </c>
      <c r="K2892" s="71" t="s">
        <v>7428</v>
      </c>
      <c r="L2892" s="52" t="s">
        <v>2063</v>
      </c>
      <c r="M2892" s="72">
        <v>8529</v>
      </c>
      <c r="N2892" s="52" t="s">
        <v>2259</v>
      </c>
      <c r="O2892" s="52" t="s">
        <v>2260</v>
      </c>
      <c r="P2892" s="52"/>
      <c r="Q2892" s="52"/>
      <c r="R2892" s="52"/>
      <c r="S2892" s="52"/>
      <c r="T2892" s="52"/>
      <c r="U2892" s="52"/>
      <c r="V2892" s="52"/>
      <c r="W2892" s="52"/>
    </row>
    <row r="2893" spans="1:23" hidden="1" x14ac:dyDescent="0.35">
      <c r="A2893" s="52" t="s">
        <v>78</v>
      </c>
      <c r="B2893" s="52" t="s">
        <v>79</v>
      </c>
      <c r="C2893" s="3">
        <v>10</v>
      </c>
      <c r="D2893" s="52" t="s">
        <v>85</v>
      </c>
      <c r="E2893" s="52" t="s">
        <v>26</v>
      </c>
      <c r="F2893" s="52" t="s">
        <v>81</v>
      </c>
      <c r="G2893" s="52" t="s">
        <v>82</v>
      </c>
      <c r="H2893" s="4">
        <v>1</v>
      </c>
      <c r="I2893" s="2">
        <v>14.65</v>
      </c>
      <c r="J2893" s="52" t="s">
        <v>7429</v>
      </c>
      <c r="K2893" s="71" t="s">
        <v>7430</v>
      </c>
      <c r="L2893" s="52" t="s">
        <v>2063</v>
      </c>
      <c r="M2893" s="72">
        <v>5317</v>
      </c>
      <c r="N2893" s="52"/>
      <c r="O2893" s="52"/>
      <c r="P2893" s="52"/>
      <c r="Q2893" s="52"/>
      <c r="R2893" s="52"/>
      <c r="S2893" s="52"/>
      <c r="T2893" s="52"/>
      <c r="U2893" s="52"/>
      <c r="V2893" s="52"/>
      <c r="W2893" s="52"/>
    </row>
    <row r="2894" spans="1:23" hidden="1" x14ac:dyDescent="0.35">
      <c r="A2894" s="52" t="s">
        <v>78</v>
      </c>
      <c r="B2894" s="52" t="s">
        <v>79</v>
      </c>
      <c r="C2894" s="3">
        <v>20</v>
      </c>
      <c r="D2894" s="52" t="s">
        <v>83</v>
      </c>
      <c r="E2894" s="52" t="s">
        <v>26</v>
      </c>
      <c r="F2894" s="52" t="s">
        <v>81</v>
      </c>
      <c r="G2894" s="52" t="s">
        <v>82</v>
      </c>
      <c r="H2894" s="4">
        <v>1</v>
      </c>
      <c r="I2894" s="2">
        <v>14.65</v>
      </c>
      <c r="J2894" s="52" t="s">
        <v>7431</v>
      </c>
      <c r="K2894" s="71" t="s">
        <v>7432</v>
      </c>
      <c r="L2894" s="52" t="s">
        <v>2063</v>
      </c>
      <c r="M2894" s="72">
        <v>7594</v>
      </c>
      <c r="N2894" s="52" t="s">
        <v>2072</v>
      </c>
      <c r="O2894" s="52" t="s">
        <v>2073</v>
      </c>
      <c r="P2894" s="52"/>
      <c r="Q2894" s="52"/>
      <c r="R2894" s="52"/>
      <c r="S2894" s="52"/>
      <c r="T2894" s="52"/>
      <c r="U2894" s="52"/>
      <c r="V2894" s="52"/>
      <c r="W2894" s="52"/>
    </row>
    <row r="2895" spans="1:23" hidden="1" x14ac:dyDescent="0.35">
      <c r="A2895" s="52" t="s">
        <v>78</v>
      </c>
      <c r="B2895" s="52" t="s">
        <v>79</v>
      </c>
      <c r="C2895" s="3">
        <v>20</v>
      </c>
      <c r="D2895" s="52" t="s">
        <v>2024</v>
      </c>
      <c r="E2895" s="52" t="s">
        <v>26</v>
      </c>
      <c r="F2895" s="52" t="s">
        <v>81</v>
      </c>
      <c r="G2895" s="52" t="s">
        <v>82</v>
      </c>
      <c r="H2895" s="4">
        <v>1</v>
      </c>
      <c r="I2895" s="2">
        <v>14.65</v>
      </c>
      <c r="J2895" s="52" t="s">
        <v>7433</v>
      </c>
      <c r="K2895" s="71" t="s">
        <v>7434</v>
      </c>
      <c r="L2895" s="52" t="s">
        <v>2063</v>
      </c>
      <c r="M2895" s="72">
        <v>4176</v>
      </c>
      <c r="N2895" s="52" t="s">
        <v>2072</v>
      </c>
      <c r="O2895" s="52" t="s">
        <v>2073</v>
      </c>
      <c r="P2895" s="52"/>
      <c r="Q2895" s="52"/>
      <c r="R2895" s="52"/>
      <c r="S2895" s="52"/>
      <c r="T2895" s="52"/>
      <c r="U2895" s="52"/>
      <c r="V2895" s="52"/>
      <c r="W2895" s="52"/>
    </row>
    <row r="2896" spans="1:23" hidden="1" x14ac:dyDescent="0.35">
      <c r="A2896" s="52" t="s">
        <v>78</v>
      </c>
      <c r="B2896" s="52" t="s">
        <v>79</v>
      </c>
      <c r="C2896" s="3">
        <v>211</v>
      </c>
      <c r="D2896" s="52" t="s">
        <v>83</v>
      </c>
      <c r="E2896" s="52" t="s">
        <v>26</v>
      </c>
      <c r="F2896" s="52" t="s">
        <v>81</v>
      </c>
      <c r="G2896" s="52" t="s">
        <v>82</v>
      </c>
      <c r="H2896" s="4">
        <v>1</v>
      </c>
      <c r="I2896" s="2">
        <v>14.65</v>
      </c>
      <c r="J2896" s="52" t="s">
        <v>7318</v>
      </c>
      <c r="K2896" s="71" t="s">
        <v>7435</v>
      </c>
      <c r="L2896" s="52" t="s">
        <v>2063</v>
      </c>
      <c r="M2896" s="72">
        <v>9468</v>
      </c>
      <c r="N2896" s="52" t="s">
        <v>2304</v>
      </c>
      <c r="O2896" s="52" t="s">
        <v>2305</v>
      </c>
      <c r="P2896" s="52"/>
      <c r="Q2896" s="52"/>
      <c r="R2896" s="52"/>
      <c r="S2896" s="52"/>
      <c r="T2896" s="52"/>
      <c r="U2896" s="52"/>
      <c r="V2896" s="52"/>
      <c r="W2896" s="52"/>
    </row>
    <row r="2897" spans="1:23" hidden="1" x14ac:dyDescent="0.35">
      <c r="A2897" s="52" t="s">
        <v>78</v>
      </c>
      <c r="B2897" s="52" t="s">
        <v>79</v>
      </c>
      <c r="C2897" s="3">
        <v>20</v>
      </c>
      <c r="D2897" s="52" t="s">
        <v>2019</v>
      </c>
      <c r="E2897" s="52" t="s">
        <v>26</v>
      </c>
      <c r="F2897" s="52" t="s">
        <v>81</v>
      </c>
      <c r="G2897" s="52" t="s">
        <v>82</v>
      </c>
      <c r="H2897" s="4">
        <v>1</v>
      </c>
      <c r="I2897" s="2">
        <v>14.65</v>
      </c>
      <c r="J2897" s="52" t="s">
        <v>7436</v>
      </c>
      <c r="K2897" s="71" t="s">
        <v>7437</v>
      </c>
      <c r="L2897" s="52" t="s">
        <v>2063</v>
      </c>
      <c r="M2897" s="72">
        <v>5456</v>
      </c>
      <c r="N2897" s="52" t="s">
        <v>2072</v>
      </c>
      <c r="O2897" s="52" t="s">
        <v>2073</v>
      </c>
      <c r="P2897" s="52"/>
      <c r="Q2897" s="52"/>
      <c r="R2897" s="52"/>
      <c r="S2897" s="52"/>
      <c r="T2897" s="52"/>
      <c r="U2897" s="52"/>
      <c r="V2897" s="52"/>
      <c r="W2897" s="52"/>
    </row>
    <row r="2898" spans="1:23" hidden="1" x14ac:dyDescent="0.35">
      <c r="A2898" s="52" t="s">
        <v>78</v>
      </c>
      <c r="B2898" s="52" t="s">
        <v>79</v>
      </c>
      <c r="C2898" s="3">
        <v>20</v>
      </c>
      <c r="D2898" s="52" t="s">
        <v>2020</v>
      </c>
      <c r="E2898" s="52" t="s">
        <v>26</v>
      </c>
      <c r="F2898" s="52" t="s">
        <v>81</v>
      </c>
      <c r="G2898" s="52" t="s">
        <v>82</v>
      </c>
      <c r="H2898" s="4">
        <v>1</v>
      </c>
      <c r="I2898" s="2">
        <v>14.65</v>
      </c>
      <c r="J2898" s="52" t="s">
        <v>7438</v>
      </c>
      <c r="K2898" s="71" t="s">
        <v>7439</v>
      </c>
      <c r="L2898" s="52" t="s">
        <v>2063</v>
      </c>
      <c r="M2898" s="72">
        <v>5255</v>
      </c>
      <c r="N2898" s="52"/>
      <c r="O2898" s="52"/>
      <c r="P2898" s="52"/>
      <c r="Q2898" s="52"/>
      <c r="R2898" s="52"/>
      <c r="S2898" s="52"/>
      <c r="T2898" s="52"/>
      <c r="U2898" s="52"/>
      <c r="V2898" s="52"/>
      <c r="W2898" s="52"/>
    </row>
    <row r="2899" spans="1:23" hidden="1" x14ac:dyDescent="0.35">
      <c r="A2899" s="52" t="s">
        <v>78</v>
      </c>
      <c r="B2899" s="52" t="s">
        <v>79</v>
      </c>
      <c r="C2899" s="3">
        <v>20</v>
      </c>
      <c r="D2899" s="52" t="s">
        <v>84</v>
      </c>
      <c r="E2899" s="52" t="s">
        <v>26</v>
      </c>
      <c r="F2899" s="52" t="s">
        <v>81</v>
      </c>
      <c r="G2899" s="52" t="s">
        <v>82</v>
      </c>
      <c r="H2899" s="4">
        <v>1</v>
      </c>
      <c r="I2899" s="2">
        <v>14.65</v>
      </c>
      <c r="J2899" s="52" t="s">
        <v>7440</v>
      </c>
      <c r="K2899" s="71" t="s">
        <v>7441</v>
      </c>
      <c r="L2899" s="52" t="s">
        <v>2063</v>
      </c>
      <c r="M2899" s="72">
        <v>8594</v>
      </c>
      <c r="N2899" s="52" t="s">
        <v>2072</v>
      </c>
      <c r="O2899" s="52" t="s">
        <v>2073</v>
      </c>
      <c r="P2899" s="52"/>
      <c r="Q2899" s="52"/>
      <c r="R2899" s="52"/>
      <c r="S2899" s="52"/>
      <c r="T2899" s="52"/>
      <c r="U2899" s="52"/>
      <c r="V2899" s="52"/>
      <c r="W2899" s="52"/>
    </row>
    <row r="2900" spans="1:23" hidden="1" x14ac:dyDescent="0.35">
      <c r="A2900" s="52" t="s">
        <v>78</v>
      </c>
      <c r="B2900" s="52" t="s">
        <v>79</v>
      </c>
      <c r="C2900" s="3">
        <v>211</v>
      </c>
      <c r="D2900" s="52" t="s">
        <v>84</v>
      </c>
      <c r="E2900" s="52" t="s">
        <v>26</v>
      </c>
      <c r="F2900" s="52" t="s">
        <v>81</v>
      </c>
      <c r="G2900" s="52" t="s">
        <v>82</v>
      </c>
      <c r="H2900" s="4">
        <v>1</v>
      </c>
      <c r="I2900" s="2">
        <v>14.65</v>
      </c>
      <c r="J2900" s="52" t="s">
        <v>7442</v>
      </c>
      <c r="K2900" s="71" t="s">
        <v>7443</v>
      </c>
      <c r="L2900" s="52" t="s">
        <v>2063</v>
      </c>
      <c r="M2900" s="72">
        <v>5477</v>
      </c>
      <c r="N2900" s="52"/>
      <c r="O2900" s="52"/>
      <c r="P2900" s="52"/>
      <c r="Q2900" s="52"/>
      <c r="R2900" s="52"/>
      <c r="S2900" s="52"/>
      <c r="T2900" s="52"/>
      <c r="U2900" s="52"/>
      <c r="V2900" s="52"/>
      <c r="W2900" s="52"/>
    </row>
    <row r="2901" spans="1:23" hidden="1" x14ac:dyDescent="0.35">
      <c r="A2901" s="52" t="s">
        <v>78</v>
      </c>
      <c r="B2901" s="52" t="s">
        <v>79</v>
      </c>
      <c r="C2901" s="3">
        <v>20</v>
      </c>
      <c r="D2901" s="52" t="s">
        <v>2022</v>
      </c>
      <c r="E2901" s="52" t="s">
        <v>26</v>
      </c>
      <c r="F2901" s="52" t="s">
        <v>81</v>
      </c>
      <c r="G2901" s="52" t="s">
        <v>82</v>
      </c>
      <c r="H2901" s="4">
        <v>1</v>
      </c>
      <c r="I2901" s="2">
        <v>14.65</v>
      </c>
      <c r="J2901" s="52" t="s">
        <v>7444</v>
      </c>
      <c r="K2901" s="71" t="s">
        <v>7445</v>
      </c>
      <c r="L2901" s="52" t="s">
        <v>2063</v>
      </c>
      <c r="M2901" s="72">
        <v>7347</v>
      </c>
      <c r="N2901" s="52" t="s">
        <v>2066</v>
      </c>
      <c r="O2901" s="52" t="s">
        <v>2067</v>
      </c>
      <c r="P2901" s="52"/>
      <c r="Q2901" s="52"/>
      <c r="R2901" s="52"/>
      <c r="S2901" s="52"/>
      <c r="T2901" s="52"/>
      <c r="U2901" s="52"/>
      <c r="V2901" s="52"/>
      <c r="W2901" s="52"/>
    </row>
    <row r="2902" spans="1:23" hidden="1" x14ac:dyDescent="0.35">
      <c r="A2902" s="52" t="s">
        <v>78</v>
      </c>
      <c r="B2902" s="52" t="s">
        <v>79</v>
      </c>
      <c r="C2902" s="3">
        <v>20</v>
      </c>
      <c r="D2902" s="52" t="s">
        <v>84</v>
      </c>
      <c r="E2902" s="52" t="s">
        <v>26</v>
      </c>
      <c r="F2902" s="52" t="s">
        <v>81</v>
      </c>
      <c r="G2902" s="52" t="s">
        <v>82</v>
      </c>
      <c r="H2902" s="4">
        <v>1</v>
      </c>
      <c r="I2902" s="2">
        <v>14.65</v>
      </c>
      <c r="J2902" s="52" t="s">
        <v>7446</v>
      </c>
      <c r="K2902" s="71" t="s">
        <v>7447</v>
      </c>
      <c r="L2902" s="52" t="s">
        <v>2063</v>
      </c>
      <c r="M2902" s="72">
        <v>3782</v>
      </c>
      <c r="N2902" s="52" t="s">
        <v>2072</v>
      </c>
      <c r="O2902" s="52" t="s">
        <v>2073</v>
      </c>
      <c r="P2902" s="52"/>
      <c r="Q2902" s="52"/>
      <c r="R2902" s="52"/>
      <c r="S2902" s="52"/>
      <c r="T2902" s="52"/>
      <c r="U2902" s="52"/>
      <c r="V2902" s="52"/>
      <c r="W2902" s="52"/>
    </row>
    <row r="2903" spans="1:23" hidden="1" x14ac:dyDescent="0.35">
      <c r="A2903" s="52" t="s">
        <v>78</v>
      </c>
      <c r="B2903" s="52" t="s">
        <v>79</v>
      </c>
      <c r="C2903" s="3">
        <v>20</v>
      </c>
      <c r="D2903" s="52" t="s">
        <v>2020</v>
      </c>
      <c r="E2903" s="52" t="s">
        <v>26</v>
      </c>
      <c r="F2903" s="52" t="s">
        <v>81</v>
      </c>
      <c r="G2903" s="52" t="s">
        <v>82</v>
      </c>
      <c r="H2903" s="4">
        <v>1</v>
      </c>
      <c r="I2903" s="2">
        <v>14.65</v>
      </c>
      <c r="J2903" s="52" t="s">
        <v>7448</v>
      </c>
      <c r="K2903" s="71" t="s">
        <v>7449</v>
      </c>
      <c r="L2903" s="52" t="s">
        <v>2063</v>
      </c>
      <c r="M2903" s="72">
        <v>5780</v>
      </c>
      <c r="N2903" s="52" t="s">
        <v>2072</v>
      </c>
      <c r="O2903" s="52" t="s">
        <v>2073</v>
      </c>
      <c r="P2903" s="52"/>
      <c r="Q2903" s="52"/>
      <c r="R2903" s="52"/>
      <c r="S2903" s="52"/>
      <c r="T2903" s="52"/>
      <c r="U2903" s="52"/>
      <c r="V2903" s="52"/>
      <c r="W2903" s="52"/>
    </row>
    <row r="2904" spans="1:23" hidden="1" x14ac:dyDescent="0.35">
      <c r="A2904" s="52" t="s">
        <v>78</v>
      </c>
      <c r="B2904" s="52" t="s">
        <v>79</v>
      </c>
      <c r="C2904" s="3">
        <v>10</v>
      </c>
      <c r="D2904" s="52" t="s">
        <v>83</v>
      </c>
      <c r="E2904" s="52" t="s">
        <v>26</v>
      </c>
      <c r="F2904" s="52" t="s">
        <v>81</v>
      </c>
      <c r="G2904" s="52" t="s">
        <v>82</v>
      </c>
      <c r="H2904" s="4">
        <v>1</v>
      </c>
      <c r="I2904" s="2">
        <v>14.65</v>
      </c>
      <c r="J2904" s="52" t="s">
        <v>7450</v>
      </c>
      <c r="K2904" s="71" t="s">
        <v>7451</v>
      </c>
      <c r="L2904" s="52" t="s">
        <v>2063</v>
      </c>
      <c r="M2904" s="72">
        <v>727</v>
      </c>
      <c r="N2904" s="52"/>
      <c r="O2904" s="52"/>
      <c r="P2904" s="52"/>
      <c r="Q2904" s="52"/>
      <c r="R2904" s="52"/>
      <c r="S2904" s="52"/>
      <c r="T2904" s="52"/>
      <c r="U2904" s="52"/>
      <c r="V2904" s="52"/>
      <c r="W2904" s="52"/>
    </row>
    <row r="2905" spans="1:23" x14ac:dyDescent="0.35">
      <c r="A2905" s="52" t="s">
        <v>78</v>
      </c>
      <c r="B2905" s="52" t="s">
        <v>79</v>
      </c>
      <c r="C2905" s="3">
        <v>10</v>
      </c>
      <c r="D2905" s="52" t="s">
        <v>83</v>
      </c>
      <c r="E2905" s="52" t="s">
        <v>26</v>
      </c>
      <c r="F2905" s="52" t="s">
        <v>81</v>
      </c>
      <c r="G2905" s="52" t="s">
        <v>82</v>
      </c>
      <c r="H2905" s="4">
        <v>1</v>
      </c>
      <c r="I2905" s="2">
        <v>14.65</v>
      </c>
      <c r="J2905" s="52" t="s">
        <v>6997</v>
      </c>
      <c r="K2905" s="71" t="s">
        <v>7452</v>
      </c>
      <c r="L2905" s="52" t="s">
        <v>2063</v>
      </c>
      <c r="M2905" s="72">
        <v>315</v>
      </c>
      <c r="N2905" s="52" t="s">
        <v>2259</v>
      </c>
      <c r="O2905" s="52" t="s">
        <v>2260</v>
      </c>
      <c r="P2905" s="52"/>
      <c r="Q2905" s="52"/>
      <c r="R2905" s="52"/>
      <c r="S2905" s="52"/>
      <c r="T2905" s="52"/>
      <c r="U2905" s="52"/>
      <c r="V2905" s="52"/>
      <c r="W2905" s="52"/>
    </row>
    <row r="2906" spans="1:23" x14ac:dyDescent="0.35">
      <c r="A2906" s="52" t="s">
        <v>78</v>
      </c>
      <c r="B2906" s="52" t="s">
        <v>79</v>
      </c>
      <c r="C2906" s="3">
        <v>20</v>
      </c>
      <c r="D2906" s="52" t="s">
        <v>2024</v>
      </c>
      <c r="E2906" s="52" t="s">
        <v>26</v>
      </c>
      <c r="F2906" s="52" t="s">
        <v>81</v>
      </c>
      <c r="G2906" s="52" t="s">
        <v>82</v>
      </c>
      <c r="H2906" s="4">
        <v>1</v>
      </c>
      <c r="I2906" s="2">
        <v>14.65</v>
      </c>
      <c r="J2906" s="52" t="s">
        <v>7453</v>
      </c>
      <c r="K2906" s="71" t="s">
        <v>7454</v>
      </c>
      <c r="L2906" s="52" t="s">
        <v>2063</v>
      </c>
      <c r="M2906" s="72">
        <v>7793</v>
      </c>
      <c r="N2906" s="52" t="s">
        <v>2259</v>
      </c>
      <c r="O2906" s="52" t="s">
        <v>2260</v>
      </c>
      <c r="P2906" s="52"/>
      <c r="Q2906" s="52"/>
      <c r="R2906" s="52"/>
      <c r="S2906" s="52"/>
      <c r="T2906" s="52"/>
      <c r="U2906" s="52"/>
      <c r="V2906" s="52"/>
      <c r="W2906" s="52"/>
    </row>
    <row r="2907" spans="1:23" hidden="1" x14ac:dyDescent="0.35">
      <c r="A2907" s="52" t="s">
        <v>78</v>
      </c>
      <c r="B2907" s="52" t="s">
        <v>79</v>
      </c>
      <c r="C2907" s="3">
        <v>20</v>
      </c>
      <c r="D2907" s="52" t="s">
        <v>2024</v>
      </c>
      <c r="E2907" s="52" t="s">
        <v>26</v>
      </c>
      <c r="F2907" s="52" t="s">
        <v>81</v>
      </c>
      <c r="G2907" s="52" t="s">
        <v>82</v>
      </c>
      <c r="H2907" s="4">
        <v>1</v>
      </c>
      <c r="I2907" s="2">
        <v>14.65</v>
      </c>
      <c r="J2907" s="52" t="s">
        <v>7455</v>
      </c>
      <c r="K2907" s="71" t="s">
        <v>7456</v>
      </c>
      <c r="L2907" s="52" t="s">
        <v>2063</v>
      </c>
      <c r="M2907" s="72">
        <v>4107</v>
      </c>
      <c r="N2907" s="52" t="s">
        <v>2072</v>
      </c>
      <c r="O2907" s="52" t="s">
        <v>2073</v>
      </c>
      <c r="P2907" s="52"/>
      <c r="Q2907" s="52"/>
      <c r="R2907" s="52"/>
      <c r="S2907" s="52"/>
      <c r="T2907" s="52"/>
      <c r="U2907" s="52"/>
      <c r="V2907" s="52"/>
      <c r="W2907" s="52"/>
    </row>
    <row r="2908" spans="1:23" hidden="1" x14ac:dyDescent="0.35">
      <c r="A2908" s="52" t="s">
        <v>78</v>
      </c>
      <c r="B2908" s="52" t="s">
        <v>79</v>
      </c>
      <c r="C2908" s="3">
        <v>20</v>
      </c>
      <c r="D2908" s="52" t="s">
        <v>2019</v>
      </c>
      <c r="E2908" s="52" t="s">
        <v>26</v>
      </c>
      <c r="F2908" s="52" t="s">
        <v>81</v>
      </c>
      <c r="G2908" s="52" t="s">
        <v>82</v>
      </c>
      <c r="H2908" s="4">
        <v>1</v>
      </c>
      <c r="I2908" s="2">
        <v>14.65</v>
      </c>
      <c r="J2908" s="52" t="s">
        <v>7457</v>
      </c>
      <c r="K2908" s="71" t="s">
        <v>7458</v>
      </c>
      <c r="L2908" s="52" t="s">
        <v>2063</v>
      </c>
      <c r="M2908" s="72">
        <v>5762</v>
      </c>
      <c r="N2908" s="52" t="s">
        <v>2066</v>
      </c>
      <c r="O2908" s="52" t="s">
        <v>2067</v>
      </c>
      <c r="P2908" s="52"/>
      <c r="Q2908" s="52"/>
      <c r="R2908" s="52"/>
      <c r="S2908" s="52"/>
      <c r="T2908" s="52"/>
      <c r="U2908" s="52"/>
      <c r="V2908" s="52"/>
      <c r="W2908" s="52"/>
    </row>
    <row r="2909" spans="1:23" x14ac:dyDescent="0.35">
      <c r="A2909" s="52" t="s">
        <v>78</v>
      </c>
      <c r="B2909" s="52" t="s">
        <v>79</v>
      </c>
      <c r="C2909" s="3">
        <v>20</v>
      </c>
      <c r="D2909" s="52" t="s">
        <v>2022</v>
      </c>
      <c r="E2909" s="52" t="s">
        <v>26</v>
      </c>
      <c r="F2909" s="52" t="s">
        <v>81</v>
      </c>
      <c r="G2909" s="52" t="s">
        <v>82</v>
      </c>
      <c r="H2909" s="4">
        <v>1</v>
      </c>
      <c r="I2909" s="2">
        <v>14.65</v>
      </c>
      <c r="J2909" s="52" t="s">
        <v>7459</v>
      </c>
      <c r="K2909" s="71" t="s">
        <v>7460</v>
      </c>
      <c r="L2909" s="52" t="s">
        <v>2063</v>
      </c>
      <c r="M2909" s="72">
        <v>4275</v>
      </c>
      <c r="N2909" s="52" t="s">
        <v>2259</v>
      </c>
      <c r="O2909" s="52" t="s">
        <v>2260</v>
      </c>
      <c r="P2909" s="52"/>
      <c r="Q2909" s="52"/>
      <c r="R2909" s="52"/>
      <c r="S2909" s="52"/>
      <c r="T2909" s="52"/>
      <c r="U2909" s="52"/>
      <c r="V2909" s="52"/>
      <c r="W2909" s="52"/>
    </row>
    <row r="2910" spans="1:23" hidden="1" x14ac:dyDescent="0.35">
      <c r="A2910" s="52" t="s">
        <v>78</v>
      </c>
      <c r="B2910" s="52" t="s">
        <v>79</v>
      </c>
      <c r="C2910" s="3">
        <v>10</v>
      </c>
      <c r="D2910" s="52" t="s">
        <v>84</v>
      </c>
      <c r="E2910" s="52" t="s">
        <v>26</v>
      </c>
      <c r="F2910" s="52" t="s">
        <v>81</v>
      </c>
      <c r="G2910" s="52" t="s">
        <v>82</v>
      </c>
      <c r="H2910" s="4">
        <v>1</v>
      </c>
      <c r="I2910" s="2">
        <v>14.65</v>
      </c>
      <c r="J2910" s="52" t="s">
        <v>7461</v>
      </c>
      <c r="K2910" s="71" t="s">
        <v>7462</v>
      </c>
      <c r="L2910" s="52" t="s">
        <v>2063</v>
      </c>
      <c r="M2910" s="72">
        <v>8788</v>
      </c>
      <c r="N2910" s="52" t="s">
        <v>2158</v>
      </c>
      <c r="O2910" s="52" t="s">
        <v>2159</v>
      </c>
      <c r="P2910" s="52"/>
      <c r="Q2910" s="52"/>
      <c r="R2910" s="52"/>
      <c r="S2910" s="52"/>
      <c r="T2910" s="52"/>
      <c r="U2910" s="52"/>
      <c r="V2910" s="52"/>
      <c r="W2910" s="52"/>
    </row>
    <row r="2911" spans="1:23" hidden="1" x14ac:dyDescent="0.35">
      <c r="A2911" s="52" t="s">
        <v>78</v>
      </c>
      <c r="B2911" s="52" t="s">
        <v>79</v>
      </c>
      <c r="C2911" s="3">
        <v>20</v>
      </c>
      <c r="D2911" s="52" t="s">
        <v>85</v>
      </c>
      <c r="E2911" s="52" t="s">
        <v>26</v>
      </c>
      <c r="F2911" s="52" t="s">
        <v>81</v>
      </c>
      <c r="G2911" s="52" t="s">
        <v>82</v>
      </c>
      <c r="H2911" s="4">
        <v>1</v>
      </c>
      <c r="I2911" s="2">
        <v>14.65</v>
      </c>
      <c r="J2911" s="52" t="s">
        <v>7463</v>
      </c>
      <c r="K2911" s="71" t="s">
        <v>7464</v>
      </c>
      <c r="L2911" s="52" t="s">
        <v>2063</v>
      </c>
      <c r="M2911" s="72">
        <v>983</v>
      </c>
      <c r="N2911" s="52"/>
      <c r="O2911" s="52"/>
      <c r="P2911" s="52"/>
      <c r="Q2911" s="52"/>
      <c r="R2911" s="52"/>
      <c r="S2911" s="52"/>
      <c r="T2911" s="52"/>
      <c r="U2911" s="52"/>
      <c r="V2911" s="52"/>
      <c r="W2911" s="52"/>
    </row>
    <row r="2912" spans="1:23" x14ac:dyDescent="0.35">
      <c r="A2912" s="52" t="s">
        <v>78</v>
      </c>
      <c r="B2912" s="52" t="s">
        <v>79</v>
      </c>
      <c r="C2912" s="3">
        <v>20</v>
      </c>
      <c r="D2912" s="52" t="s">
        <v>85</v>
      </c>
      <c r="E2912" s="52" t="s">
        <v>26</v>
      </c>
      <c r="F2912" s="52" t="s">
        <v>81</v>
      </c>
      <c r="G2912" s="52" t="s">
        <v>82</v>
      </c>
      <c r="H2912" s="4">
        <v>1</v>
      </c>
      <c r="I2912" s="2">
        <v>14.65</v>
      </c>
      <c r="J2912" s="52" t="s">
        <v>7465</v>
      </c>
      <c r="K2912" s="71" t="s">
        <v>7466</v>
      </c>
      <c r="L2912" s="52" t="s">
        <v>2063</v>
      </c>
      <c r="M2912" s="72">
        <v>9646</v>
      </c>
      <c r="N2912" s="52" t="s">
        <v>2076</v>
      </c>
      <c r="O2912" s="52" t="s">
        <v>2077</v>
      </c>
      <c r="P2912" s="52"/>
      <c r="Q2912" s="52"/>
      <c r="R2912" s="52"/>
      <c r="S2912" s="52"/>
      <c r="T2912" s="52"/>
      <c r="U2912" s="52"/>
      <c r="V2912" s="52"/>
      <c r="W2912" s="52"/>
    </row>
    <row r="2913" spans="1:23" hidden="1" x14ac:dyDescent="0.35">
      <c r="A2913" s="52" t="s">
        <v>78</v>
      </c>
      <c r="B2913" s="52" t="s">
        <v>79</v>
      </c>
      <c r="C2913" s="3">
        <v>20</v>
      </c>
      <c r="D2913" s="52" t="s">
        <v>2024</v>
      </c>
      <c r="E2913" s="52" t="s">
        <v>26</v>
      </c>
      <c r="F2913" s="52" t="s">
        <v>81</v>
      </c>
      <c r="G2913" s="52" t="s">
        <v>82</v>
      </c>
      <c r="H2913" s="4">
        <v>1</v>
      </c>
      <c r="I2913" s="2">
        <v>14.65</v>
      </c>
      <c r="J2913" s="52" t="s">
        <v>7467</v>
      </c>
      <c r="K2913" s="71" t="s">
        <v>7468</v>
      </c>
      <c r="L2913" s="52" t="s">
        <v>2063</v>
      </c>
      <c r="M2913" s="72">
        <v>5021</v>
      </c>
      <c r="N2913" s="52"/>
      <c r="O2913" s="52"/>
      <c r="P2913" s="52"/>
      <c r="Q2913" s="52"/>
      <c r="R2913" s="52"/>
      <c r="S2913" s="52"/>
      <c r="T2913" s="52"/>
      <c r="U2913" s="52"/>
      <c r="V2913" s="52"/>
      <c r="W2913" s="52"/>
    </row>
    <row r="2914" spans="1:23" hidden="1" x14ac:dyDescent="0.35">
      <c r="A2914" s="52" t="s">
        <v>78</v>
      </c>
      <c r="B2914" s="52" t="s">
        <v>79</v>
      </c>
      <c r="C2914" s="3">
        <v>10</v>
      </c>
      <c r="D2914" s="52" t="s">
        <v>80</v>
      </c>
      <c r="E2914" s="52" t="s">
        <v>26</v>
      </c>
      <c r="F2914" s="52" t="s">
        <v>81</v>
      </c>
      <c r="G2914" s="52" t="s">
        <v>82</v>
      </c>
      <c r="H2914" s="4">
        <v>1</v>
      </c>
      <c r="I2914" s="2">
        <v>14.65</v>
      </c>
      <c r="J2914" s="52" t="s">
        <v>7469</v>
      </c>
      <c r="K2914" s="71" t="s">
        <v>7470</v>
      </c>
      <c r="L2914" s="52" t="s">
        <v>2063</v>
      </c>
      <c r="M2914" s="72">
        <v>9418</v>
      </c>
      <c r="N2914" s="52" t="s">
        <v>2066</v>
      </c>
      <c r="O2914" s="52" t="s">
        <v>2067</v>
      </c>
      <c r="P2914" s="52"/>
      <c r="Q2914" s="52"/>
      <c r="R2914" s="52"/>
      <c r="S2914" s="52"/>
      <c r="T2914" s="52"/>
      <c r="U2914" s="52"/>
      <c r="V2914" s="52"/>
      <c r="W2914" s="52"/>
    </row>
    <row r="2915" spans="1:23" hidden="1" x14ac:dyDescent="0.35">
      <c r="A2915" s="52" t="s">
        <v>78</v>
      </c>
      <c r="B2915" s="52" t="s">
        <v>79</v>
      </c>
      <c r="C2915" s="3">
        <v>211</v>
      </c>
      <c r="D2915" s="52" t="s">
        <v>84</v>
      </c>
      <c r="E2915" s="52" t="s">
        <v>26</v>
      </c>
      <c r="F2915" s="52" t="s">
        <v>81</v>
      </c>
      <c r="G2915" s="52" t="s">
        <v>82</v>
      </c>
      <c r="H2915" s="4">
        <v>1</v>
      </c>
      <c r="I2915" s="2">
        <v>14.65</v>
      </c>
      <c r="J2915" s="52" t="s">
        <v>7471</v>
      </c>
      <c r="K2915" s="71" t="s">
        <v>7472</v>
      </c>
      <c r="L2915" s="52" t="s">
        <v>2063</v>
      </c>
      <c r="M2915" s="72">
        <v>819</v>
      </c>
      <c r="N2915" s="52" t="s">
        <v>2154</v>
      </c>
      <c r="O2915" s="52" t="s">
        <v>2155</v>
      </c>
      <c r="P2915" s="52"/>
      <c r="Q2915" s="52"/>
      <c r="R2915" s="52"/>
      <c r="S2915" s="52"/>
      <c r="T2915" s="52"/>
      <c r="U2915" s="52"/>
      <c r="V2915" s="52"/>
      <c r="W2915" s="52"/>
    </row>
    <row r="2916" spans="1:23" hidden="1" x14ac:dyDescent="0.35">
      <c r="A2916" s="52" t="s">
        <v>78</v>
      </c>
      <c r="B2916" s="52" t="s">
        <v>79</v>
      </c>
      <c r="C2916" s="3">
        <v>10</v>
      </c>
      <c r="D2916" s="52" t="s">
        <v>2022</v>
      </c>
      <c r="E2916" s="52" t="s">
        <v>26</v>
      </c>
      <c r="F2916" s="52" t="s">
        <v>81</v>
      </c>
      <c r="G2916" s="52" t="s">
        <v>82</v>
      </c>
      <c r="H2916" s="4">
        <v>1</v>
      </c>
      <c r="I2916" s="2">
        <v>14.65</v>
      </c>
      <c r="J2916" s="52" t="s">
        <v>7473</v>
      </c>
      <c r="K2916" s="71" t="s">
        <v>7474</v>
      </c>
      <c r="L2916" s="52" t="s">
        <v>2063</v>
      </c>
      <c r="M2916" s="72">
        <v>9611</v>
      </c>
      <c r="N2916" s="52" t="s">
        <v>2072</v>
      </c>
      <c r="O2916" s="52" t="s">
        <v>2073</v>
      </c>
      <c r="P2916" s="52"/>
      <c r="Q2916" s="52"/>
      <c r="R2916" s="52"/>
      <c r="S2916" s="52"/>
      <c r="T2916" s="52"/>
      <c r="U2916" s="52"/>
      <c r="V2916" s="52"/>
      <c r="W2916" s="52"/>
    </row>
    <row r="2917" spans="1:23" hidden="1" x14ac:dyDescent="0.35">
      <c r="A2917" s="52" t="s">
        <v>78</v>
      </c>
      <c r="B2917" s="52" t="s">
        <v>79</v>
      </c>
      <c r="C2917" s="3">
        <v>10</v>
      </c>
      <c r="D2917" s="52" t="s">
        <v>2024</v>
      </c>
      <c r="E2917" s="52" t="s">
        <v>26</v>
      </c>
      <c r="F2917" s="52" t="s">
        <v>81</v>
      </c>
      <c r="G2917" s="52" t="s">
        <v>82</v>
      </c>
      <c r="H2917" s="4">
        <v>1</v>
      </c>
      <c r="I2917" s="2">
        <v>14.65</v>
      </c>
      <c r="J2917" s="52" t="s">
        <v>7475</v>
      </c>
      <c r="K2917" s="71" t="s">
        <v>7476</v>
      </c>
      <c r="L2917" s="52" t="s">
        <v>2063</v>
      </c>
      <c r="M2917" s="72">
        <v>6034</v>
      </c>
      <c r="N2917" s="52" t="s">
        <v>2072</v>
      </c>
      <c r="O2917" s="52" t="s">
        <v>2073</v>
      </c>
      <c r="P2917" s="52"/>
      <c r="Q2917" s="52"/>
      <c r="R2917" s="52"/>
      <c r="S2917" s="52"/>
      <c r="T2917" s="52"/>
      <c r="U2917" s="52"/>
      <c r="V2917" s="52"/>
      <c r="W2917" s="52"/>
    </row>
    <row r="2918" spans="1:23" hidden="1" x14ac:dyDescent="0.35">
      <c r="A2918" s="52" t="s">
        <v>78</v>
      </c>
      <c r="B2918" s="52" t="s">
        <v>79</v>
      </c>
      <c r="C2918" s="3">
        <v>10</v>
      </c>
      <c r="D2918" s="52" t="s">
        <v>2023</v>
      </c>
      <c r="E2918" s="52" t="s">
        <v>26</v>
      </c>
      <c r="F2918" s="52" t="s">
        <v>81</v>
      </c>
      <c r="G2918" s="52" t="s">
        <v>82</v>
      </c>
      <c r="H2918" s="4">
        <v>1</v>
      </c>
      <c r="I2918" s="2">
        <v>14.65</v>
      </c>
      <c r="J2918" s="52" t="s">
        <v>7477</v>
      </c>
      <c r="K2918" s="71" t="s">
        <v>7478</v>
      </c>
      <c r="L2918" s="52" t="s">
        <v>2063</v>
      </c>
      <c r="M2918" s="72">
        <v>8688</v>
      </c>
      <c r="N2918" s="52" t="s">
        <v>2072</v>
      </c>
      <c r="O2918" s="52" t="s">
        <v>2073</v>
      </c>
      <c r="P2918" s="52"/>
      <c r="Q2918" s="52"/>
      <c r="R2918" s="52"/>
      <c r="S2918" s="52"/>
      <c r="T2918" s="52"/>
      <c r="U2918" s="52"/>
      <c r="V2918" s="52"/>
      <c r="W2918" s="52"/>
    </row>
    <row r="2919" spans="1:23" hidden="1" x14ac:dyDescent="0.35">
      <c r="A2919" s="52" t="s">
        <v>78</v>
      </c>
      <c r="B2919" s="52" t="s">
        <v>79</v>
      </c>
      <c r="C2919" s="3">
        <v>20</v>
      </c>
      <c r="D2919" s="52" t="s">
        <v>2023</v>
      </c>
      <c r="E2919" s="52" t="s">
        <v>26</v>
      </c>
      <c r="F2919" s="52" t="s">
        <v>81</v>
      </c>
      <c r="G2919" s="52" t="s">
        <v>82</v>
      </c>
      <c r="H2919" s="4">
        <v>1</v>
      </c>
      <c r="I2919" s="2">
        <v>14.65</v>
      </c>
      <c r="J2919" s="52" t="s">
        <v>7479</v>
      </c>
      <c r="K2919" s="71" t="s">
        <v>7480</v>
      </c>
      <c r="L2919" s="52" t="s">
        <v>2063</v>
      </c>
      <c r="M2919" s="72">
        <v>5611</v>
      </c>
      <c r="N2919" s="52" t="s">
        <v>2066</v>
      </c>
      <c r="O2919" s="52" t="s">
        <v>2067</v>
      </c>
      <c r="P2919" s="52"/>
      <c r="Q2919" s="52"/>
      <c r="R2919" s="52"/>
      <c r="S2919" s="52"/>
      <c r="T2919" s="52"/>
      <c r="U2919" s="52"/>
      <c r="V2919" s="52"/>
      <c r="W2919" s="52"/>
    </row>
    <row r="2920" spans="1:23" hidden="1" x14ac:dyDescent="0.35">
      <c r="A2920" s="52" t="s">
        <v>78</v>
      </c>
      <c r="B2920" s="52" t="s">
        <v>79</v>
      </c>
      <c r="C2920" s="3">
        <v>20</v>
      </c>
      <c r="D2920" s="52" t="s">
        <v>84</v>
      </c>
      <c r="E2920" s="52" t="s">
        <v>26</v>
      </c>
      <c r="F2920" s="52" t="s">
        <v>81</v>
      </c>
      <c r="G2920" s="52" t="s">
        <v>82</v>
      </c>
      <c r="H2920" s="4">
        <v>1</v>
      </c>
      <c r="I2920" s="2">
        <v>14.65</v>
      </c>
      <c r="J2920" s="52" t="s">
        <v>7481</v>
      </c>
      <c r="K2920" s="71" t="s">
        <v>7482</v>
      </c>
      <c r="L2920" s="52" t="s">
        <v>2063</v>
      </c>
      <c r="M2920" s="72">
        <v>1156</v>
      </c>
      <c r="N2920" s="52" t="s">
        <v>2072</v>
      </c>
      <c r="O2920" s="52" t="s">
        <v>2073</v>
      </c>
      <c r="P2920" s="52"/>
      <c r="Q2920" s="52"/>
      <c r="R2920" s="52"/>
      <c r="S2920" s="52"/>
      <c r="T2920" s="52"/>
      <c r="U2920" s="52"/>
      <c r="V2920" s="52"/>
      <c r="W2920" s="52"/>
    </row>
    <row r="2921" spans="1:23" hidden="1" x14ac:dyDescent="0.35">
      <c r="A2921" s="52" t="s">
        <v>78</v>
      </c>
      <c r="B2921" s="52" t="s">
        <v>79</v>
      </c>
      <c r="C2921" s="3">
        <v>20</v>
      </c>
      <c r="D2921" s="52" t="s">
        <v>2020</v>
      </c>
      <c r="E2921" s="52" t="s">
        <v>26</v>
      </c>
      <c r="F2921" s="52" t="s">
        <v>81</v>
      </c>
      <c r="G2921" s="52" t="s">
        <v>82</v>
      </c>
      <c r="H2921" s="4">
        <v>1</v>
      </c>
      <c r="I2921" s="2">
        <v>14.65</v>
      </c>
      <c r="J2921" s="52" t="s">
        <v>7483</v>
      </c>
      <c r="K2921" s="71" t="s">
        <v>7484</v>
      </c>
      <c r="L2921" s="52" t="s">
        <v>2063</v>
      </c>
      <c r="M2921" s="72">
        <v>4515</v>
      </c>
      <c r="N2921" s="52" t="s">
        <v>2158</v>
      </c>
      <c r="O2921" s="52" t="s">
        <v>2159</v>
      </c>
      <c r="P2921" s="52"/>
      <c r="Q2921" s="52"/>
      <c r="R2921" s="52"/>
      <c r="S2921" s="52"/>
      <c r="T2921" s="52"/>
      <c r="U2921" s="52"/>
      <c r="V2921" s="52"/>
      <c r="W2921" s="52"/>
    </row>
    <row r="2922" spans="1:23" x14ac:dyDescent="0.35">
      <c r="A2922" s="52" t="s">
        <v>78</v>
      </c>
      <c r="B2922" s="52" t="s">
        <v>79</v>
      </c>
      <c r="C2922" s="3">
        <v>10</v>
      </c>
      <c r="D2922" s="52" t="s">
        <v>2021</v>
      </c>
      <c r="E2922" s="52" t="s">
        <v>26</v>
      </c>
      <c r="F2922" s="52" t="s">
        <v>81</v>
      </c>
      <c r="G2922" s="52" t="s">
        <v>82</v>
      </c>
      <c r="H2922" s="4">
        <v>1</v>
      </c>
      <c r="I2922" s="2">
        <v>14.65</v>
      </c>
      <c r="J2922" s="52" t="s">
        <v>7485</v>
      </c>
      <c r="K2922" s="71" t="s">
        <v>7486</v>
      </c>
      <c r="L2922" s="52" t="s">
        <v>2063</v>
      </c>
      <c r="M2922" s="72">
        <v>8212</v>
      </c>
      <c r="N2922" s="52" t="s">
        <v>2076</v>
      </c>
      <c r="O2922" s="52" t="s">
        <v>2077</v>
      </c>
      <c r="P2922" s="52"/>
      <c r="Q2922" s="52"/>
      <c r="R2922" s="52"/>
      <c r="S2922" s="52"/>
      <c r="T2922" s="52"/>
      <c r="U2922" s="52"/>
      <c r="V2922" s="52"/>
      <c r="W2922" s="52"/>
    </row>
    <row r="2923" spans="1:23" x14ac:dyDescent="0.35">
      <c r="A2923" s="52" t="s">
        <v>78</v>
      </c>
      <c r="B2923" s="52" t="s">
        <v>79</v>
      </c>
      <c r="C2923" s="3">
        <v>211</v>
      </c>
      <c r="D2923" s="52" t="s">
        <v>83</v>
      </c>
      <c r="E2923" s="52" t="s">
        <v>26</v>
      </c>
      <c r="F2923" s="52" t="s">
        <v>81</v>
      </c>
      <c r="G2923" s="52" t="s">
        <v>82</v>
      </c>
      <c r="H2923" s="4">
        <v>1</v>
      </c>
      <c r="I2923" s="2">
        <v>14.65</v>
      </c>
      <c r="J2923" s="52" t="s">
        <v>7487</v>
      </c>
      <c r="K2923" s="71" t="s">
        <v>7488</v>
      </c>
      <c r="L2923" s="52" t="s">
        <v>2063</v>
      </c>
      <c r="M2923" s="72">
        <v>702</v>
      </c>
      <c r="N2923" s="52" t="s">
        <v>2076</v>
      </c>
      <c r="O2923" s="52" t="s">
        <v>2077</v>
      </c>
      <c r="P2923" s="52"/>
      <c r="Q2923" s="52"/>
      <c r="R2923" s="52"/>
      <c r="S2923" s="52"/>
      <c r="T2923" s="52"/>
      <c r="U2923" s="52"/>
      <c r="V2923" s="52"/>
      <c r="W2923" s="52"/>
    </row>
    <row r="2924" spans="1:23" hidden="1" x14ac:dyDescent="0.35">
      <c r="A2924" s="52" t="s">
        <v>78</v>
      </c>
      <c r="B2924" s="52" t="s">
        <v>79</v>
      </c>
      <c r="C2924" s="3">
        <v>20</v>
      </c>
      <c r="D2924" s="52" t="s">
        <v>2021</v>
      </c>
      <c r="E2924" s="52" t="s">
        <v>26</v>
      </c>
      <c r="F2924" s="52" t="s">
        <v>81</v>
      </c>
      <c r="G2924" s="52" t="s">
        <v>82</v>
      </c>
      <c r="H2924" s="4">
        <v>1</v>
      </c>
      <c r="I2924" s="2">
        <v>14.65</v>
      </c>
      <c r="J2924" s="52" t="s">
        <v>7489</v>
      </c>
      <c r="K2924" s="71" t="s">
        <v>7490</v>
      </c>
      <c r="L2924" s="52" t="s">
        <v>2063</v>
      </c>
      <c r="M2924" s="72">
        <v>8822</v>
      </c>
      <c r="N2924" s="52" t="s">
        <v>2066</v>
      </c>
      <c r="O2924" s="52" t="s">
        <v>2067</v>
      </c>
      <c r="P2924" s="52"/>
      <c r="Q2924" s="52"/>
      <c r="R2924" s="52"/>
      <c r="S2924" s="52"/>
      <c r="T2924" s="52"/>
      <c r="U2924" s="52"/>
      <c r="V2924" s="52"/>
      <c r="W2924" s="52"/>
    </row>
    <row r="2925" spans="1:23" hidden="1" x14ac:dyDescent="0.35">
      <c r="A2925" s="52" t="s">
        <v>78</v>
      </c>
      <c r="B2925" s="52" t="s">
        <v>79</v>
      </c>
      <c r="C2925" s="3">
        <v>10</v>
      </c>
      <c r="D2925" s="52" t="s">
        <v>2022</v>
      </c>
      <c r="E2925" s="52" t="s">
        <v>26</v>
      </c>
      <c r="F2925" s="52" t="s">
        <v>81</v>
      </c>
      <c r="G2925" s="52" t="s">
        <v>82</v>
      </c>
      <c r="H2925" s="4">
        <v>1</v>
      </c>
      <c r="I2925" s="2">
        <v>14.65</v>
      </c>
      <c r="J2925" s="52" t="s">
        <v>7491</v>
      </c>
      <c r="K2925" s="71" t="s">
        <v>7492</v>
      </c>
      <c r="L2925" s="52" t="s">
        <v>2063</v>
      </c>
      <c r="M2925" s="72">
        <v>8937</v>
      </c>
      <c r="N2925" s="52" t="s">
        <v>2154</v>
      </c>
      <c r="O2925" s="52" t="s">
        <v>2155</v>
      </c>
      <c r="P2925" s="52"/>
      <c r="Q2925" s="52"/>
      <c r="R2925" s="52"/>
      <c r="S2925" s="52"/>
      <c r="T2925" s="52"/>
      <c r="U2925" s="52"/>
      <c r="V2925" s="52"/>
      <c r="W2925" s="52"/>
    </row>
    <row r="2926" spans="1:23" hidden="1" x14ac:dyDescent="0.35">
      <c r="A2926" s="52" t="s">
        <v>78</v>
      </c>
      <c r="B2926" s="52" t="s">
        <v>79</v>
      </c>
      <c r="C2926" s="3">
        <v>20</v>
      </c>
      <c r="D2926" s="52" t="s">
        <v>84</v>
      </c>
      <c r="E2926" s="52" t="s">
        <v>26</v>
      </c>
      <c r="F2926" s="52" t="s">
        <v>81</v>
      </c>
      <c r="G2926" s="52" t="s">
        <v>82</v>
      </c>
      <c r="H2926" s="4">
        <v>1</v>
      </c>
      <c r="I2926" s="2">
        <v>14.65</v>
      </c>
      <c r="J2926" s="52" t="s">
        <v>7493</v>
      </c>
      <c r="K2926" s="71" t="s">
        <v>7494</v>
      </c>
      <c r="L2926" s="52" t="s">
        <v>2063</v>
      </c>
      <c r="M2926" s="72">
        <v>912</v>
      </c>
      <c r="N2926" s="52" t="s">
        <v>2072</v>
      </c>
      <c r="O2926" s="52" t="s">
        <v>2073</v>
      </c>
      <c r="P2926" s="52"/>
      <c r="Q2926" s="52"/>
      <c r="R2926" s="52"/>
      <c r="S2926" s="52"/>
      <c r="T2926" s="52"/>
      <c r="U2926" s="52"/>
      <c r="V2926" s="52"/>
      <c r="W2926" s="52"/>
    </row>
    <row r="2927" spans="1:23" hidden="1" x14ac:dyDescent="0.35">
      <c r="A2927" s="52" t="s">
        <v>78</v>
      </c>
      <c r="B2927" s="52" t="s">
        <v>79</v>
      </c>
      <c r="C2927" s="3">
        <v>20</v>
      </c>
      <c r="D2927" s="52" t="s">
        <v>2022</v>
      </c>
      <c r="E2927" s="52" t="s">
        <v>26</v>
      </c>
      <c r="F2927" s="52" t="s">
        <v>81</v>
      </c>
      <c r="G2927" s="52" t="s">
        <v>82</v>
      </c>
      <c r="H2927" s="4">
        <v>1</v>
      </c>
      <c r="I2927" s="2">
        <v>14.65</v>
      </c>
      <c r="J2927" s="52" t="s">
        <v>7125</v>
      </c>
      <c r="K2927" s="71" t="s">
        <v>7495</v>
      </c>
      <c r="L2927" s="52" t="s">
        <v>2063</v>
      </c>
      <c r="M2927" s="72">
        <v>8223</v>
      </c>
      <c r="N2927" s="52" t="s">
        <v>2072</v>
      </c>
      <c r="O2927" s="52" t="s">
        <v>2073</v>
      </c>
      <c r="P2927" s="52"/>
      <c r="Q2927" s="52"/>
      <c r="R2927" s="52"/>
      <c r="S2927" s="52"/>
      <c r="T2927" s="52"/>
      <c r="U2927" s="52"/>
      <c r="V2927" s="52"/>
      <c r="W2927" s="52"/>
    </row>
    <row r="2928" spans="1:23" hidden="1" x14ac:dyDescent="0.35">
      <c r="A2928" s="52" t="s">
        <v>78</v>
      </c>
      <c r="B2928" s="52" t="s">
        <v>79</v>
      </c>
      <c r="C2928" s="3">
        <v>20</v>
      </c>
      <c r="D2928" s="52" t="s">
        <v>80</v>
      </c>
      <c r="E2928" s="52" t="s">
        <v>26</v>
      </c>
      <c r="F2928" s="52" t="s">
        <v>81</v>
      </c>
      <c r="G2928" s="52" t="s">
        <v>82</v>
      </c>
      <c r="H2928" s="4">
        <v>1</v>
      </c>
      <c r="I2928" s="2">
        <v>14.65</v>
      </c>
      <c r="J2928" s="52" t="s">
        <v>6974</v>
      </c>
      <c r="K2928" s="71" t="s">
        <v>7496</v>
      </c>
      <c r="L2928" s="52" t="s">
        <v>2063</v>
      </c>
      <c r="M2928" s="72">
        <v>7715</v>
      </c>
      <c r="N2928" s="52"/>
      <c r="O2928" s="52"/>
      <c r="P2928" s="52"/>
      <c r="Q2928" s="52"/>
      <c r="R2928" s="52"/>
      <c r="S2928" s="52"/>
      <c r="T2928" s="52"/>
      <c r="U2928" s="52"/>
      <c r="V2928" s="52"/>
      <c r="W2928" s="52"/>
    </row>
    <row r="2929" spans="1:23" hidden="1" x14ac:dyDescent="0.35">
      <c r="A2929" s="52" t="s">
        <v>78</v>
      </c>
      <c r="B2929" s="52" t="s">
        <v>79</v>
      </c>
      <c r="C2929" s="3">
        <v>20</v>
      </c>
      <c r="D2929" s="52" t="s">
        <v>87</v>
      </c>
      <c r="E2929" s="52" t="s">
        <v>26</v>
      </c>
      <c r="F2929" s="52" t="s">
        <v>81</v>
      </c>
      <c r="G2929" s="52" t="s">
        <v>82</v>
      </c>
      <c r="H2929" s="4">
        <v>1</v>
      </c>
      <c r="I2929" s="2">
        <v>14.65</v>
      </c>
      <c r="J2929" s="52" t="s">
        <v>7497</v>
      </c>
      <c r="K2929" s="71" t="s">
        <v>7498</v>
      </c>
      <c r="L2929" s="52" t="s">
        <v>2063</v>
      </c>
      <c r="M2929" s="72">
        <v>2306</v>
      </c>
      <c r="N2929" s="52" t="s">
        <v>2072</v>
      </c>
      <c r="O2929" s="52" t="s">
        <v>2073</v>
      </c>
      <c r="P2929" s="52"/>
      <c r="Q2929" s="52"/>
      <c r="R2929" s="52"/>
      <c r="S2929" s="52"/>
      <c r="T2929" s="52"/>
      <c r="U2929" s="52"/>
      <c r="V2929" s="52"/>
      <c r="W2929" s="52"/>
    </row>
    <row r="2930" spans="1:23" hidden="1" x14ac:dyDescent="0.35">
      <c r="A2930" s="52" t="s">
        <v>78</v>
      </c>
      <c r="B2930" s="52" t="s">
        <v>79</v>
      </c>
      <c r="C2930" s="3">
        <v>10</v>
      </c>
      <c r="D2930" s="52" t="s">
        <v>87</v>
      </c>
      <c r="E2930" s="52" t="s">
        <v>26</v>
      </c>
      <c r="F2930" s="52" t="s">
        <v>81</v>
      </c>
      <c r="G2930" s="52" t="s">
        <v>82</v>
      </c>
      <c r="H2930" s="4">
        <v>1</v>
      </c>
      <c r="I2930" s="2">
        <v>14.65</v>
      </c>
      <c r="J2930" s="52" t="s">
        <v>7209</v>
      </c>
      <c r="K2930" s="71" t="s">
        <v>7499</v>
      </c>
      <c r="L2930" s="52" t="s">
        <v>2063</v>
      </c>
      <c r="M2930" s="72">
        <v>9260</v>
      </c>
      <c r="N2930" s="52" t="s">
        <v>2066</v>
      </c>
      <c r="O2930" s="52" t="s">
        <v>2067</v>
      </c>
      <c r="P2930" s="52"/>
      <c r="Q2930" s="52"/>
      <c r="R2930" s="52"/>
      <c r="S2930" s="52"/>
      <c r="T2930" s="52"/>
      <c r="U2930" s="52"/>
      <c r="V2930" s="52"/>
      <c r="W2930" s="52"/>
    </row>
    <row r="2931" spans="1:23" hidden="1" x14ac:dyDescent="0.35">
      <c r="A2931" s="52" t="s">
        <v>78</v>
      </c>
      <c r="B2931" s="52" t="s">
        <v>79</v>
      </c>
      <c r="C2931" s="3">
        <v>20</v>
      </c>
      <c r="D2931" s="52" t="s">
        <v>2024</v>
      </c>
      <c r="E2931" s="52" t="s">
        <v>26</v>
      </c>
      <c r="F2931" s="52" t="s">
        <v>81</v>
      </c>
      <c r="G2931" s="52" t="s">
        <v>82</v>
      </c>
      <c r="H2931" s="4">
        <v>1</v>
      </c>
      <c r="I2931" s="2">
        <v>14.65</v>
      </c>
      <c r="J2931" s="52" t="s">
        <v>7500</v>
      </c>
      <c r="K2931" s="71" t="s">
        <v>7501</v>
      </c>
      <c r="L2931" s="52" t="s">
        <v>2063</v>
      </c>
      <c r="M2931" s="72">
        <v>2539</v>
      </c>
      <c r="N2931" s="52" t="s">
        <v>2066</v>
      </c>
      <c r="O2931" s="52" t="s">
        <v>2067</v>
      </c>
      <c r="P2931" s="52"/>
      <c r="Q2931" s="52"/>
      <c r="R2931" s="52"/>
      <c r="S2931" s="52"/>
      <c r="T2931" s="52"/>
      <c r="U2931" s="52"/>
      <c r="V2931" s="52"/>
      <c r="W2931" s="52"/>
    </row>
    <row r="2932" spans="1:23" hidden="1" x14ac:dyDescent="0.35">
      <c r="A2932" s="52" t="s">
        <v>78</v>
      </c>
      <c r="B2932" s="52" t="s">
        <v>79</v>
      </c>
      <c r="C2932" s="3">
        <v>20</v>
      </c>
      <c r="D2932" s="52" t="s">
        <v>2019</v>
      </c>
      <c r="E2932" s="52" t="s">
        <v>26</v>
      </c>
      <c r="F2932" s="52" t="s">
        <v>81</v>
      </c>
      <c r="G2932" s="52" t="s">
        <v>82</v>
      </c>
      <c r="H2932" s="4">
        <v>1</v>
      </c>
      <c r="I2932" s="2">
        <v>14.65</v>
      </c>
      <c r="J2932" s="52" t="s">
        <v>7502</v>
      </c>
      <c r="K2932" s="71" t="s">
        <v>7503</v>
      </c>
      <c r="L2932" s="52" t="s">
        <v>2063</v>
      </c>
      <c r="M2932" s="72">
        <v>9857</v>
      </c>
      <c r="N2932" s="52" t="s">
        <v>2072</v>
      </c>
      <c r="O2932" s="52" t="s">
        <v>2073</v>
      </c>
      <c r="P2932" s="52"/>
      <c r="Q2932" s="52"/>
      <c r="R2932" s="52"/>
      <c r="S2932" s="52"/>
      <c r="T2932" s="52"/>
      <c r="U2932" s="52"/>
      <c r="V2932" s="52"/>
      <c r="W2932" s="52"/>
    </row>
    <row r="2933" spans="1:23" hidden="1" x14ac:dyDescent="0.35">
      <c r="A2933" s="52" t="s">
        <v>78</v>
      </c>
      <c r="B2933" s="52" t="s">
        <v>79</v>
      </c>
      <c r="C2933" s="3">
        <v>10</v>
      </c>
      <c r="D2933" s="52" t="s">
        <v>83</v>
      </c>
      <c r="E2933" s="52" t="s">
        <v>26</v>
      </c>
      <c r="F2933" s="52" t="s">
        <v>81</v>
      </c>
      <c r="G2933" s="52" t="s">
        <v>82</v>
      </c>
      <c r="H2933" s="4">
        <v>1</v>
      </c>
      <c r="I2933" s="2">
        <v>14.65</v>
      </c>
      <c r="J2933" s="52" t="s">
        <v>7504</v>
      </c>
      <c r="K2933" s="71" t="s">
        <v>7505</v>
      </c>
      <c r="L2933" s="52" t="s">
        <v>2063</v>
      </c>
      <c r="M2933" s="72">
        <v>4897</v>
      </c>
      <c r="N2933" s="52" t="s">
        <v>2066</v>
      </c>
      <c r="O2933" s="52" t="s">
        <v>2067</v>
      </c>
      <c r="P2933" s="52"/>
      <c r="Q2933" s="52"/>
      <c r="R2933" s="52"/>
      <c r="S2933" s="52"/>
      <c r="T2933" s="52"/>
      <c r="U2933" s="52"/>
      <c r="V2933" s="52"/>
      <c r="W2933" s="52"/>
    </row>
    <row r="2934" spans="1:23" hidden="1" x14ac:dyDescent="0.35">
      <c r="A2934" s="52" t="s">
        <v>78</v>
      </c>
      <c r="B2934" s="52" t="s">
        <v>79</v>
      </c>
      <c r="C2934" s="3">
        <v>20</v>
      </c>
      <c r="D2934" s="52" t="s">
        <v>2023</v>
      </c>
      <c r="E2934" s="52" t="s">
        <v>26</v>
      </c>
      <c r="F2934" s="52" t="s">
        <v>81</v>
      </c>
      <c r="G2934" s="52" t="s">
        <v>82</v>
      </c>
      <c r="H2934" s="4">
        <v>1</v>
      </c>
      <c r="I2934" s="2">
        <v>14.65</v>
      </c>
      <c r="J2934" s="52" t="s">
        <v>7506</v>
      </c>
      <c r="K2934" s="71" t="s">
        <v>7507</v>
      </c>
      <c r="L2934" s="52" t="s">
        <v>2063</v>
      </c>
      <c r="M2934" s="72">
        <v>5027</v>
      </c>
      <c r="N2934" s="52"/>
      <c r="O2934" s="52"/>
      <c r="P2934" s="52"/>
      <c r="Q2934" s="52"/>
      <c r="R2934" s="52"/>
      <c r="S2934" s="52"/>
      <c r="T2934" s="52"/>
      <c r="U2934" s="52"/>
      <c r="V2934" s="52"/>
      <c r="W2934" s="52"/>
    </row>
    <row r="2935" spans="1:23" hidden="1" x14ac:dyDescent="0.35">
      <c r="A2935" s="52" t="s">
        <v>78</v>
      </c>
      <c r="B2935" s="52" t="s">
        <v>79</v>
      </c>
      <c r="C2935" s="3">
        <v>10</v>
      </c>
      <c r="D2935" s="52" t="s">
        <v>87</v>
      </c>
      <c r="E2935" s="52" t="s">
        <v>26</v>
      </c>
      <c r="F2935" s="52" t="s">
        <v>81</v>
      </c>
      <c r="G2935" s="52" t="s">
        <v>82</v>
      </c>
      <c r="H2935" s="4">
        <v>1</v>
      </c>
      <c r="I2935" s="2">
        <v>14.65</v>
      </c>
      <c r="J2935" s="52" t="s">
        <v>7508</v>
      </c>
      <c r="K2935" s="71" t="s">
        <v>7509</v>
      </c>
      <c r="L2935" s="52" t="s">
        <v>2063</v>
      </c>
      <c r="M2935" s="72">
        <v>9044</v>
      </c>
      <c r="N2935" s="52" t="s">
        <v>2066</v>
      </c>
      <c r="O2935" s="52" t="s">
        <v>2067</v>
      </c>
      <c r="P2935" s="52"/>
      <c r="Q2935" s="52"/>
      <c r="R2935" s="52"/>
      <c r="S2935" s="52"/>
      <c r="T2935" s="52"/>
      <c r="U2935" s="52"/>
      <c r="V2935" s="52"/>
      <c r="W2935" s="52"/>
    </row>
    <row r="2936" spans="1:23" hidden="1" x14ac:dyDescent="0.35">
      <c r="A2936" s="52" t="s">
        <v>78</v>
      </c>
      <c r="B2936" s="52" t="s">
        <v>79</v>
      </c>
      <c r="C2936" s="3">
        <v>211</v>
      </c>
      <c r="D2936" s="52" t="s">
        <v>2022</v>
      </c>
      <c r="E2936" s="52" t="s">
        <v>26</v>
      </c>
      <c r="F2936" s="52" t="s">
        <v>81</v>
      </c>
      <c r="G2936" s="52" t="s">
        <v>82</v>
      </c>
      <c r="H2936" s="4">
        <v>1</v>
      </c>
      <c r="I2936" s="2">
        <v>14.65</v>
      </c>
      <c r="J2936" s="52" t="s">
        <v>7510</v>
      </c>
      <c r="K2936" s="71" t="s">
        <v>7511</v>
      </c>
      <c r="L2936" s="52" t="s">
        <v>2063</v>
      </c>
      <c r="M2936" s="72">
        <v>7311</v>
      </c>
      <c r="N2936" s="52" t="s">
        <v>2072</v>
      </c>
      <c r="O2936" s="52" t="s">
        <v>2073</v>
      </c>
      <c r="P2936" s="52"/>
      <c r="Q2936" s="52"/>
      <c r="R2936" s="52"/>
      <c r="S2936" s="52"/>
      <c r="T2936" s="52"/>
      <c r="U2936" s="52"/>
      <c r="V2936" s="52"/>
      <c r="W2936" s="52"/>
    </row>
    <row r="2937" spans="1:23" hidden="1" x14ac:dyDescent="0.35">
      <c r="A2937" s="52" t="s">
        <v>78</v>
      </c>
      <c r="B2937" s="52" t="s">
        <v>79</v>
      </c>
      <c r="C2937" s="3">
        <v>20</v>
      </c>
      <c r="D2937" s="52" t="s">
        <v>2024</v>
      </c>
      <c r="E2937" s="52" t="s">
        <v>26</v>
      </c>
      <c r="F2937" s="52" t="s">
        <v>81</v>
      </c>
      <c r="G2937" s="52" t="s">
        <v>82</v>
      </c>
      <c r="H2937" s="4">
        <v>1</v>
      </c>
      <c r="I2937" s="2">
        <v>14.65</v>
      </c>
      <c r="J2937" s="52" t="s">
        <v>7512</v>
      </c>
      <c r="K2937" s="71" t="s">
        <v>7513</v>
      </c>
      <c r="L2937" s="52" t="s">
        <v>2063</v>
      </c>
      <c r="M2937" s="72">
        <v>1790</v>
      </c>
      <c r="N2937" s="52" t="s">
        <v>2066</v>
      </c>
      <c r="O2937" s="52" t="s">
        <v>2067</v>
      </c>
      <c r="P2937" s="52"/>
      <c r="Q2937" s="52"/>
      <c r="R2937" s="52"/>
      <c r="S2937" s="52"/>
      <c r="T2937" s="52"/>
      <c r="U2937" s="52"/>
      <c r="V2937" s="52"/>
      <c r="W2937" s="52"/>
    </row>
    <row r="2938" spans="1:23" hidden="1" x14ac:dyDescent="0.35">
      <c r="A2938" s="52" t="s">
        <v>78</v>
      </c>
      <c r="B2938" s="52" t="s">
        <v>79</v>
      </c>
      <c r="C2938" s="3">
        <v>10</v>
      </c>
      <c r="D2938" s="52" t="s">
        <v>87</v>
      </c>
      <c r="E2938" s="52" t="s">
        <v>26</v>
      </c>
      <c r="F2938" s="52" t="s">
        <v>81</v>
      </c>
      <c r="G2938" s="52" t="s">
        <v>82</v>
      </c>
      <c r="H2938" s="4">
        <v>1</v>
      </c>
      <c r="I2938" s="2">
        <v>14.65</v>
      </c>
      <c r="J2938" s="52" t="s">
        <v>7514</v>
      </c>
      <c r="K2938" s="71" t="s">
        <v>7515</v>
      </c>
      <c r="L2938" s="52" t="s">
        <v>2095</v>
      </c>
      <c r="M2938" s="72">
        <v>738</v>
      </c>
      <c r="N2938" s="52" t="s">
        <v>2072</v>
      </c>
      <c r="O2938" s="52" t="s">
        <v>2073</v>
      </c>
      <c r="P2938" s="52"/>
      <c r="Q2938" s="52"/>
      <c r="R2938" s="52"/>
      <c r="S2938" s="52"/>
      <c r="T2938" s="52"/>
      <c r="U2938" s="52"/>
      <c r="V2938" s="52"/>
      <c r="W2938" s="52"/>
    </row>
    <row r="2939" spans="1:23" hidden="1" x14ac:dyDescent="0.35">
      <c r="A2939" s="52" t="s">
        <v>78</v>
      </c>
      <c r="B2939" s="52" t="s">
        <v>79</v>
      </c>
      <c r="C2939" s="3">
        <v>10</v>
      </c>
      <c r="D2939" s="52" t="s">
        <v>83</v>
      </c>
      <c r="E2939" s="52" t="s">
        <v>26</v>
      </c>
      <c r="F2939" s="52" t="s">
        <v>81</v>
      </c>
      <c r="G2939" s="52" t="s">
        <v>82</v>
      </c>
      <c r="H2939" s="4">
        <v>1</v>
      </c>
      <c r="I2939" s="2">
        <v>14.65</v>
      </c>
      <c r="J2939" s="52" t="s">
        <v>7516</v>
      </c>
      <c r="K2939" s="71" t="s">
        <v>7517</v>
      </c>
      <c r="L2939" s="52" t="s">
        <v>2063</v>
      </c>
      <c r="M2939" s="72">
        <v>5870</v>
      </c>
      <c r="N2939" s="52"/>
      <c r="O2939" s="52"/>
      <c r="P2939" s="52"/>
      <c r="Q2939" s="52"/>
      <c r="R2939" s="52"/>
      <c r="S2939" s="52"/>
      <c r="T2939" s="52"/>
      <c r="U2939" s="52"/>
      <c r="V2939" s="52"/>
      <c r="W2939" s="52"/>
    </row>
    <row r="2940" spans="1:23" hidden="1" x14ac:dyDescent="0.35">
      <c r="A2940" s="52" t="s">
        <v>78</v>
      </c>
      <c r="B2940" s="52" t="s">
        <v>79</v>
      </c>
      <c r="C2940" s="3">
        <v>20</v>
      </c>
      <c r="D2940" s="52" t="s">
        <v>85</v>
      </c>
      <c r="E2940" s="52" t="s">
        <v>26</v>
      </c>
      <c r="F2940" s="52" t="s">
        <v>81</v>
      </c>
      <c r="G2940" s="52" t="s">
        <v>82</v>
      </c>
      <c r="H2940" s="4">
        <v>1</v>
      </c>
      <c r="I2940" s="2">
        <v>14.65</v>
      </c>
      <c r="J2940" s="52" t="s">
        <v>7518</v>
      </c>
      <c r="K2940" s="71" t="s">
        <v>7519</v>
      </c>
      <c r="L2940" s="52" t="s">
        <v>2063</v>
      </c>
      <c r="M2940" s="72">
        <v>4386</v>
      </c>
      <c r="N2940" s="52" t="s">
        <v>2072</v>
      </c>
      <c r="O2940" s="52" t="s">
        <v>2073</v>
      </c>
      <c r="P2940" s="52"/>
      <c r="Q2940" s="52"/>
      <c r="R2940" s="52"/>
      <c r="S2940" s="52"/>
      <c r="T2940" s="52"/>
      <c r="U2940" s="52"/>
      <c r="V2940" s="52"/>
      <c r="W2940" s="52"/>
    </row>
    <row r="2941" spans="1:23" hidden="1" x14ac:dyDescent="0.35">
      <c r="A2941" s="52" t="s">
        <v>78</v>
      </c>
      <c r="B2941" s="52" t="s">
        <v>79</v>
      </c>
      <c r="C2941" s="3">
        <v>20</v>
      </c>
      <c r="D2941" s="52" t="s">
        <v>84</v>
      </c>
      <c r="E2941" s="52" t="s">
        <v>26</v>
      </c>
      <c r="F2941" s="52" t="s">
        <v>81</v>
      </c>
      <c r="G2941" s="52" t="s">
        <v>82</v>
      </c>
      <c r="H2941" s="4">
        <v>1</v>
      </c>
      <c r="I2941" s="2">
        <v>14.65</v>
      </c>
      <c r="J2941" s="52" t="s">
        <v>7520</v>
      </c>
      <c r="K2941" s="71" t="s">
        <v>7521</v>
      </c>
      <c r="L2941" s="52" t="s">
        <v>2063</v>
      </c>
      <c r="M2941" s="72">
        <v>8645</v>
      </c>
      <c r="N2941" s="52" t="s">
        <v>2066</v>
      </c>
      <c r="O2941" s="52" t="s">
        <v>2067</v>
      </c>
      <c r="P2941" s="52"/>
      <c r="Q2941" s="52"/>
      <c r="R2941" s="52"/>
      <c r="S2941" s="52"/>
      <c r="T2941" s="52"/>
      <c r="U2941" s="52"/>
      <c r="V2941" s="52"/>
      <c r="W2941" s="52"/>
    </row>
    <row r="2942" spans="1:23" hidden="1" x14ac:dyDescent="0.35">
      <c r="A2942" s="52" t="s">
        <v>78</v>
      </c>
      <c r="B2942" s="52" t="s">
        <v>79</v>
      </c>
      <c r="C2942" s="3">
        <v>20</v>
      </c>
      <c r="D2942" s="52" t="s">
        <v>2020</v>
      </c>
      <c r="E2942" s="52" t="s">
        <v>26</v>
      </c>
      <c r="F2942" s="52" t="s">
        <v>81</v>
      </c>
      <c r="G2942" s="52" t="s">
        <v>82</v>
      </c>
      <c r="H2942" s="4">
        <v>1</v>
      </c>
      <c r="I2942" s="2">
        <v>14.65</v>
      </c>
      <c r="J2942" s="52" t="s">
        <v>7522</v>
      </c>
      <c r="K2942" s="71" t="s">
        <v>7523</v>
      </c>
      <c r="L2942" s="52" t="s">
        <v>2063</v>
      </c>
      <c r="M2942" s="72">
        <v>6377</v>
      </c>
      <c r="N2942" s="52"/>
      <c r="O2942" s="52"/>
      <c r="P2942" s="52"/>
      <c r="Q2942" s="52"/>
      <c r="R2942" s="52"/>
      <c r="S2942" s="52"/>
      <c r="T2942" s="52"/>
      <c r="U2942" s="52"/>
      <c r="V2942" s="52"/>
      <c r="W2942" s="52"/>
    </row>
    <row r="2943" spans="1:23" x14ac:dyDescent="0.35">
      <c r="A2943" s="52" t="s">
        <v>78</v>
      </c>
      <c r="B2943" s="52" t="s">
        <v>79</v>
      </c>
      <c r="C2943" s="3">
        <v>20</v>
      </c>
      <c r="D2943" s="52" t="s">
        <v>86</v>
      </c>
      <c r="E2943" s="52" t="s">
        <v>26</v>
      </c>
      <c r="F2943" s="52" t="s">
        <v>81</v>
      </c>
      <c r="G2943" s="52" t="s">
        <v>82</v>
      </c>
      <c r="H2943" s="4">
        <v>1</v>
      </c>
      <c r="I2943" s="2">
        <v>14.65</v>
      </c>
      <c r="J2943" s="52" t="s">
        <v>7187</v>
      </c>
      <c r="K2943" s="71" t="s">
        <v>7524</v>
      </c>
      <c r="L2943" s="52" t="s">
        <v>2063</v>
      </c>
      <c r="M2943" s="72">
        <v>469</v>
      </c>
      <c r="N2943" s="52" t="s">
        <v>2259</v>
      </c>
      <c r="O2943" s="52" t="s">
        <v>2260</v>
      </c>
      <c r="P2943" s="52"/>
      <c r="Q2943" s="52"/>
      <c r="R2943" s="52"/>
      <c r="S2943" s="52"/>
      <c r="T2943" s="52"/>
      <c r="U2943" s="52"/>
      <c r="V2943" s="52"/>
      <c r="W2943" s="52"/>
    </row>
    <row r="2944" spans="1:23" hidden="1" x14ac:dyDescent="0.35">
      <c r="A2944" s="52" t="s">
        <v>78</v>
      </c>
      <c r="B2944" s="52" t="s">
        <v>79</v>
      </c>
      <c r="C2944" s="3">
        <v>20</v>
      </c>
      <c r="D2944" s="52" t="s">
        <v>2020</v>
      </c>
      <c r="E2944" s="52" t="s">
        <v>26</v>
      </c>
      <c r="F2944" s="52" t="s">
        <v>81</v>
      </c>
      <c r="G2944" s="52" t="s">
        <v>82</v>
      </c>
      <c r="H2944" s="4">
        <v>1</v>
      </c>
      <c r="I2944" s="2">
        <v>14.65</v>
      </c>
      <c r="J2944" s="52" t="s">
        <v>7525</v>
      </c>
      <c r="K2944" s="71" t="s">
        <v>7526</v>
      </c>
      <c r="L2944" s="52" t="s">
        <v>2063</v>
      </c>
      <c r="M2944" s="72">
        <v>934</v>
      </c>
      <c r="N2944" s="52" t="s">
        <v>2158</v>
      </c>
      <c r="O2944" s="52" t="s">
        <v>2159</v>
      </c>
      <c r="P2944" s="52"/>
      <c r="Q2944" s="52"/>
      <c r="R2944" s="52"/>
      <c r="S2944" s="52"/>
      <c r="T2944" s="52"/>
      <c r="U2944" s="52"/>
      <c r="V2944" s="52"/>
      <c r="W2944" s="52"/>
    </row>
    <row r="2945" spans="1:23" hidden="1" x14ac:dyDescent="0.35">
      <c r="A2945" s="52" t="s">
        <v>78</v>
      </c>
      <c r="B2945" s="52" t="s">
        <v>79</v>
      </c>
      <c r="C2945" s="3">
        <v>211</v>
      </c>
      <c r="D2945" s="52" t="s">
        <v>2021</v>
      </c>
      <c r="E2945" s="52" t="s">
        <v>26</v>
      </c>
      <c r="F2945" s="52" t="s">
        <v>81</v>
      </c>
      <c r="G2945" s="52" t="s">
        <v>82</v>
      </c>
      <c r="H2945" s="4">
        <v>1</v>
      </c>
      <c r="I2945" s="2">
        <v>14.65</v>
      </c>
      <c r="J2945" s="52" t="s">
        <v>7016</v>
      </c>
      <c r="K2945" s="71" t="s">
        <v>7527</v>
      </c>
      <c r="L2945" s="52" t="s">
        <v>2063</v>
      </c>
      <c r="M2945" s="72">
        <v>2462</v>
      </c>
      <c r="N2945" s="52" t="s">
        <v>2158</v>
      </c>
      <c r="O2945" s="52" t="s">
        <v>2159</v>
      </c>
      <c r="P2945" s="52"/>
      <c r="Q2945" s="52"/>
      <c r="R2945" s="52"/>
      <c r="S2945" s="52"/>
      <c r="T2945" s="52"/>
      <c r="U2945" s="52"/>
      <c r="V2945" s="52"/>
      <c r="W2945" s="52"/>
    </row>
    <row r="2946" spans="1:23" hidden="1" x14ac:dyDescent="0.35">
      <c r="A2946" s="52" t="s">
        <v>78</v>
      </c>
      <c r="B2946" s="52" t="s">
        <v>79</v>
      </c>
      <c r="C2946" s="3">
        <v>20</v>
      </c>
      <c r="D2946" s="52" t="s">
        <v>87</v>
      </c>
      <c r="E2946" s="52" t="s">
        <v>26</v>
      </c>
      <c r="F2946" s="52" t="s">
        <v>81</v>
      </c>
      <c r="G2946" s="52" t="s">
        <v>82</v>
      </c>
      <c r="H2946" s="4">
        <v>1</v>
      </c>
      <c r="I2946" s="2">
        <v>14.65</v>
      </c>
      <c r="J2946" s="52" t="s">
        <v>7528</v>
      </c>
      <c r="K2946" s="71" t="s">
        <v>7529</v>
      </c>
      <c r="L2946" s="52" t="s">
        <v>2063</v>
      </c>
      <c r="M2946" s="72">
        <v>107</v>
      </c>
      <c r="N2946" s="52" t="s">
        <v>2072</v>
      </c>
      <c r="O2946" s="52" t="s">
        <v>2073</v>
      </c>
      <c r="P2946" s="52"/>
      <c r="Q2946" s="52"/>
      <c r="R2946" s="52"/>
      <c r="S2946" s="52"/>
      <c r="T2946" s="52"/>
      <c r="U2946" s="52"/>
      <c r="V2946" s="52"/>
      <c r="W2946" s="52"/>
    </row>
    <row r="2947" spans="1:23" hidden="1" x14ac:dyDescent="0.35">
      <c r="A2947" s="52" t="s">
        <v>78</v>
      </c>
      <c r="B2947" s="52" t="s">
        <v>79</v>
      </c>
      <c r="C2947" s="3">
        <v>10</v>
      </c>
      <c r="D2947" s="52" t="s">
        <v>2024</v>
      </c>
      <c r="E2947" s="52" t="s">
        <v>26</v>
      </c>
      <c r="F2947" s="52" t="s">
        <v>81</v>
      </c>
      <c r="G2947" s="52" t="s">
        <v>82</v>
      </c>
      <c r="H2947" s="4">
        <v>1</v>
      </c>
      <c r="I2947" s="2">
        <v>14.65</v>
      </c>
      <c r="J2947" s="52" t="s">
        <v>7530</v>
      </c>
      <c r="K2947" s="71" t="s">
        <v>7531</v>
      </c>
      <c r="L2947" s="52" t="s">
        <v>2063</v>
      </c>
      <c r="M2947" s="72">
        <v>3521</v>
      </c>
      <c r="N2947" s="52" t="s">
        <v>2072</v>
      </c>
      <c r="O2947" s="52" t="s">
        <v>2073</v>
      </c>
      <c r="P2947" s="52"/>
      <c r="Q2947" s="52"/>
      <c r="R2947" s="52"/>
      <c r="S2947" s="52"/>
      <c r="T2947" s="52"/>
      <c r="U2947" s="52"/>
      <c r="V2947" s="52"/>
      <c r="W2947" s="52"/>
    </row>
    <row r="2948" spans="1:23" hidden="1" x14ac:dyDescent="0.35">
      <c r="A2948" s="52" t="s">
        <v>78</v>
      </c>
      <c r="B2948" s="52" t="s">
        <v>79</v>
      </c>
      <c r="C2948" s="3">
        <v>20</v>
      </c>
      <c r="D2948" s="52" t="s">
        <v>2019</v>
      </c>
      <c r="E2948" s="52" t="s">
        <v>26</v>
      </c>
      <c r="F2948" s="52" t="s">
        <v>81</v>
      </c>
      <c r="G2948" s="52" t="s">
        <v>82</v>
      </c>
      <c r="H2948" s="4">
        <v>1</v>
      </c>
      <c r="I2948" s="2">
        <v>14.65</v>
      </c>
      <c r="J2948" s="52" t="s">
        <v>7532</v>
      </c>
      <c r="K2948" s="71" t="s">
        <v>7533</v>
      </c>
      <c r="L2948" s="52" t="s">
        <v>2063</v>
      </c>
      <c r="M2948" s="72">
        <v>8969</v>
      </c>
      <c r="N2948" s="52" t="s">
        <v>2158</v>
      </c>
      <c r="O2948" s="52" t="s">
        <v>2159</v>
      </c>
      <c r="P2948" s="52"/>
      <c r="Q2948" s="52"/>
      <c r="R2948" s="52"/>
      <c r="S2948" s="52"/>
      <c r="T2948" s="52"/>
      <c r="U2948" s="52"/>
      <c r="V2948" s="52"/>
      <c r="W2948" s="52"/>
    </row>
    <row r="2949" spans="1:23" hidden="1" x14ac:dyDescent="0.35">
      <c r="A2949" s="52" t="s">
        <v>78</v>
      </c>
      <c r="B2949" s="52" t="s">
        <v>79</v>
      </c>
      <c r="C2949" s="3">
        <v>20</v>
      </c>
      <c r="D2949" s="52" t="s">
        <v>2023</v>
      </c>
      <c r="E2949" s="52" t="s">
        <v>26</v>
      </c>
      <c r="F2949" s="52" t="s">
        <v>81</v>
      </c>
      <c r="G2949" s="52" t="s">
        <v>82</v>
      </c>
      <c r="H2949" s="4">
        <v>1</v>
      </c>
      <c r="I2949" s="2">
        <v>14.65</v>
      </c>
      <c r="J2949" s="52" t="s">
        <v>7534</v>
      </c>
      <c r="K2949" s="71" t="s">
        <v>7535</v>
      </c>
      <c r="L2949" s="52" t="s">
        <v>2063</v>
      </c>
      <c r="M2949" s="72">
        <v>5681</v>
      </c>
      <c r="N2949" s="52" t="s">
        <v>2072</v>
      </c>
      <c r="O2949" s="52" t="s">
        <v>2073</v>
      </c>
      <c r="P2949" s="52"/>
      <c r="Q2949" s="52"/>
      <c r="R2949" s="52"/>
      <c r="S2949" s="52"/>
      <c r="T2949" s="52"/>
      <c r="U2949" s="52"/>
      <c r="V2949" s="52"/>
      <c r="W2949" s="52"/>
    </row>
    <row r="2950" spans="1:23" hidden="1" x14ac:dyDescent="0.35">
      <c r="A2950" s="52" t="s">
        <v>78</v>
      </c>
      <c r="B2950" s="52" t="s">
        <v>79</v>
      </c>
      <c r="C2950" s="3">
        <v>20</v>
      </c>
      <c r="D2950" s="52" t="s">
        <v>2023</v>
      </c>
      <c r="E2950" s="52" t="s">
        <v>26</v>
      </c>
      <c r="F2950" s="52" t="s">
        <v>81</v>
      </c>
      <c r="G2950" s="52" t="s">
        <v>82</v>
      </c>
      <c r="H2950" s="4">
        <v>1</v>
      </c>
      <c r="I2950" s="2">
        <v>14.65</v>
      </c>
      <c r="J2950" s="52" t="s">
        <v>7536</v>
      </c>
      <c r="K2950" s="71" t="s">
        <v>7537</v>
      </c>
      <c r="L2950" s="52" t="s">
        <v>2063</v>
      </c>
      <c r="M2950" s="72">
        <v>6134</v>
      </c>
      <c r="N2950" s="52"/>
      <c r="O2950" s="52"/>
      <c r="P2950" s="52"/>
      <c r="Q2950" s="52"/>
      <c r="R2950" s="52"/>
      <c r="S2950" s="52"/>
      <c r="T2950" s="52"/>
      <c r="U2950" s="52"/>
      <c r="V2950" s="52"/>
      <c r="W2950" s="52"/>
    </row>
    <row r="2951" spans="1:23" hidden="1" x14ac:dyDescent="0.35">
      <c r="A2951" s="52" t="s">
        <v>78</v>
      </c>
      <c r="B2951" s="52" t="s">
        <v>79</v>
      </c>
      <c r="C2951" s="3">
        <v>211</v>
      </c>
      <c r="D2951" s="52" t="s">
        <v>2019</v>
      </c>
      <c r="E2951" s="52" t="s">
        <v>26</v>
      </c>
      <c r="F2951" s="52" t="s">
        <v>81</v>
      </c>
      <c r="G2951" s="52" t="s">
        <v>82</v>
      </c>
      <c r="H2951" s="4">
        <v>1</v>
      </c>
      <c r="I2951" s="2">
        <v>14.65</v>
      </c>
      <c r="J2951" s="52" t="s">
        <v>7538</v>
      </c>
      <c r="K2951" s="71" t="s">
        <v>7539</v>
      </c>
      <c r="L2951" s="52" t="s">
        <v>2063</v>
      </c>
      <c r="M2951" s="72">
        <v>4647</v>
      </c>
      <c r="N2951" s="52" t="s">
        <v>2066</v>
      </c>
      <c r="O2951" s="52" t="s">
        <v>2067</v>
      </c>
      <c r="P2951" s="52"/>
      <c r="Q2951" s="52"/>
      <c r="R2951" s="52"/>
      <c r="S2951" s="52"/>
      <c r="T2951" s="52"/>
      <c r="U2951" s="52"/>
      <c r="V2951" s="52"/>
      <c r="W2951" s="52"/>
    </row>
    <row r="2952" spans="1:23" hidden="1" x14ac:dyDescent="0.35">
      <c r="A2952" s="52" t="s">
        <v>78</v>
      </c>
      <c r="B2952" s="52" t="s">
        <v>79</v>
      </c>
      <c r="C2952" s="3">
        <v>10</v>
      </c>
      <c r="D2952" s="52" t="s">
        <v>2019</v>
      </c>
      <c r="E2952" s="52" t="s">
        <v>26</v>
      </c>
      <c r="F2952" s="52" t="s">
        <v>81</v>
      </c>
      <c r="G2952" s="52" t="s">
        <v>82</v>
      </c>
      <c r="H2952" s="4">
        <v>1</v>
      </c>
      <c r="I2952" s="2">
        <v>14.65</v>
      </c>
      <c r="J2952" s="52" t="s">
        <v>7540</v>
      </c>
      <c r="K2952" s="71" t="s">
        <v>7541</v>
      </c>
      <c r="L2952" s="52" t="s">
        <v>2063</v>
      </c>
      <c r="M2952" s="72">
        <v>300</v>
      </c>
      <c r="N2952" s="52" t="s">
        <v>2072</v>
      </c>
      <c r="O2952" s="52" t="s">
        <v>2073</v>
      </c>
      <c r="P2952" s="52"/>
      <c r="Q2952" s="52"/>
      <c r="R2952" s="52"/>
      <c r="S2952" s="52"/>
      <c r="T2952" s="52"/>
      <c r="U2952" s="52"/>
      <c r="V2952" s="52"/>
      <c r="W2952" s="52"/>
    </row>
    <row r="2953" spans="1:23" hidden="1" x14ac:dyDescent="0.35">
      <c r="A2953" s="52" t="s">
        <v>78</v>
      </c>
      <c r="B2953" s="52" t="s">
        <v>79</v>
      </c>
      <c r="C2953" s="3">
        <v>20</v>
      </c>
      <c r="D2953" s="52" t="s">
        <v>2024</v>
      </c>
      <c r="E2953" s="52" t="s">
        <v>26</v>
      </c>
      <c r="F2953" s="52" t="s">
        <v>81</v>
      </c>
      <c r="G2953" s="52" t="s">
        <v>82</v>
      </c>
      <c r="H2953" s="4">
        <v>1</v>
      </c>
      <c r="I2953" s="2">
        <v>14.65</v>
      </c>
      <c r="J2953" s="52" t="s">
        <v>7542</v>
      </c>
      <c r="K2953" s="71" t="s">
        <v>7543</v>
      </c>
      <c r="L2953" s="52" t="s">
        <v>2063</v>
      </c>
      <c r="M2953" s="72">
        <v>2712</v>
      </c>
      <c r="N2953" s="52"/>
      <c r="O2953" s="52"/>
      <c r="P2953" s="52"/>
      <c r="Q2953" s="52"/>
      <c r="R2953" s="52"/>
      <c r="S2953" s="52"/>
      <c r="T2953" s="52"/>
      <c r="U2953" s="52"/>
      <c r="V2953" s="52"/>
      <c r="W2953" s="52"/>
    </row>
    <row r="2954" spans="1:23" hidden="1" x14ac:dyDescent="0.35">
      <c r="A2954" s="52" t="s">
        <v>78</v>
      </c>
      <c r="B2954" s="52" t="s">
        <v>79</v>
      </c>
      <c r="C2954" s="3">
        <v>20</v>
      </c>
      <c r="D2954" s="52" t="s">
        <v>2020</v>
      </c>
      <c r="E2954" s="52" t="s">
        <v>26</v>
      </c>
      <c r="F2954" s="52" t="s">
        <v>81</v>
      </c>
      <c r="G2954" s="52" t="s">
        <v>82</v>
      </c>
      <c r="H2954" s="4">
        <v>1</v>
      </c>
      <c r="I2954" s="2">
        <v>14.65</v>
      </c>
      <c r="J2954" s="52" t="s">
        <v>7544</v>
      </c>
      <c r="K2954" s="71" t="s">
        <v>7545</v>
      </c>
      <c r="L2954" s="52" t="s">
        <v>2063</v>
      </c>
      <c r="M2954" s="72">
        <v>889</v>
      </c>
      <c r="N2954" s="52" t="s">
        <v>2158</v>
      </c>
      <c r="O2954" s="52" t="s">
        <v>2159</v>
      </c>
      <c r="P2954" s="52"/>
      <c r="Q2954" s="52"/>
      <c r="R2954" s="52"/>
      <c r="S2954" s="52"/>
      <c r="T2954" s="52"/>
      <c r="U2954" s="52"/>
      <c r="V2954" s="52"/>
      <c r="W2954" s="52"/>
    </row>
    <row r="2955" spans="1:23" x14ac:dyDescent="0.35">
      <c r="A2955" s="52" t="s">
        <v>78</v>
      </c>
      <c r="B2955" s="52" t="s">
        <v>79</v>
      </c>
      <c r="C2955" s="3">
        <v>211</v>
      </c>
      <c r="D2955" s="52" t="s">
        <v>86</v>
      </c>
      <c r="E2955" s="52" t="s">
        <v>26</v>
      </c>
      <c r="F2955" s="52" t="s">
        <v>81</v>
      </c>
      <c r="G2955" s="52" t="s">
        <v>82</v>
      </c>
      <c r="H2955" s="4">
        <v>1</v>
      </c>
      <c r="I2955" s="2">
        <v>14.65</v>
      </c>
      <c r="J2955" s="52" t="s">
        <v>7546</v>
      </c>
      <c r="K2955" s="71" t="s">
        <v>7547</v>
      </c>
      <c r="L2955" s="52" t="s">
        <v>2063</v>
      </c>
      <c r="M2955" s="72">
        <v>5717</v>
      </c>
      <c r="N2955" s="52" t="s">
        <v>2076</v>
      </c>
      <c r="O2955" s="52" t="s">
        <v>2077</v>
      </c>
      <c r="P2955" s="52"/>
      <c r="Q2955" s="52"/>
      <c r="R2955" s="52"/>
      <c r="S2955" s="52"/>
      <c r="T2955" s="52"/>
      <c r="U2955" s="52"/>
      <c r="V2955" s="52"/>
      <c r="W2955" s="52"/>
    </row>
    <row r="2956" spans="1:23" hidden="1" x14ac:dyDescent="0.35">
      <c r="A2956" s="52" t="s">
        <v>78</v>
      </c>
      <c r="B2956" s="52" t="s">
        <v>79</v>
      </c>
      <c r="C2956" s="3">
        <v>20</v>
      </c>
      <c r="D2956" s="52" t="s">
        <v>2021</v>
      </c>
      <c r="E2956" s="52" t="s">
        <v>26</v>
      </c>
      <c r="F2956" s="52" t="s">
        <v>81</v>
      </c>
      <c r="G2956" s="52" t="s">
        <v>82</v>
      </c>
      <c r="H2956" s="4">
        <v>1</v>
      </c>
      <c r="I2956" s="2">
        <v>14.65</v>
      </c>
      <c r="J2956" s="52" t="s">
        <v>7548</v>
      </c>
      <c r="K2956" s="71" t="s">
        <v>7549</v>
      </c>
      <c r="L2956" s="52" t="s">
        <v>2063</v>
      </c>
      <c r="M2956" s="72">
        <v>472</v>
      </c>
      <c r="N2956" s="52"/>
      <c r="O2956" s="52"/>
      <c r="P2956" s="52"/>
      <c r="Q2956" s="52"/>
      <c r="R2956" s="52"/>
      <c r="S2956" s="52"/>
      <c r="T2956" s="52"/>
      <c r="U2956" s="52"/>
      <c r="V2956" s="52"/>
      <c r="W2956" s="52"/>
    </row>
    <row r="2957" spans="1:23" hidden="1" x14ac:dyDescent="0.35">
      <c r="A2957" s="52" t="s">
        <v>78</v>
      </c>
      <c r="B2957" s="52" t="s">
        <v>79</v>
      </c>
      <c r="C2957" s="3">
        <v>20</v>
      </c>
      <c r="D2957" s="52" t="s">
        <v>80</v>
      </c>
      <c r="E2957" s="52" t="s">
        <v>26</v>
      </c>
      <c r="F2957" s="52" t="s">
        <v>81</v>
      </c>
      <c r="G2957" s="52" t="s">
        <v>82</v>
      </c>
      <c r="H2957" s="4">
        <v>1</v>
      </c>
      <c r="I2957" s="2">
        <v>14.65</v>
      </c>
      <c r="J2957" s="52" t="s">
        <v>7550</v>
      </c>
      <c r="K2957" s="71" t="s">
        <v>7551</v>
      </c>
      <c r="L2957" s="52" t="s">
        <v>2063</v>
      </c>
      <c r="M2957" s="72">
        <v>4272</v>
      </c>
      <c r="N2957" s="52" t="s">
        <v>2072</v>
      </c>
      <c r="O2957" s="52" t="s">
        <v>2073</v>
      </c>
      <c r="P2957" s="52"/>
      <c r="Q2957" s="52"/>
      <c r="R2957" s="52"/>
      <c r="S2957" s="52"/>
      <c r="T2957" s="52"/>
      <c r="U2957" s="52"/>
      <c r="V2957" s="52"/>
      <c r="W2957" s="52"/>
    </row>
    <row r="2958" spans="1:23" hidden="1" x14ac:dyDescent="0.35">
      <c r="A2958" s="52" t="s">
        <v>78</v>
      </c>
      <c r="B2958" s="52" t="s">
        <v>79</v>
      </c>
      <c r="C2958" s="3">
        <v>20</v>
      </c>
      <c r="D2958" s="52" t="s">
        <v>2023</v>
      </c>
      <c r="E2958" s="52" t="s">
        <v>26</v>
      </c>
      <c r="F2958" s="52" t="s">
        <v>81</v>
      </c>
      <c r="G2958" s="52" t="s">
        <v>82</v>
      </c>
      <c r="H2958" s="4">
        <v>1</v>
      </c>
      <c r="I2958" s="2">
        <v>14.65</v>
      </c>
      <c r="J2958" s="52" t="s">
        <v>7552</v>
      </c>
      <c r="K2958" s="71" t="s">
        <v>7553</v>
      </c>
      <c r="L2958" s="52" t="s">
        <v>2063</v>
      </c>
      <c r="M2958" s="72">
        <v>3437</v>
      </c>
      <c r="N2958" s="52" t="s">
        <v>2066</v>
      </c>
      <c r="O2958" s="52" t="s">
        <v>2067</v>
      </c>
      <c r="P2958" s="52"/>
      <c r="Q2958" s="52"/>
      <c r="R2958" s="52"/>
      <c r="S2958" s="52"/>
      <c r="T2958" s="52"/>
      <c r="U2958" s="52"/>
      <c r="V2958" s="52"/>
      <c r="W2958" s="52"/>
    </row>
    <row r="2959" spans="1:23" hidden="1" x14ac:dyDescent="0.35">
      <c r="A2959" s="52" t="s">
        <v>78</v>
      </c>
      <c r="B2959" s="52" t="s">
        <v>79</v>
      </c>
      <c r="C2959" s="3">
        <v>20</v>
      </c>
      <c r="D2959" s="52" t="s">
        <v>2022</v>
      </c>
      <c r="E2959" s="52" t="s">
        <v>26</v>
      </c>
      <c r="F2959" s="52" t="s">
        <v>81</v>
      </c>
      <c r="G2959" s="52" t="s">
        <v>82</v>
      </c>
      <c r="H2959" s="4">
        <v>1</v>
      </c>
      <c r="I2959" s="2">
        <v>14.65</v>
      </c>
      <c r="J2959" s="52" t="s">
        <v>7554</v>
      </c>
      <c r="K2959" s="71" t="s">
        <v>7555</v>
      </c>
      <c r="L2959" s="52" t="s">
        <v>2063</v>
      </c>
      <c r="M2959" s="72">
        <v>4608</v>
      </c>
      <c r="N2959" s="52" t="s">
        <v>2072</v>
      </c>
      <c r="O2959" s="52" t="s">
        <v>2073</v>
      </c>
      <c r="P2959" s="52"/>
      <c r="Q2959" s="52"/>
      <c r="R2959" s="52"/>
      <c r="S2959" s="52"/>
      <c r="T2959" s="52"/>
      <c r="U2959" s="52"/>
      <c r="V2959" s="52"/>
      <c r="W2959" s="52"/>
    </row>
    <row r="2960" spans="1:23" x14ac:dyDescent="0.35">
      <c r="A2960" s="52" t="s">
        <v>78</v>
      </c>
      <c r="B2960" s="52" t="s">
        <v>79</v>
      </c>
      <c r="C2960" s="3">
        <v>20</v>
      </c>
      <c r="D2960" s="52" t="s">
        <v>2022</v>
      </c>
      <c r="E2960" s="52" t="s">
        <v>26</v>
      </c>
      <c r="F2960" s="52" t="s">
        <v>81</v>
      </c>
      <c r="G2960" s="52" t="s">
        <v>82</v>
      </c>
      <c r="H2960" s="4">
        <v>1</v>
      </c>
      <c r="I2960" s="2">
        <v>14.65</v>
      </c>
      <c r="J2960" s="52" t="s">
        <v>7556</v>
      </c>
      <c r="K2960" s="71" t="s">
        <v>7557</v>
      </c>
      <c r="L2960" s="52" t="s">
        <v>2063</v>
      </c>
      <c r="M2960" s="72">
        <v>5655</v>
      </c>
      <c r="N2960" s="52" t="s">
        <v>2076</v>
      </c>
      <c r="O2960" s="52" t="s">
        <v>2077</v>
      </c>
      <c r="P2960" s="52"/>
      <c r="Q2960" s="52"/>
      <c r="R2960" s="52"/>
      <c r="S2960" s="52"/>
      <c r="T2960" s="52"/>
      <c r="U2960" s="52"/>
      <c r="V2960" s="52"/>
      <c r="W2960" s="52"/>
    </row>
    <row r="2961" spans="1:23" hidden="1" x14ac:dyDescent="0.35">
      <c r="A2961" s="52" t="s">
        <v>78</v>
      </c>
      <c r="B2961" s="52" t="s">
        <v>79</v>
      </c>
      <c r="C2961" s="3">
        <v>20</v>
      </c>
      <c r="D2961" s="52" t="s">
        <v>80</v>
      </c>
      <c r="E2961" s="52" t="s">
        <v>26</v>
      </c>
      <c r="F2961" s="52" t="s">
        <v>81</v>
      </c>
      <c r="G2961" s="52" t="s">
        <v>82</v>
      </c>
      <c r="H2961" s="4">
        <v>1</v>
      </c>
      <c r="I2961" s="2">
        <v>14.65</v>
      </c>
      <c r="J2961" s="52" t="s">
        <v>7558</v>
      </c>
      <c r="K2961" s="71" t="s">
        <v>7559</v>
      </c>
      <c r="L2961" s="52" t="s">
        <v>2063</v>
      </c>
      <c r="M2961" s="72">
        <v>5220</v>
      </c>
      <c r="N2961" s="52" t="s">
        <v>2072</v>
      </c>
      <c r="O2961" s="52" t="s">
        <v>2073</v>
      </c>
      <c r="P2961" s="52"/>
      <c r="Q2961" s="52"/>
      <c r="R2961" s="52"/>
      <c r="S2961" s="52"/>
      <c r="T2961" s="52"/>
      <c r="U2961" s="52"/>
      <c r="V2961" s="52"/>
      <c r="W2961" s="52"/>
    </row>
    <row r="2962" spans="1:23" hidden="1" x14ac:dyDescent="0.35">
      <c r="A2962" s="52" t="s">
        <v>78</v>
      </c>
      <c r="B2962" s="52" t="s">
        <v>79</v>
      </c>
      <c r="C2962" s="3">
        <v>20</v>
      </c>
      <c r="D2962" s="52" t="s">
        <v>86</v>
      </c>
      <c r="E2962" s="52" t="s">
        <v>26</v>
      </c>
      <c r="F2962" s="52" t="s">
        <v>81</v>
      </c>
      <c r="G2962" s="52" t="s">
        <v>82</v>
      </c>
      <c r="H2962" s="4">
        <v>1</v>
      </c>
      <c r="I2962" s="2">
        <v>14.65</v>
      </c>
      <c r="J2962" s="52" t="s">
        <v>7560</v>
      </c>
      <c r="K2962" s="71" t="s">
        <v>7561</v>
      </c>
      <c r="L2962" s="52" t="s">
        <v>2063</v>
      </c>
      <c r="M2962" s="72">
        <v>1980</v>
      </c>
      <c r="N2962" s="52" t="s">
        <v>2072</v>
      </c>
      <c r="O2962" s="52" t="s">
        <v>2073</v>
      </c>
      <c r="P2962" s="52"/>
      <c r="Q2962" s="52"/>
      <c r="R2962" s="52"/>
      <c r="S2962" s="52"/>
      <c r="T2962" s="52"/>
      <c r="U2962" s="52"/>
      <c r="V2962" s="52"/>
      <c r="W2962" s="52"/>
    </row>
    <row r="2963" spans="1:23" hidden="1" x14ac:dyDescent="0.35">
      <c r="A2963" s="52" t="s">
        <v>78</v>
      </c>
      <c r="B2963" s="52" t="s">
        <v>79</v>
      </c>
      <c r="C2963" s="3">
        <v>20</v>
      </c>
      <c r="D2963" s="52" t="s">
        <v>80</v>
      </c>
      <c r="E2963" s="52" t="s">
        <v>26</v>
      </c>
      <c r="F2963" s="52" t="s">
        <v>81</v>
      </c>
      <c r="G2963" s="52" t="s">
        <v>82</v>
      </c>
      <c r="H2963" s="4">
        <v>1</v>
      </c>
      <c r="I2963" s="2">
        <v>14.65</v>
      </c>
      <c r="J2963" s="52" t="s">
        <v>7562</v>
      </c>
      <c r="K2963" s="71" t="s">
        <v>7563</v>
      </c>
      <c r="L2963" s="52" t="s">
        <v>2063</v>
      </c>
      <c r="M2963" s="72">
        <v>9605</v>
      </c>
      <c r="N2963" s="52" t="s">
        <v>2072</v>
      </c>
      <c r="O2963" s="52" t="s">
        <v>2073</v>
      </c>
      <c r="P2963" s="52"/>
      <c r="Q2963" s="52"/>
      <c r="R2963" s="52"/>
      <c r="S2963" s="52"/>
      <c r="T2963" s="52"/>
      <c r="U2963" s="52"/>
      <c r="V2963" s="52"/>
      <c r="W2963" s="52"/>
    </row>
    <row r="2964" spans="1:23" hidden="1" x14ac:dyDescent="0.35">
      <c r="A2964" s="52" t="s">
        <v>78</v>
      </c>
      <c r="B2964" s="52" t="s">
        <v>79</v>
      </c>
      <c r="C2964" s="3">
        <v>10</v>
      </c>
      <c r="D2964" s="52" t="s">
        <v>2021</v>
      </c>
      <c r="E2964" s="52" t="s">
        <v>26</v>
      </c>
      <c r="F2964" s="52" t="s">
        <v>81</v>
      </c>
      <c r="G2964" s="52" t="s">
        <v>82</v>
      </c>
      <c r="H2964" s="4">
        <v>1</v>
      </c>
      <c r="I2964" s="2">
        <v>14.65</v>
      </c>
      <c r="J2964" s="52" t="s">
        <v>7564</v>
      </c>
      <c r="K2964" s="71" t="s">
        <v>7565</v>
      </c>
      <c r="L2964" s="52" t="s">
        <v>2063</v>
      </c>
      <c r="M2964" s="72">
        <v>883</v>
      </c>
      <c r="N2964" s="52" t="s">
        <v>2072</v>
      </c>
      <c r="O2964" s="52" t="s">
        <v>2073</v>
      </c>
      <c r="P2964" s="52"/>
      <c r="Q2964" s="52"/>
      <c r="R2964" s="52"/>
      <c r="S2964" s="52"/>
      <c r="T2964" s="52"/>
      <c r="U2964" s="52"/>
      <c r="V2964" s="52"/>
      <c r="W2964" s="52"/>
    </row>
    <row r="2965" spans="1:23" hidden="1" x14ac:dyDescent="0.35">
      <c r="A2965" s="52" t="s">
        <v>78</v>
      </c>
      <c r="B2965" s="52" t="s">
        <v>79</v>
      </c>
      <c r="C2965" s="3">
        <v>20</v>
      </c>
      <c r="D2965" s="52" t="s">
        <v>80</v>
      </c>
      <c r="E2965" s="52" t="s">
        <v>26</v>
      </c>
      <c r="F2965" s="52" t="s">
        <v>81</v>
      </c>
      <c r="G2965" s="52" t="s">
        <v>82</v>
      </c>
      <c r="H2965" s="4">
        <v>1</v>
      </c>
      <c r="I2965" s="2">
        <v>14.65</v>
      </c>
      <c r="J2965" s="52" t="s">
        <v>7566</v>
      </c>
      <c r="K2965" s="71" t="s">
        <v>7567</v>
      </c>
      <c r="L2965" s="52" t="s">
        <v>2063</v>
      </c>
      <c r="M2965" s="72">
        <v>8622</v>
      </c>
      <c r="N2965" s="52" t="s">
        <v>2072</v>
      </c>
      <c r="O2965" s="52" t="s">
        <v>2073</v>
      </c>
      <c r="P2965" s="52"/>
      <c r="Q2965" s="52"/>
      <c r="R2965" s="52"/>
      <c r="S2965" s="52"/>
      <c r="T2965" s="52"/>
      <c r="U2965" s="52"/>
      <c r="V2965" s="52"/>
      <c r="W2965" s="52"/>
    </row>
    <row r="2966" spans="1:23" hidden="1" x14ac:dyDescent="0.35">
      <c r="A2966" s="52" t="s">
        <v>78</v>
      </c>
      <c r="B2966" s="52" t="s">
        <v>79</v>
      </c>
      <c r="C2966" s="3">
        <v>20</v>
      </c>
      <c r="D2966" s="52" t="s">
        <v>2024</v>
      </c>
      <c r="E2966" s="52" t="s">
        <v>26</v>
      </c>
      <c r="F2966" s="52" t="s">
        <v>81</v>
      </c>
      <c r="G2966" s="52" t="s">
        <v>82</v>
      </c>
      <c r="H2966" s="4">
        <v>1</v>
      </c>
      <c r="I2966" s="2">
        <v>14.65</v>
      </c>
      <c r="J2966" s="52" t="s">
        <v>7568</v>
      </c>
      <c r="K2966" s="71" t="s">
        <v>7569</v>
      </c>
      <c r="L2966" s="52" t="s">
        <v>2063</v>
      </c>
      <c r="M2966" s="72">
        <v>9399</v>
      </c>
      <c r="N2966" s="52" t="s">
        <v>2072</v>
      </c>
      <c r="O2966" s="52" t="s">
        <v>2073</v>
      </c>
      <c r="P2966" s="52"/>
      <c r="Q2966" s="52"/>
      <c r="R2966" s="52"/>
      <c r="S2966" s="52"/>
      <c r="T2966" s="52"/>
      <c r="U2966" s="52"/>
      <c r="V2966" s="52"/>
      <c r="W2966" s="52"/>
    </row>
    <row r="2967" spans="1:23" x14ac:dyDescent="0.35">
      <c r="A2967" s="52" t="s">
        <v>78</v>
      </c>
      <c r="B2967" s="52" t="s">
        <v>79</v>
      </c>
      <c r="C2967" s="3">
        <v>211</v>
      </c>
      <c r="D2967" s="52" t="s">
        <v>2023</v>
      </c>
      <c r="E2967" s="52" t="s">
        <v>26</v>
      </c>
      <c r="F2967" s="52" t="s">
        <v>81</v>
      </c>
      <c r="G2967" s="52" t="s">
        <v>82</v>
      </c>
      <c r="H2967" s="4">
        <v>1</v>
      </c>
      <c r="I2967" s="2">
        <v>14.65</v>
      </c>
      <c r="J2967" s="52" t="s">
        <v>7570</v>
      </c>
      <c r="K2967" s="71" t="s">
        <v>7571</v>
      </c>
      <c r="L2967" s="52" t="s">
        <v>2063</v>
      </c>
      <c r="M2967" s="72">
        <v>5919</v>
      </c>
      <c r="N2967" s="52" t="s">
        <v>2259</v>
      </c>
      <c r="O2967" s="52" t="s">
        <v>2260</v>
      </c>
      <c r="P2967" s="52"/>
      <c r="Q2967" s="52"/>
      <c r="R2967" s="52"/>
      <c r="S2967" s="52"/>
      <c r="T2967" s="52"/>
      <c r="U2967" s="52"/>
      <c r="V2967" s="52"/>
      <c r="W2967" s="52"/>
    </row>
    <row r="2968" spans="1:23" hidden="1" x14ac:dyDescent="0.35">
      <c r="A2968" s="52" t="s">
        <v>78</v>
      </c>
      <c r="B2968" s="52" t="s">
        <v>79</v>
      </c>
      <c r="C2968" s="3">
        <v>20</v>
      </c>
      <c r="D2968" s="52" t="s">
        <v>84</v>
      </c>
      <c r="E2968" s="52" t="s">
        <v>26</v>
      </c>
      <c r="F2968" s="52" t="s">
        <v>81</v>
      </c>
      <c r="G2968" s="52" t="s">
        <v>82</v>
      </c>
      <c r="H2968" s="4">
        <v>1</v>
      </c>
      <c r="I2968" s="2">
        <v>14.65</v>
      </c>
      <c r="J2968" s="52" t="s">
        <v>7572</v>
      </c>
      <c r="K2968" s="71" t="s">
        <v>7573</v>
      </c>
      <c r="L2968" s="52" t="s">
        <v>2095</v>
      </c>
      <c r="M2968" s="72">
        <v>9934</v>
      </c>
      <c r="N2968" s="52"/>
      <c r="O2968" s="52"/>
      <c r="P2968" s="52"/>
      <c r="Q2968" s="52"/>
      <c r="R2968" s="52"/>
      <c r="S2968" s="52"/>
      <c r="T2968" s="52"/>
      <c r="U2968" s="52"/>
      <c r="V2968" s="52"/>
      <c r="W2968" s="52"/>
    </row>
    <row r="2969" spans="1:23" hidden="1" x14ac:dyDescent="0.35">
      <c r="A2969" s="52" t="s">
        <v>78</v>
      </c>
      <c r="B2969" s="52" t="s">
        <v>79</v>
      </c>
      <c r="C2969" s="3">
        <v>20</v>
      </c>
      <c r="D2969" s="52" t="s">
        <v>87</v>
      </c>
      <c r="E2969" s="52" t="s">
        <v>26</v>
      </c>
      <c r="F2969" s="52" t="s">
        <v>81</v>
      </c>
      <c r="G2969" s="52" t="s">
        <v>82</v>
      </c>
      <c r="H2969" s="4">
        <v>1</v>
      </c>
      <c r="I2969" s="2">
        <v>14.65</v>
      </c>
      <c r="J2969" s="52" t="s">
        <v>7574</v>
      </c>
      <c r="K2969" s="71" t="s">
        <v>7575</v>
      </c>
      <c r="L2969" s="52" t="s">
        <v>2063</v>
      </c>
      <c r="M2969" s="72">
        <v>6461</v>
      </c>
      <c r="N2969" s="52" t="s">
        <v>2066</v>
      </c>
      <c r="O2969" s="52" t="s">
        <v>2067</v>
      </c>
      <c r="P2969" s="52"/>
      <c r="Q2969" s="52"/>
      <c r="R2969" s="52"/>
      <c r="S2969" s="52"/>
      <c r="T2969" s="52"/>
      <c r="U2969" s="52"/>
      <c r="V2969" s="52"/>
      <c r="W2969" s="52"/>
    </row>
    <row r="2970" spans="1:23" hidden="1" x14ac:dyDescent="0.35">
      <c r="A2970" s="52" t="s">
        <v>78</v>
      </c>
      <c r="B2970" s="52" t="s">
        <v>79</v>
      </c>
      <c r="C2970" s="3">
        <v>20</v>
      </c>
      <c r="D2970" s="52" t="s">
        <v>2020</v>
      </c>
      <c r="E2970" s="52" t="s">
        <v>26</v>
      </c>
      <c r="F2970" s="52" t="s">
        <v>81</v>
      </c>
      <c r="G2970" s="52" t="s">
        <v>82</v>
      </c>
      <c r="H2970" s="4">
        <v>1</v>
      </c>
      <c r="I2970" s="2">
        <v>14.65</v>
      </c>
      <c r="J2970" s="52" t="s">
        <v>7576</v>
      </c>
      <c r="K2970" s="71" t="s">
        <v>7577</v>
      </c>
      <c r="L2970" s="52" t="s">
        <v>2095</v>
      </c>
      <c r="M2970" s="72">
        <v>7512</v>
      </c>
      <c r="N2970" s="52" t="s">
        <v>2072</v>
      </c>
      <c r="O2970" s="52" t="s">
        <v>2073</v>
      </c>
      <c r="P2970" s="52"/>
      <c r="Q2970" s="52"/>
      <c r="R2970" s="52"/>
      <c r="S2970" s="52"/>
      <c r="T2970" s="52"/>
      <c r="U2970" s="52"/>
      <c r="V2970" s="52"/>
      <c r="W2970" s="52"/>
    </row>
    <row r="2971" spans="1:23" x14ac:dyDescent="0.35">
      <c r="A2971" s="52" t="s">
        <v>78</v>
      </c>
      <c r="B2971" s="52" t="s">
        <v>79</v>
      </c>
      <c r="C2971" s="3">
        <v>211</v>
      </c>
      <c r="D2971" s="52" t="s">
        <v>2024</v>
      </c>
      <c r="E2971" s="52" t="s">
        <v>26</v>
      </c>
      <c r="F2971" s="52" t="s">
        <v>81</v>
      </c>
      <c r="G2971" s="52" t="s">
        <v>82</v>
      </c>
      <c r="H2971" s="4">
        <v>1</v>
      </c>
      <c r="I2971" s="2">
        <v>14.65</v>
      </c>
      <c r="J2971" s="52" t="s">
        <v>7578</v>
      </c>
      <c r="K2971" s="71" t="s">
        <v>7579</v>
      </c>
      <c r="L2971" s="52" t="s">
        <v>2063</v>
      </c>
      <c r="M2971" s="72">
        <v>8431</v>
      </c>
      <c r="N2971" s="52" t="s">
        <v>2259</v>
      </c>
      <c r="O2971" s="52" t="s">
        <v>2260</v>
      </c>
      <c r="P2971" s="52"/>
      <c r="Q2971" s="52"/>
      <c r="R2971" s="52"/>
      <c r="S2971" s="52"/>
      <c r="T2971" s="52"/>
      <c r="U2971" s="52"/>
      <c r="V2971" s="52"/>
      <c r="W2971" s="52"/>
    </row>
    <row r="2972" spans="1:23" hidden="1" x14ac:dyDescent="0.35">
      <c r="A2972" s="52" t="s">
        <v>78</v>
      </c>
      <c r="B2972" s="52" t="s">
        <v>79</v>
      </c>
      <c r="C2972" s="3">
        <v>20</v>
      </c>
      <c r="D2972" s="52" t="s">
        <v>2022</v>
      </c>
      <c r="E2972" s="52" t="s">
        <v>26</v>
      </c>
      <c r="F2972" s="52" t="s">
        <v>81</v>
      </c>
      <c r="G2972" s="52" t="s">
        <v>82</v>
      </c>
      <c r="H2972" s="4">
        <v>1</v>
      </c>
      <c r="I2972" s="2">
        <v>14.65</v>
      </c>
      <c r="J2972" s="52" t="s">
        <v>7574</v>
      </c>
      <c r="K2972" s="71" t="s">
        <v>7580</v>
      </c>
      <c r="L2972" s="52" t="s">
        <v>2063</v>
      </c>
      <c r="M2972" s="72">
        <v>9971</v>
      </c>
      <c r="N2972" s="52"/>
      <c r="O2972" s="52"/>
      <c r="P2972" s="52"/>
      <c r="Q2972" s="52"/>
      <c r="R2972" s="52"/>
      <c r="S2972" s="52"/>
      <c r="T2972" s="52"/>
      <c r="U2972" s="52"/>
      <c r="V2972" s="52"/>
      <c r="W2972" s="52"/>
    </row>
    <row r="2973" spans="1:23" hidden="1" x14ac:dyDescent="0.35">
      <c r="A2973" s="52" t="s">
        <v>78</v>
      </c>
      <c r="B2973" s="52" t="s">
        <v>79</v>
      </c>
      <c r="C2973" s="3">
        <v>20</v>
      </c>
      <c r="D2973" s="52" t="s">
        <v>83</v>
      </c>
      <c r="E2973" s="52" t="s">
        <v>26</v>
      </c>
      <c r="F2973" s="52" t="s">
        <v>81</v>
      </c>
      <c r="G2973" s="52" t="s">
        <v>82</v>
      </c>
      <c r="H2973" s="4">
        <v>1</v>
      </c>
      <c r="I2973" s="2">
        <v>14.65</v>
      </c>
      <c r="J2973" s="52" t="s">
        <v>7581</v>
      </c>
      <c r="K2973" s="71" t="s">
        <v>7582</v>
      </c>
      <c r="L2973" s="52" t="s">
        <v>2063</v>
      </c>
      <c r="M2973" s="72">
        <v>811</v>
      </c>
      <c r="N2973" s="52"/>
      <c r="O2973" s="52"/>
      <c r="P2973" s="52"/>
      <c r="Q2973" s="52"/>
      <c r="R2973" s="52"/>
      <c r="S2973" s="52"/>
      <c r="T2973" s="52"/>
      <c r="U2973" s="52"/>
      <c r="V2973" s="52"/>
      <c r="W2973" s="52"/>
    </row>
    <row r="2974" spans="1:23" hidden="1" x14ac:dyDescent="0.35">
      <c r="A2974" s="52" t="s">
        <v>78</v>
      </c>
      <c r="B2974" s="52" t="s">
        <v>79</v>
      </c>
      <c r="C2974" s="3">
        <v>20</v>
      </c>
      <c r="D2974" s="52" t="s">
        <v>83</v>
      </c>
      <c r="E2974" s="52" t="s">
        <v>26</v>
      </c>
      <c r="F2974" s="52" t="s">
        <v>81</v>
      </c>
      <c r="G2974" s="52" t="s">
        <v>82</v>
      </c>
      <c r="H2974" s="4">
        <v>1</v>
      </c>
      <c r="I2974" s="2">
        <v>14.65</v>
      </c>
      <c r="J2974" s="52" t="s">
        <v>7583</v>
      </c>
      <c r="K2974" s="71" t="s">
        <v>7584</v>
      </c>
      <c r="L2974" s="52" t="s">
        <v>2063</v>
      </c>
      <c r="M2974" s="72">
        <v>997</v>
      </c>
      <c r="N2974" s="52" t="s">
        <v>2072</v>
      </c>
      <c r="O2974" s="52" t="s">
        <v>2073</v>
      </c>
      <c r="P2974" s="52"/>
      <c r="Q2974" s="52"/>
      <c r="R2974" s="52"/>
      <c r="S2974" s="52"/>
      <c r="T2974" s="52"/>
      <c r="U2974" s="52"/>
      <c r="V2974" s="52"/>
      <c r="W2974" s="52"/>
    </row>
    <row r="2975" spans="1:23" hidden="1" x14ac:dyDescent="0.35">
      <c r="A2975" s="52" t="s">
        <v>78</v>
      </c>
      <c r="B2975" s="52" t="s">
        <v>79</v>
      </c>
      <c r="C2975" s="3">
        <v>20</v>
      </c>
      <c r="D2975" s="52" t="s">
        <v>2022</v>
      </c>
      <c r="E2975" s="52" t="s">
        <v>26</v>
      </c>
      <c r="F2975" s="52" t="s">
        <v>81</v>
      </c>
      <c r="G2975" s="52" t="s">
        <v>82</v>
      </c>
      <c r="H2975" s="4">
        <v>1</v>
      </c>
      <c r="I2975" s="2">
        <v>14.65</v>
      </c>
      <c r="J2975" s="52" t="s">
        <v>7585</v>
      </c>
      <c r="K2975" s="71" t="s">
        <v>7586</v>
      </c>
      <c r="L2975" s="52" t="s">
        <v>2095</v>
      </c>
      <c r="M2975" s="72">
        <v>6913</v>
      </c>
      <c r="N2975" s="52"/>
      <c r="O2975" s="52"/>
      <c r="P2975" s="52"/>
      <c r="Q2975" s="52"/>
      <c r="R2975" s="52"/>
      <c r="S2975" s="52"/>
      <c r="T2975" s="52"/>
      <c r="U2975" s="52"/>
      <c r="V2975" s="52"/>
      <c r="W2975" s="52"/>
    </row>
    <row r="2976" spans="1:23" hidden="1" x14ac:dyDescent="0.35">
      <c r="A2976" s="52" t="s">
        <v>78</v>
      </c>
      <c r="B2976" s="52" t="s">
        <v>79</v>
      </c>
      <c r="C2976" s="3">
        <v>211</v>
      </c>
      <c r="D2976" s="52" t="s">
        <v>87</v>
      </c>
      <c r="E2976" s="52" t="s">
        <v>26</v>
      </c>
      <c r="F2976" s="52" t="s">
        <v>81</v>
      </c>
      <c r="G2976" s="52" t="s">
        <v>82</v>
      </c>
      <c r="H2976" s="4">
        <v>1</v>
      </c>
      <c r="I2976" s="2">
        <v>14.65</v>
      </c>
      <c r="J2976" s="52" t="s">
        <v>7587</v>
      </c>
      <c r="K2976" s="71" t="s">
        <v>7588</v>
      </c>
      <c r="L2976" s="52" t="s">
        <v>2063</v>
      </c>
      <c r="M2976" s="72">
        <v>3797</v>
      </c>
      <c r="N2976" s="52" t="s">
        <v>2066</v>
      </c>
      <c r="O2976" s="52" t="s">
        <v>2067</v>
      </c>
      <c r="P2976" s="52"/>
      <c r="Q2976" s="52"/>
      <c r="R2976" s="52"/>
      <c r="S2976" s="52"/>
      <c r="T2976" s="52"/>
      <c r="U2976" s="52"/>
      <c r="V2976" s="52"/>
      <c r="W2976" s="52"/>
    </row>
    <row r="2977" spans="1:23" x14ac:dyDescent="0.35">
      <c r="A2977" s="52" t="s">
        <v>78</v>
      </c>
      <c r="B2977" s="52" t="s">
        <v>79</v>
      </c>
      <c r="C2977" s="3">
        <v>10</v>
      </c>
      <c r="D2977" s="52" t="s">
        <v>2021</v>
      </c>
      <c r="E2977" s="52" t="s">
        <v>26</v>
      </c>
      <c r="F2977" s="52" t="s">
        <v>81</v>
      </c>
      <c r="G2977" s="52" t="s">
        <v>82</v>
      </c>
      <c r="H2977" s="4">
        <v>1</v>
      </c>
      <c r="I2977" s="2">
        <v>14.65</v>
      </c>
      <c r="J2977" s="52" t="s">
        <v>7589</v>
      </c>
      <c r="K2977" s="71" t="s">
        <v>7590</v>
      </c>
      <c r="L2977" s="52" t="s">
        <v>2063</v>
      </c>
      <c r="M2977" s="72">
        <v>9332</v>
      </c>
      <c r="N2977" s="52" t="s">
        <v>2076</v>
      </c>
      <c r="O2977" s="52" t="s">
        <v>2077</v>
      </c>
      <c r="P2977" s="52"/>
      <c r="Q2977" s="52"/>
      <c r="R2977" s="52"/>
      <c r="S2977" s="52"/>
      <c r="T2977" s="52"/>
      <c r="U2977" s="52"/>
      <c r="V2977" s="52"/>
      <c r="W2977" s="52"/>
    </row>
    <row r="2978" spans="1:23" hidden="1" x14ac:dyDescent="0.35">
      <c r="A2978" s="52" t="s">
        <v>78</v>
      </c>
      <c r="B2978" s="52" t="s">
        <v>79</v>
      </c>
      <c r="C2978" s="3">
        <v>212</v>
      </c>
      <c r="D2978" s="52" t="s">
        <v>2021</v>
      </c>
      <c r="E2978" s="52" t="s">
        <v>26</v>
      </c>
      <c r="F2978" s="52" t="s">
        <v>81</v>
      </c>
      <c r="G2978" s="52" t="s">
        <v>82</v>
      </c>
      <c r="H2978" s="4">
        <v>1</v>
      </c>
      <c r="I2978" s="2">
        <v>14.65</v>
      </c>
      <c r="J2978" s="52" t="s">
        <v>7591</v>
      </c>
      <c r="K2978" s="71" t="s">
        <v>7592</v>
      </c>
      <c r="L2978" s="52" t="s">
        <v>2063</v>
      </c>
      <c r="M2978" s="72">
        <v>4485</v>
      </c>
      <c r="N2978" s="52" t="s">
        <v>2072</v>
      </c>
      <c r="O2978" s="52" t="s">
        <v>2073</v>
      </c>
      <c r="P2978" s="52"/>
      <c r="Q2978" s="52"/>
      <c r="R2978" s="52"/>
      <c r="S2978" s="52"/>
      <c r="T2978" s="52"/>
      <c r="U2978" s="52"/>
      <c r="V2978" s="52"/>
      <c r="W2978" s="52"/>
    </row>
    <row r="2979" spans="1:23" hidden="1" x14ac:dyDescent="0.35">
      <c r="A2979" s="52" t="s">
        <v>78</v>
      </c>
      <c r="B2979" s="52" t="s">
        <v>79</v>
      </c>
      <c r="C2979" s="3">
        <v>10</v>
      </c>
      <c r="D2979" s="52" t="s">
        <v>83</v>
      </c>
      <c r="E2979" s="52" t="s">
        <v>26</v>
      </c>
      <c r="F2979" s="52" t="s">
        <v>81</v>
      </c>
      <c r="G2979" s="52" t="s">
        <v>82</v>
      </c>
      <c r="H2979" s="4">
        <v>1</v>
      </c>
      <c r="I2979" s="2">
        <v>14.65</v>
      </c>
      <c r="J2979" s="52" t="s">
        <v>7593</v>
      </c>
      <c r="K2979" s="71" t="s">
        <v>7594</v>
      </c>
      <c r="L2979" s="52" t="s">
        <v>2063</v>
      </c>
      <c r="M2979" s="72">
        <v>9405</v>
      </c>
      <c r="N2979" s="52" t="s">
        <v>2072</v>
      </c>
      <c r="O2979" s="52" t="s">
        <v>2073</v>
      </c>
      <c r="P2979" s="52"/>
      <c r="Q2979" s="52"/>
      <c r="R2979" s="52"/>
      <c r="S2979" s="52"/>
      <c r="T2979" s="52"/>
      <c r="U2979" s="52"/>
      <c r="V2979" s="52"/>
      <c r="W2979" s="52"/>
    </row>
    <row r="2980" spans="1:23" hidden="1" x14ac:dyDescent="0.35">
      <c r="A2980" s="52" t="s">
        <v>78</v>
      </c>
      <c r="B2980" s="52" t="s">
        <v>79</v>
      </c>
      <c r="C2980" s="3">
        <v>20</v>
      </c>
      <c r="D2980" s="52" t="s">
        <v>2021</v>
      </c>
      <c r="E2980" s="52" t="s">
        <v>26</v>
      </c>
      <c r="F2980" s="52" t="s">
        <v>81</v>
      </c>
      <c r="G2980" s="52" t="s">
        <v>82</v>
      </c>
      <c r="H2980" s="4">
        <v>1</v>
      </c>
      <c r="I2980" s="2">
        <v>14.65</v>
      </c>
      <c r="J2980" s="52" t="s">
        <v>7595</v>
      </c>
      <c r="K2980" s="71" t="s">
        <v>7596</v>
      </c>
      <c r="L2980" s="52" t="s">
        <v>2063</v>
      </c>
      <c r="M2980" s="72">
        <v>7814</v>
      </c>
      <c r="N2980" s="52" t="s">
        <v>2072</v>
      </c>
      <c r="O2980" s="52" t="s">
        <v>2073</v>
      </c>
      <c r="P2980" s="52"/>
      <c r="Q2980" s="52"/>
      <c r="R2980" s="52"/>
      <c r="S2980" s="52"/>
      <c r="T2980" s="52"/>
      <c r="U2980" s="52"/>
      <c r="V2980" s="52"/>
      <c r="W2980" s="52"/>
    </row>
    <row r="2981" spans="1:23" hidden="1" x14ac:dyDescent="0.35">
      <c r="A2981" s="52" t="s">
        <v>78</v>
      </c>
      <c r="B2981" s="52" t="s">
        <v>79</v>
      </c>
      <c r="C2981" s="3">
        <v>10</v>
      </c>
      <c r="D2981" s="52" t="s">
        <v>2024</v>
      </c>
      <c r="E2981" s="52" t="s">
        <v>26</v>
      </c>
      <c r="F2981" s="52" t="s">
        <v>81</v>
      </c>
      <c r="G2981" s="52" t="s">
        <v>82</v>
      </c>
      <c r="H2981" s="4">
        <v>1</v>
      </c>
      <c r="I2981" s="2">
        <v>14.65</v>
      </c>
      <c r="J2981" s="52" t="s">
        <v>7597</v>
      </c>
      <c r="K2981" s="71" t="s">
        <v>7598</v>
      </c>
      <c r="L2981" s="52" t="s">
        <v>2063</v>
      </c>
      <c r="M2981" s="72">
        <v>7202</v>
      </c>
      <c r="N2981" s="52" t="s">
        <v>2072</v>
      </c>
      <c r="O2981" s="52" t="s">
        <v>2073</v>
      </c>
      <c r="P2981" s="52"/>
      <c r="Q2981" s="52"/>
      <c r="R2981" s="52"/>
      <c r="S2981" s="52"/>
      <c r="T2981" s="52"/>
      <c r="U2981" s="52"/>
      <c r="V2981" s="52"/>
      <c r="W2981" s="52"/>
    </row>
    <row r="2982" spans="1:23" hidden="1" x14ac:dyDescent="0.35">
      <c r="A2982" s="52" t="s">
        <v>78</v>
      </c>
      <c r="B2982" s="52" t="s">
        <v>79</v>
      </c>
      <c r="C2982" s="3">
        <v>20</v>
      </c>
      <c r="D2982" s="52" t="s">
        <v>2021</v>
      </c>
      <c r="E2982" s="52" t="s">
        <v>26</v>
      </c>
      <c r="F2982" s="52" t="s">
        <v>81</v>
      </c>
      <c r="G2982" s="52" t="s">
        <v>82</v>
      </c>
      <c r="H2982" s="4">
        <v>1</v>
      </c>
      <c r="I2982" s="2">
        <v>14.65</v>
      </c>
      <c r="J2982" s="52" t="s">
        <v>7599</v>
      </c>
      <c r="K2982" s="71" t="s">
        <v>7600</v>
      </c>
      <c r="L2982" s="52" t="s">
        <v>2063</v>
      </c>
      <c r="M2982" s="72">
        <v>522</v>
      </c>
      <c r="N2982" s="52" t="s">
        <v>2072</v>
      </c>
      <c r="O2982" s="52" t="s">
        <v>2073</v>
      </c>
      <c r="P2982" s="52"/>
      <c r="Q2982" s="52"/>
      <c r="R2982" s="52"/>
      <c r="S2982" s="52"/>
      <c r="T2982" s="52"/>
      <c r="U2982" s="52"/>
      <c r="V2982" s="52"/>
      <c r="W2982" s="52"/>
    </row>
    <row r="2983" spans="1:23" hidden="1" x14ac:dyDescent="0.35">
      <c r="A2983" s="52" t="s">
        <v>78</v>
      </c>
      <c r="B2983" s="52" t="s">
        <v>79</v>
      </c>
      <c r="C2983" s="3">
        <v>20</v>
      </c>
      <c r="D2983" s="52" t="s">
        <v>83</v>
      </c>
      <c r="E2983" s="52" t="s">
        <v>26</v>
      </c>
      <c r="F2983" s="52" t="s">
        <v>81</v>
      </c>
      <c r="G2983" s="52" t="s">
        <v>82</v>
      </c>
      <c r="H2983" s="4">
        <v>1</v>
      </c>
      <c r="I2983" s="2">
        <v>14.65</v>
      </c>
      <c r="J2983" s="52" t="s">
        <v>7601</v>
      </c>
      <c r="K2983" s="71" t="s">
        <v>7602</v>
      </c>
      <c r="L2983" s="52" t="s">
        <v>2063</v>
      </c>
      <c r="M2983" s="72">
        <v>9571</v>
      </c>
      <c r="N2983" s="52" t="s">
        <v>2154</v>
      </c>
      <c r="O2983" s="52" t="s">
        <v>2155</v>
      </c>
      <c r="P2983" s="52"/>
      <c r="Q2983" s="52"/>
      <c r="R2983" s="52"/>
      <c r="S2983" s="52"/>
      <c r="T2983" s="52"/>
      <c r="U2983" s="52"/>
      <c r="V2983" s="52"/>
      <c r="W2983" s="52"/>
    </row>
    <row r="2984" spans="1:23" hidden="1" x14ac:dyDescent="0.35">
      <c r="A2984" s="52" t="s">
        <v>78</v>
      </c>
      <c r="B2984" s="52" t="s">
        <v>79</v>
      </c>
      <c r="C2984" s="3">
        <v>20</v>
      </c>
      <c r="D2984" s="52" t="s">
        <v>86</v>
      </c>
      <c r="E2984" s="52" t="s">
        <v>26</v>
      </c>
      <c r="F2984" s="52" t="s">
        <v>81</v>
      </c>
      <c r="G2984" s="52" t="s">
        <v>82</v>
      </c>
      <c r="H2984" s="4">
        <v>1</v>
      </c>
      <c r="I2984" s="2">
        <v>14.65</v>
      </c>
      <c r="J2984" s="52" t="s">
        <v>7603</v>
      </c>
      <c r="K2984" s="71" t="s">
        <v>7604</v>
      </c>
      <c r="L2984" s="52" t="s">
        <v>7605</v>
      </c>
      <c r="M2984" s="72">
        <v>9307</v>
      </c>
      <c r="N2984" s="52" t="s">
        <v>2066</v>
      </c>
      <c r="O2984" s="52" t="s">
        <v>2067</v>
      </c>
      <c r="P2984" s="52"/>
      <c r="Q2984" s="52"/>
      <c r="R2984" s="52"/>
      <c r="S2984" s="52"/>
      <c r="T2984" s="52"/>
      <c r="U2984" s="52"/>
      <c r="V2984" s="52"/>
      <c r="W2984" s="52"/>
    </row>
    <row r="2985" spans="1:23" hidden="1" x14ac:dyDescent="0.35">
      <c r="A2985" s="52" t="s">
        <v>78</v>
      </c>
      <c r="B2985" s="52" t="s">
        <v>79</v>
      </c>
      <c r="C2985" s="3">
        <v>10</v>
      </c>
      <c r="D2985" s="52" t="s">
        <v>2022</v>
      </c>
      <c r="E2985" s="52" t="s">
        <v>26</v>
      </c>
      <c r="F2985" s="52" t="s">
        <v>81</v>
      </c>
      <c r="G2985" s="52" t="s">
        <v>82</v>
      </c>
      <c r="H2985" s="4">
        <v>1</v>
      </c>
      <c r="I2985" s="2">
        <v>14.65</v>
      </c>
      <c r="J2985" s="52" t="s">
        <v>7606</v>
      </c>
      <c r="K2985" s="71" t="s">
        <v>7607</v>
      </c>
      <c r="L2985" s="52" t="s">
        <v>2063</v>
      </c>
      <c r="M2985" s="72">
        <v>3196</v>
      </c>
      <c r="N2985" s="52"/>
      <c r="O2985" s="52"/>
      <c r="P2985" s="52"/>
      <c r="Q2985" s="52"/>
      <c r="R2985" s="52"/>
      <c r="S2985" s="52"/>
      <c r="T2985" s="52"/>
      <c r="U2985" s="52"/>
      <c r="V2985" s="52"/>
      <c r="W2985" s="52"/>
    </row>
    <row r="2986" spans="1:23" hidden="1" x14ac:dyDescent="0.35">
      <c r="A2986" s="52" t="s">
        <v>78</v>
      </c>
      <c r="B2986" s="52" t="s">
        <v>79</v>
      </c>
      <c r="C2986" s="3">
        <v>20</v>
      </c>
      <c r="D2986" s="52" t="s">
        <v>80</v>
      </c>
      <c r="E2986" s="52" t="s">
        <v>26</v>
      </c>
      <c r="F2986" s="52" t="s">
        <v>81</v>
      </c>
      <c r="G2986" s="52" t="s">
        <v>82</v>
      </c>
      <c r="H2986" s="4">
        <v>1</v>
      </c>
      <c r="I2986" s="2">
        <v>14.65</v>
      </c>
      <c r="J2986" s="52" t="s">
        <v>6970</v>
      </c>
      <c r="K2986" s="71" t="s">
        <v>7608</v>
      </c>
      <c r="L2986" s="52" t="s">
        <v>2095</v>
      </c>
      <c r="M2986" s="72">
        <v>1432</v>
      </c>
      <c r="N2986" s="52" t="s">
        <v>2066</v>
      </c>
      <c r="O2986" s="52" t="s">
        <v>2067</v>
      </c>
      <c r="P2986" s="52"/>
      <c r="Q2986" s="52"/>
      <c r="R2986" s="52"/>
      <c r="S2986" s="52"/>
      <c r="T2986" s="52"/>
      <c r="U2986" s="52"/>
      <c r="V2986" s="52"/>
      <c r="W2986" s="52"/>
    </row>
    <row r="2987" spans="1:23" hidden="1" x14ac:dyDescent="0.35">
      <c r="A2987" s="52" t="s">
        <v>78</v>
      </c>
      <c r="B2987" s="52" t="s">
        <v>79</v>
      </c>
      <c r="C2987" s="3">
        <v>20</v>
      </c>
      <c r="D2987" s="52" t="s">
        <v>2022</v>
      </c>
      <c r="E2987" s="52" t="s">
        <v>26</v>
      </c>
      <c r="F2987" s="52" t="s">
        <v>81</v>
      </c>
      <c r="G2987" s="52" t="s">
        <v>82</v>
      </c>
      <c r="H2987" s="4">
        <v>1</v>
      </c>
      <c r="I2987" s="2">
        <v>14.65</v>
      </c>
      <c r="J2987" s="52" t="s">
        <v>7609</v>
      </c>
      <c r="K2987" s="71" t="s">
        <v>7610</v>
      </c>
      <c r="L2987" s="52" t="s">
        <v>2063</v>
      </c>
      <c r="M2987" s="72">
        <v>9991</v>
      </c>
      <c r="N2987" s="52" t="s">
        <v>2066</v>
      </c>
      <c r="O2987" s="52" t="s">
        <v>2067</v>
      </c>
      <c r="P2987" s="52"/>
      <c r="Q2987" s="52"/>
      <c r="R2987" s="52"/>
      <c r="S2987" s="52"/>
      <c r="T2987" s="52"/>
      <c r="U2987" s="52"/>
      <c r="V2987" s="52"/>
      <c r="W2987" s="52"/>
    </row>
    <row r="2988" spans="1:23" x14ac:dyDescent="0.35">
      <c r="A2988" s="52" t="s">
        <v>78</v>
      </c>
      <c r="B2988" s="52" t="s">
        <v>79</v>
      </c>
      <c r="C2988" s="3">
        <v>20</v>
      </c>
      <c r="D2988" s="52" t="s">
        <v>85</v>
      </c>
      <c r="E2988" s="52" t="s">
        <v>26</v>
      </c>
      <c r="F2988" s="52" t="s">
        <v>81</v>
      </c>
      <c r="G2988" s="52" t="s">
        <v>82</v>
      </c>
      <c r="H2988" s="4">
        <v>1</v>
      </c>
      <c r="I2988" s="2">
        <v>14.65</v>
      </c>
      <c r="J2988" s="52" t="s">
        <v>7611</v>
      </c>
      <c r="K2988" s="71" t="s">
        <v>7612</v>
      </c>
      <c r="L2988" s="52" t="s">
        <v>2063</v>
      </c>
      <c r="M2988" s="72">
        <v>7428</v>
      </c>
      <c r="N2988" s="52" t="s">
        <v>2259</v>
      </c>
      <c r="O2988" s="52" t="s">
        <v>2260</v>
      </c>
      <c r="P2988" s="52"/>
      <c r="Q2988" s="52"/>
      <c r="R2988" s="52"/>
      <c r="S2988" s="52"/>
      <c r="T2988" s="52"/>
      <c r="U2988" s="52"/>
      <c r="V2988" s="52"/>
      <c r="W2988" s="52"/>
    </row>
    <row r="2989" spans="1:23" hidden="1" x14ac:dyDescent="0.35">
      <c r="A2989" s="52" t="s">
        <v>78</v>
      </c>
      <c r="B2989" s="52" t="s">
        <v>79</v>
      </c>
      <c r="C2989" s="3">
        <v>20</v>
      </c>
      <c r="D2989" s="52" t="s">
        <v>80</v>
      </c>
      <c r="E2989" s="52" t="s">
        <v>26</v>
      </c>
      <c r="F2989" s="52" t="s">
        <v>81</v>
      </c>
      <c r="G2989" s="52" t="s">
        <v>82</v>
      </c>
      <c r="H2989" s="4">
        <v>1</v>
      </c>
      <c r="I2989" s="2">
        <v>14.65</v>
      </c>
      <c r="J2989" s="52" t="s">
        <v>7613</v>
      </c>
      <c r="K2989" s="71" t="s">
        <v>7614</v>
      </c>
      <c r="L2989" s="52" t="s">
        <v>2063</v>
      </c>
      <c r="M2989" s="72">
        <v>3959</v>
      </c>
      <c r="N2989" s="52" t="s">
        <v>2154</v>
      </c>
      <c r="O2989" s="52" t="s">
        <v>2155</v>
      </c>
      <c r="P2989" s="52"/>
      <c r="Q2989" s="52"/>
      <c r="R2989" s="52"/>
      <c r="S2989" s="52"/>
      <c r="T2989" s="52"/>
      <c r="U2989" s="52"/>
      <c r="V2989" s="52"/>
      <c r="W2989" s="52"/>
    </row>
    <row r="2990" spans="1:23" hidden="1" x14ac:dyDescent="0.35">
      <c r="A2990" s="52" t="s">
        <v>78</v>
      </c>
      <c r="B2990" s="52" t="s">
        <v>79</v>
      </c>
      <c r="C2990" s="3">
        <v>20</v>
      </c>
      <c r="D2990" s="52" t="s">
        <v>80</v>
      </c>
      <c r="E2990" s="52" t="s">
        <v>26</v>
      </c>
      <c r="F2990" s="52" t="s">
        <v>81</v>
      </c>
      <c r="G2990" s="52" t="s">
        <v>82</v>
      </c>
      <c r="H2990" s="4">
        <v>1</v>
      </c>
      <c r="I2990" s="2">
        <v>14.65</v>
      </c>
      <c r="J2990" s="52" t="s">
        <v>7615</v>
      </c>
      <c r="K2990" s="71" t="s">
        <v>7616</v>
      </c>
      <c r="L2990" s="52" t="s">
        <v>2063</v>
      </c>
      <c r="M2990" s="72">
        <v>4784</v>
      </c>
      <c r="N2990" s="52" t="s">
        <v>2066</v>
      </c>
      <c r="O2990" s="52" t="s">
        <v>2067</v>
      </c>
      <c r="P2990" s="52"/>
      <c r="Q2990" s="52"/>
      <c r="R2990" s="52"/>
      <c r="S2990" s="52"/>
      <c r="T2990" s="52"/>
      <c r="U2990" s="52"/>
      <c r="V2990" s="52"/>
      <c r="W2990" s="52"/>
    </row>
    <row r="2991" spans="1:23" hidden="1" x14ac:dyDescent="0.35">
      <c r="A2991" s="52" t="s">
        <v>78</v>
      </c>
      <c r="B2991" s="52" t="s">
        <v>79</v>
      </c>
      <c r="C2991" s="3">
        <v>10</v>
      </c>
      <c r="D2991" s="52" t="s">
        <v>2022</v>
      </c>
      <c r="E2991" s="52" t="s">
        <v>26</v>
      </c>
      <c r="F2991" s="52" t="s">
        <v>81</v>
      </c>
      <c r="G2991" s="52" t="s">
        <v>82</v>
      </c>
      <c r="H2991" s="4">
        <v>1</v>
      </c>
      <c r="I2991" s="2">
        <v>14.65</v>
      </c>
      <c r="J2991" s="52" t="s">
        <v>7312</v>
      </c>
      <c r="K2991" s="71" t="s">
        <v>7617</v>
      </c>
      <c r="L2991" s="52" t="s">
        <v>2063</v>
      </c>
      <c r="M2991" s="72">
        <v>5892</v>
      </c>
      <c r="N2991" s="52" t="s">
        <v>2066</v>
      </c>
      <c r="O2991" s="52" t="s">
        <v>2067</v>
      </c>
      <c r="P2991" s="52"/>
      <c r="Q2991" s="52"/>
      <c r="R2991" s="52"/>
      <c r="S2991" s="52"/>
      <c r="T2991" s="52"/>
      <c r="U2991" s="52"/>
      <c r="V2991" s="52"/>
      <c r="W2991" s="52"/>
    </row>
    <row r="2992" spans="1:23" hidden="1" x14ac:dyDescent="0.35">
      <c r="A2992" s="52" t="s">
        <v>78</v>
      </c>
      <c r="B2992" s="52" t="s">
        <v>79</v>
      </c>
      <c r="C2992" s="3">
        <v>10</v>
      </c>
      <c r="D2992" s="52" t="s">
        <v>83</v>
      </c>
      <c r="E2992" s="52" t="s">
        <v>26</v>
      </c>
      <c r="F2992" s="52" t="s">
        <v>81</v>
      </c>
      <c r="G2992" s="52" t="s">
        <v>82</v>
      </c>
      <c r="H2992" s="4">
        <v>1</v>
      </c>
      <c r="I2992" s="2">
        <v>14.65</v>
      </c>
      <c r="J2992" s="52" t="s">
        <v>7046</v>
      </c>
      <c r="K2992" s="71" t="s">
        <v>7618</v>
      </c>
      <c r="L2992" s="52" t="s">
        <v>2063</v>
      </c>
      <c r="M2992" s="72">
        <v>7252</v>
      </c>
      <c r="N2992" s="52" t="s">
        <v>2066</v>
      </c>
      <c r="O2992" s="52" t="s">
        <v>2067</v>
      </c>
      <c r="P2992" s="52"/>
      <c r="Q2992" s="52"/>
      <c r="R2992" s="52"/>
      <c r="S2992" s="52"/>
      <c r="T2992" s="52"/>
      <c r="U2992" s="52"/>
      <c r="V2992" s="52"/>
      <c r="W2992" s="52"/>
    </row>
    <row r="2993" spans="1:23" hidden="1" x14ac:dyDescent="0.35">
      <c r="A2993" s="52" t="s">
        <v>78</v>
      </c>
      <c r="B2993" s="52" t="s">
        <v>79</v>
      </c>
      <c r="C2993" s="3">
        <v>20</v>
      </c>
      <c r="D2993" s="52" t="s">
        <v>84</v>
      </c>
      <c r="E2993" s="52" t="s">
        <v>26</v>
      </c>
      <c r="F2993" s="52" t="s">
        <v>81</v>
      </c>
      <c r="G2993" s="52" t="s">
        <v>82</v>
      </c>
      <c r="H2993" s="4">
        <v>1</v>
      </c>
      <c r="I2993" s="2">
        <v>14.65</v>
      </c>
      <c r="J2993" s="52" t="s">
        <v>7619</v>
      </c>
      <c r="K2993" s="71" t="s">
        <v>7620</v>
      </c>
      <c r="L2993" s="52" t="s">
        <v>2063</v>
      </c>
      <c r="M2993" s="72">
        <v>2449</v>
      </c>
      <c r="N2993" s="52" t="s">
        <v>2072</v>
      </c>
      <c r="O2993" s="52" t="s">
        <v>2073</v>
      </c>
      <c r="P2993" s="52"/>
      <c r="Q2993" s="52"/>
      <c r="R2993" s="52"/>
      <c r="S2993" s="52"/>
      <c r="T2993" s="52"/>
      <c r="U2993" s="52"/>
      <c r="V2993" s="52"/>
      <c r="W2993" s="52"/>
    </row>
    <row r="2994" spans="1:23" hidden="1" x14ac:dyDescent="0.35">
      <c r="A2994" s="52" t="s">
        <v>78</v>
      </c>
      <c r="B2994" s="52" t="s">
        <v>79</v>
      </c>
      <c r="C2994" s="3">
        <v>10</v>
      </c>
      <c r="D2994" s="52" t="s">
        <v>2019</v>
      </c>
      <c r="E2994" s="52" t="s">
        <v>26</v>
      </c>
      <c r="F2994" s="52" t="s">
        <v>81</v>
      </c>
      <c r="G2994" s="52" t="s">
        <v>82</v>
      </c>
      <c r="H2994" s="4">
        <v>1</v>
      </c>
      <c r="I2994" s="2">
        <v>14.65</v>
      </c>
      <c r="J2994" s="52" t="s">
        <v>7621</v>
      </c>
      <c r="K2994" s="71" t="s">
        <v>7622</v>
      </c>
      <c r="L2994" s="52" t="s">
        <v>2063</v>
      </c>
      <c r="M2994" s="72">
        <v>5293</v>
      </c>
      <c r="N2994" s="52" t="s">
        <v>2158</v>
      </c>
      <c r="O2994" s="52" t="s">
        <v>2159</v>
      </c>
      <c r="P2994" s="52"/>
      <c r="Q2994" s="52"/>
      <c r="R2994" s="52"/>
      <c r="S2994" s="52"/>
      <c r="T2994" s="52"/>
      <c r="U2994" s="52"/>
      <c r="V2994" s="52"/>
      <c r="W2994" s="52"/>
    </row>
    <row r="2995" spans="1:23" hidden="1" x14ac:dyDescent="0.35">
      <c r="A2995" s="52" t="s">
        <v>78</v>
      </c>
      <c r="B2995" s="52" t="s">
        <v>79</v>
      </c>
      <c r="C2995" s="3">
        <v>10</v>
      </c>
      <c r="D2995" s="52" t="s">
        <v>83</v>
      </c>
      <c r="E2995" s="52" t="s">
        <v>26</v>
      </c>
      <c r="F2995" s="52" t="s">
        <v>81</v>
      </c>
      <c r="G2995" s="52" t="s">
        <v>82</v>
      </c>
      <c r="H2995" s="4">
        <v>1</v>
      </c>
      <c r="I2995" s="2">
        <v>14.65</v>
      </c>
      <c r="J2995" s="52" t="s">
        <v>7623</v>
      </c>
      <c r="K2995" s="71" t="s">
        <v>7624</v>
      </c>
      <c r="L2995" s="52" t="s">
        <v>2063</v>
      </c>
      <c r="M2995" s="72">
        <v>4879</v>
      </c>
      <c r="N2995" s="52" t="s">
        <v>2072</v>
      </c>
      <c r="O2995" s="52" t="s">
        <v>2073</v>
      </c>
      <c r="P2995" s="52"/>
      <c r="Q2995" s="52"/>
      <c r="R2995" s="52"/>
      <c r="S2995" s="52"/>
      <c r="T2995" s="52"/>
      <c r="U2995" s="52"/>
      <c r="V2995" s="52"/>
      <c r="W2995" s="52"/>
    </row>
    <row r="2996" spans="1:23" hidden="1" x14ac:dyDescent="0.35">
      <c r="A2996" s="52" t="s">
        <v>78</v>
      </c>
      <c r="B2996" s="52" t="s">
        <v>79</v>
      </c>
      <c r="C2996" s="3">
        <v>10</v>
      </c>
      <c r="D2996" s="52" t="s">
        <v>2024</v>
      </c>
      <c r="E2996" s="52" t="s">
        <v>26</v>
      </c>
      <c r="F2996" s="52" t="s">
        <v>81</v>
      </c>
      <c r="G2996" s="52" t="s">
        <v>82</v>
      </c>
      <c r="H2996" s="4">
        <v>1</v>
      </c>
      <c r="I2996" s="2">
        <v>14.65</v>
      </c>
      <c r="J2996" s="52" t="s">
        <v>7625</v>
      </c>
      <c r="K2996" s="71" t="s">
        <v>7626</v>
      </c>
      <c r="L2996" s="52" t="s">
        <v>2063</v>
      </c>
      <c r="M2996" s="72">
        <v>5620</v>
      </c>
      <c r="N2996" s="52" t="s">
        <v>2072</v>
      </c>
      <c r="O2996" s="52" t="s">
        <v>2073</v>
      </c>
      <c r="P2996" s="52"/>
      <c r="Q2996" s="52"/>
      <c r="R2996" s="52"/>
      <c r="S2996" s="52"/>
      <c r="T2996" s="52"/>
      <c r="U2996" s="52"/>
      <c r="V2996" s="52"/>
      <c r="W2996" s="52"/>
    </row>
    <row r="2997" spans="1:23" hidden="1" x14ac:dyDescent="0.35">
      <c r="A2997" s="52" t="s">
        <v>78</v>
      </c>
      <c r="B2997" s="52" t="s">
        <v>79</v>
      </c>
      <c r="C2997" s="3">
        <v>20</v>
      </c>
      <c r="D2997" s="52" t="s">
        <v>2020</v>
      </c>
      <c r="E2997" s="52" t="s">
        <v>26</v>
      </c>
      <c r="F2997" s="52" t="s">
        <v>81</v>
      </c>
      <c r="G2997" s="52" t="s">
        <v>82</v>
      </c>
      <c r="H2997" s="4">
        <v>1</v>
      </c>
      <c r="I2997" s="2">
        <v>14.65</v>
      </c>
      <c r="J2997" s="52" t="s">
        <v>7627</v>
      </c>
      <c r="K2997" s="71" t="s">
        <v>7628</v>
      </c>
      <c r="L2997" s="52" t="s">
        <v>2063</v>
      </c>
      <c r="M2997" s="72">
        <v>4405</v>
      </c>
      <c r="N2997" s="52" t="s">
        <v>2072</v>
      </c>
      <c r="O2997" s="52" t="s">
        <v>2073</v>
      </c>
      <c r="P2997" s="52"/>
      <c r="Q2997" s="52"/>
      <c r="R2997" s="52"/>
      <c r="S2997" s="52"/>
      <c r="T2997" s="52"/>
      <c r="U2997" s="52"/>
      <c r="V2997" s="52"/>
      <c r="W2997" s="52"/>
    </row>
    <row r="2998" spans="1:23" hidden="1" x14ac:dyDescent="0.35">
      <c r="A2998" s="52" t="s">
        <v>78</v>
      </c>
      <c r="B2998" s="52" t="s">
        <v>79</v>
      </c>
      <c r="C2998" s="3">
        <v>10</v>
      </c>
      <c r="D2998" s="52" t="s">
        <v>83</v>
      </c>
      <c r="E2998" s="52" t="s">
        <v>26</v>
      </c>
      <c r="F2998" s="52" t="s">
        <v>81</v>
      </c>
      <c r="G2998" s="52" t="s">
        <v>82</v>
      </c>
      <c r="H2998" s="4">
        <v>1</v>
      </c>
      <c r="I2998" s="2">
        <v>14.65</v>
      </c>
      <c r="J2998" s="52" t="s">
        <v>7629</v>
      </c>
      <c r="K2998" s="71" t="s">
        <v>7630</v>
      </c>
      <c r="L2998" s="52" t="s">
        <v>2063</v>
      </c>
      <c r="M2998" s="72">
        <v>9111</v>
      </c>
      <c r="N2998" s="52"/>
      <c r="O2998" s="52"/>
      <c r="P2998" s="52"/>
      <c r="Q2998" s="52"/>
      <c r="R2998" s="52"/>
      <c r="S2998" s="52"/>
      <c r="T2998" s="52"/>
      <c r="U2998" s="52"/>
      <c r="V2998" s="52"/>
      <c r="W2998" s="52"/>
    </row>
    <row r="2999" spans="1:23" hidden="1" x14ac:dyDescent="0.35">
      <c r="A2999" s="52" t="s">
        <v>78</v>
      </c>
      <c r="B2999" s="52" t="s">
        <v>79</v>
      </c>
      <c r="C2999" s="3">
        <v>20</v>
      </c>
      <c r="D2999" s="52" t="s">
        <v>2021</v>
      </c>
      <c r="E2999" s="52" t="s">
        <v>26</v>
      </c>
      <c r="F2999" s="52" t="s">
        <v>81</v>
      </c>
      <c r="G2999" s="52" t="s">
        <v>82</v>
      </c>
      <c r="H2999" s="4">
        <v>1</v>
      </c>
      <c r="I2999" s="2">
        <v>14.65</v>
      </c>
      <c r="J2999" s="52" t="s">
        <v>7599</v>
      </c>
      <c r="K2999" s="71" t="s">
        <v>7631</v>
      </c>
      <c r="L2999" s="52" t="s">
        <v>2063</v>
      </c>
      <c r="M2999" s="72">
        <v>3588</v>
      </c>
      <c r="N2999" s="52" t="s">
        <v>2072</v>
      </c>
      <c r="O2999" s="52" t="s">
        <v>2073</v>
      </c>
      <c r="P2999" s="52"/>
      <c r="Q2999" s="52"/>
      <c r="R2999" s="52"/>
      <c r="S2999" s="52"/>
      <c r="T2999" s="52"/>
      <c r="U2999" s="52"/>
      <c r="V2999" s="52"/>
      <c r="W2999" s="52"/>
    </row>
    <row r="3000" spans="1:23" hidden="1" x14ac:dyDescent="0.35">
      <c r="A3000" s="52" t="s">
        <v>78</v>
      </c>
      <c r="B3000" s="52" t="s">
        <v>79</v>
      </c>
      <c r="C3000" s="3">
        <v>10</v>
      </c>
      <c r="D3000" s="52" t="s">
        <v>83</v>
      </c>
      <c r="E3000" s="52" t="s">
        <v>26</v>
      </c>
      <c r="F3000" s="52" t="s">
        <v>81</v>
      </c>
      <c r="G3000" s="52" t="s">
        <v>82</v>
      </c>
      <c r="H3000" s="4">
        <v>1</v>
      </c>
      <c r="I3000" s="2">
        <v>14.65</v>
      </c>
      <c r="J3000" s="52" t="s">
        <v>7632</v>
      </c>
      <c r="K3000" s="71" t="s">
        <v>7633</v>
      </c>
      <c r="L3000" s="52" t="s">
        <v>2063</v>
      </c>
      <c r="M3000" s="72">
        <v>6094</v>
      </c>
      <c r="N3000" s="52" t="s">
        <v>2072</v>
      </c>
      <c r="O3000" s="52" t="s">
        <v>2073</v>
      </c>
      <c r="P3000" s="52"/>
      <c r="Q3000" s="52"/>
      <c r="R3000" s="52"/>
      <c r="S3000" s="52"/>
      <c r="T3000" s="52"/>
      <c r="U3000" s="52"/>
      <c r="V3000" s="52"/>
      <c r="W3000" s="52"/>
    </row>
    <row r="3001" spans="1:23" hidden="1" x14ac:dyDescent="0.35">
      <c r="A3001" s="52" t="s">
        <v>78</v>
      </c>
      <c r="B3001" s="52" t="s">
        <v>79</v>
      </c>
      <c r="C3001" s="3">
        <v>20</v>
      </c>
      <c r="D3001" s="52" t="s">
        <v>85</v>
      </c>
      <c r="E3001" s="52" t="s">
        <v>26</v>
      </c>
      <c r="F3001" s="52" t="s">
        <v>81</v>
      </c>
      <c r="G3001" s="52" t="s">
        <v>82</v>
      </c>
      <c r="H3001" s="4">
        <v>1</v>
      </c>
      <c r="I3001" s="2">
        <v>14.65</v>
      </c>
      <c r="J3001" s="52" t="s">
        <v>7634</v>
      </c>
      <c r="K3001" s="71" t="s">
        <v>7635</v>
      </c>
      <c r="L3001" s="52" t="s">
        <v>2063</v>
      </c>
      <c r="M3001" s="72">
        <v>8421</v>
      </c>
      <c r="N3001" s="52"/>
      <c r="O3001" s="52"/>
      <c r="P3001" s="52"/>
      <c r="Q3001" s="52"/>
      <c r="R3001" s="52"/>
      <c r="S3001" s="52"/>
      <c r="T3001" s="52"/>
      <c r="U3001" s="52"/>
      <c r="V3001" s="52"/>
      <c r="W3001" s="52"/>
    </row>
    <row r="3002" spans="1:23" hidden="1" x14ac:dyDescent="0.35">
      <c r="A3002" s="52" t="s">
        <v>78</v>
      </c>
      <c r="B3002" s="52" t="s">
        <v>79</v>
      </c>
      <c r="C3002" s="3">
        <v>20</v>
      </c>
      <c r="D3002" s="52" t="s">
        <v>85</v>
      </c>
      <c r="E3002" s="52" t="s">
        <v>26</v>
      </c>
      <c r="F3002" s="52" t="s">
        <v>81</v>
      </c>
      <c r="G3002" s="52" t="s">
        <v>82</v>
      </c>
      <c r="H3002" s="4">
        <v>1</v>
      </c>
      <c r="I3002" s="2">
        <v>14.65</v>
      </c>
      <c r="J3002" s="52" t="s">
        <v>7636</v>
      </c>
      <c r="K3002" s="71" t="s">
        <v>7637</v>
      </c>
      <c r="L3002" s="52" t="s">
        <v>2063</v>
      </c>
      <c r="M3002" s="72">
        <v>5087</v>
      </c>
      <c r="N3002" s="52" t="s">
        <v>2066</v>
      </c>
      <c r="O3002" s="52" t="s">
        <v>2067</v>
      </c>
      <c r="P3002" s="52"/>
      <c r="Q3002" s="52"/>
      <c r="R3002" s="52"/>
      <c r="S3002" s="52"/>
      <c r="T3002" s="52"/>
      <c r="U3002" s="52"/>
      <c r="V3002" s="52"/>
      <c r="W3002" s="52"/>
    </row>
    <row r="3003" spans="1:23" hidden="1" x14ac:dyDescent="0.35">
      <c r="A3003" s="52" t="s">
        <v>78</v>
      </c>
      <c r="B3003" s="52" t="s">
        <v>79</v>
      </c>
      <c r="C3003" s="3">
        <v>20</v>
      </c>
      <c r="D3003" s="52" t="s">
        <v>2020</v>
      </c>
      <c r="E3003" s="52" t="s">
        <v>26</v>
      </c>
      <c r="F3003" s="52" t="s">
        <v>81</v>
      </c>
      <c r="G3003" s="52" t="s">
        <v>82</v>
      </c>
      <c r="H3003" s="4">
        <v>1</v>
      </c>
      <c r="I3003" s="2">
        <v>14.65</v>
      </c>
      <c r="J3003" s="52" t="s">
        <v>7638</v>
      </c>
      <c r="K3003" s="71" t="s">
        <v>7639</v>
      </c>
      <c r="L3003" s="52" t="s">
        <v>2063</v>
      </c>
      <c r="M3003" s="72">
        <v>6950</v>
      </c>
      <c r="N3003" s="52" t="s">
        <v>2072</v>
      </c>
      <c r="O3003" s="52" t="s">
        <v>2073</v>
      </c>
      <c r="P3003" s="52" t="s">
        <v>2259</v>
      </c>
      <c r="Q3003" s="52" t="s">
        <v>2260</v>
      </c>
      <c r="R3003" s="52"/>
      <c r="S3003" s="52"/>
      <c r="T3003" s="52"/>
      <c r="U3003" s="52"/>
      <c r="V3003" s="52"/>
      <c r="W3003" s="52"/>
    </row>
    <row r="3004" spans="1:23" x14ac:dyDescent="0.35">
      <c r="A3004" s="52" t="s">
        <v>78</v>
      </c>
      <c r="B3004" s="52" t="s">
        <v>79</v>
      </c>
      <c r="C3004" s="3">
        <v>20</v>
      </c>
      <c r="D3004" s="52" t="s">
        <v>84</v>
      </c>
      <c r="E3004" s="52" t="s">
        <v>26</v>
      </c>
      <c r="F3004" s="52" t="s">
        <v>81</v>
      </c>
      <c r="G3004" s="52" t="s">
        <v>82</v>
      </c>
      <c r="H3004" s="4">
        <v>1</v>
      </c>
      <c r="I3004" s="2">
        <v>14.65</v>
      </c>
      <c r="J3004" s="52" t="s">
        <v>7308</v>
      </c>
      <c r="K3004" s="71" t="s">
        <v>7640</v>
      </c>
      <c r="L3004" s="52" t="s">
        <v>2063</v>
      </c>
      <c r="M3004" s="72">
        <v>7802</v>
      </c>
      <c r="N3004" s="52" t="s">
        <v>2259</v>
      </c>
      <c r="O3004" s="52" t="s">
        <v>2260</v>
      </c>
      <c r="P3004" s="52"/>
      <c r="Q3004" s="52"/>
      <c r="R3004" s="52"/>
      <c r="S3004" s="52"/>
      <c r="T3004" s="52"/>
      <c r="U3004" s="52"/>
      <c r="V3004" s="52"/>
      <c r="W3004" s="52"/>
    </row>
    <row r="3005" spans="1:23" hidden="1" x14ac:dyDescent="0.35">
      <c r="A3005" s="52" t="s">
        <v>78</v>
      </c>
      <c r="B3005" s="52" t="s">
        <v>79</v>
      </c>
      <c r="C3005" s="3">
        <v>20</v>
      </c>
      <c r="D3005" s="52" t="s">
        <v>83</v>
      </c>
      <c r="E3005" s="52" t="s">
        <v>26</v>
      </c>
      <c r="F3005" s="52" t="s">
        <v>81</v>
      </c>
      <c r="G3005" s="52" t="s">
        <v>82</v>
      </c>
      <c r="H3005" s="4">
        <v>1</v>
      </c>
      <c r="I3005" s="2">
        <v>14.65</v>
      </c>
      <c r="J3005" s="52" t="s">
        <v>7641</v>
      </c>
      <c r="K3005" s="71" t="s">
        <v>7642</v>
      </c>
      <c r="L3005" s="52" t="s">
        <v>2063</v>
      </c>
      <c r="M3005" s="72">
        <v>2247</v>
      </c>
      <c r="N3005" s="52"/>
      <c r="O3005" s="52"/>
      <c r="P3005" s="52"/>
      <c r="Q3005" s="52"/>
      <c r="R3005" s="52"/>
      <c r="S3005" s="52"/>
      <c r="T3005" s="52"/>
      <c r="U3005" s="52"/>
      <c r="V3005" s="52"/>
      <c r="W3005" s="52"/>
    </row>
    <row r="3006" spans="1:23" hidden="1" x14ac:dyDescent="0.35">
      <c r="A3006" s="52" t="s">
        <v>78</v>
      </c>
      <c r="B3006" s="52" t="s">
        <v>79</v>
      </c>
      <c r="C3006" s="3">
        <v>20</v>
      </c>
      <c r="D3006" s="52" t="s">
        <v>80</v>
      </c>
      <c r="E3006" s="52" t="s">
        <v>26</v>
      </c>
      <c r="F3006" s="52" t="s">
        <v>81</v>
      </c>
      <c r="G3006" s="52" t="s">
        <v>82</v>
      </c>
      <c r="H3006" s="4">
        <v>1</v>
      </c>
      <c r="I3006" s="2">
        <v>14.65</v>
      </c>
      <c r="J3006" s="52" t="s">
        <v>6974</v>
      </c>
      <c r="K3006" s="71" t="s">
        <v>7643</v>
      </c>
      <c r="L3006" s="52" t="s">
        <v>2063</v>
      </c>
      <c r="M3006" s="72">
        <v>4741</v>
      </c>
      <c r="N3006" s="52"/>
      <c r="O3006" s="52"/>
      <c r="P3006" s="52"/>
      <c r="Q3006" s="52"/>
      <c r="R3006" s="52"/>
      <c r="S3006" s="52"/>
      <c r="T3006" s="52"/>
      <c r="U3006" s="52"/>
      <c r="V3006" s="52"/>
      <c r="W3006" s="52"/>
    </row>
    <row r="3007" spans="1:23" hidden="1" x14ac:dyDescent="0.35">
      <c r="A3007" s="52" t="s">
        <v>78</v>
      </c>
      <c r="B3007" s="52" t="s">
        <v>79</v>
      </c>
      <c r="C3007" s="3">
        <v>20</v>
      </c>
      <c r="D3007" s="52" t="s">
        <v>80</v>
      </c>
      <c r="E3007" s="52" t="s">
        <v>26</v>
      </c>
      <c r="F3007" s="52" t="s">
        <v>81</v>
      </c>
      <c r="G3007" s="52" t="s">
        <v>82</v>
      </c>
      <c r="H3007" s="4">
        <v>1</v>
      </c>
      <c r="I3007" s="2">
        <v>14.65</v>
      </c>
      <c r="J3007" s="52" t="s">
        <v>7644</v>
      </c>
      <c r="K3007" s="71" t="s">
        <v>7645</v>
      </c>
      <c r="L3007" s="52" t="s">
        <v>2063</v>
      </c>
      <c r="M3007" s="72">
        <v>8633</v>
      </c>
      <c r="N3007" s="52" t="s">
        <v>2066</v>
      </c>
      <c r="O3007" s="52" t="s">
        <v>2067</v>
      </c>
      <c r="P3007" s="52"/>
      <c r="Q3007" s="52"/>
      <c r="R3007" s="52"/>
      <c r="S3007" s="52"/>
      <c r="T3007" s="52"/>
      <c r="U3007" s="52"/>
      <c r="V3007" s="52"/>
      <c r="W3007" s="52"/>
    </row>
    <row r="3008" spans="1:23" hidden="1" x14ac:dyDescent="0.35">
      <c r="A3008" s="52" t="s">
        <v>78</v>
      </c>
      <c r="B3008" s="52" t="s">
        <v>79</v>
      </c>
      <c r="C3008" s="3">
        <v>10</v>
      </c>
      <c r="D3008" s="52" t="s">
        <v>83</v>
      </c>
      <c r="E3008" s="52" t="s">
        <v>26</v>
      </c>
      <c r="F3008" s="52" t="s">
        <v>81</v>
      </c>
      <c r="G3008" s="52" t="s">
        <v>82</v>
      </c>
      <c r="H3008" s="4">
        <v>1</v>
      </c>
      <c r="I3008" s="2">
        <v>14.65</v>
      </c>
      <c r="J3008" s="52" t="s">
        <v>7646</v>
      </c>
      <c r="K3008" s="71" t="s">
        <v>7647</v>
      </c>
      <c r="L3008" s="52" t="s">
        <v>2063</v>
      </c>
      <c r="M3008" s="72">
        <v>9697</v>
      </c>
      <c r="N3008" s="52" t="s">
        <v>2072</v>
      </c>
      <c r="O3008" s="52" t="s">
        <v>2073</v>
      </c>
      <c r="P3008" s="52"/>
      <c r="Q3008" s="52"/>
      <c r="R3008" s="52"/>
      <c r="S3008" s="52"/>
      <c r="T3008" s="52"/>
      <c r="U3008" s="52"/>
      <c r="V3008" s="52"/>
      <c r="W3008" s="52"/>
    </row>
    <row r="3009" spans="1:23" hidden="1" x14ac:dyDescent="0.35">
      <c r="A3009" s="52" t="s">
        <v>78</v>
      </c>
      <c r="B3009" s="52" t="s">
        <v>79</v>
      </c>
      <c r="C3009" s="3">
        <v>10</v>
      </c>
      <c r="D3009" s="52" t="s">
        <v>86</v>
      </c>
      <c r="E3009" s="52" t="s">
        <v>26</v>
      </c>
      <c r="F3009" s="52" t="s">
        <v>81</v>
      </c>
      <c r="G3009" s="52" t="s">
        <v>82</v>
      </c>
      <c r="H3009" s="4">
        <v>1</v>
      </c>
      <c r="I3009" s="2">
        <v>14.65</v>
      </c>
      <c r="J3009" s="52" t="s">
        <v>7648</v>
      </c>
      <c r="K3009" s="71" t="s">
        <v>7649</v>
      </c>
      <c r="L3009" s="52" t="s">
        <v>2063</v>
      </c>
      <c r="M3009" s="72">
        <v>3235</v>
      </c>
      <c r="N3009" s="52"/>
      <c r="O3009" s="52"/>
      <c r="P3009" s="52"/>
      <c r="Q3009" s="52"/>
      <c r="R3009" s="52"/>
      <c r="S3009" s="52"/>
      <c r="T3009" s="52"/>
      <c r="U3009" s="52"/>
      <c r="V3009" s="52"/>
      <c r="W3009" s="52"/>
    </row>
    <row r="3010" spans="1:23" x14ac:dyDescent="0.35">
      <c r="A3010" s="52" t="s">
        <v>78</v>
      </c>
      <c r="B3010" s="52" t="s">
        <v>79</v>
      </c>
      <c r="C3010" s="3">
        <v>20</v>
      </c>
      <c r="D3010" s="52" t="s">
        <v>86</v>
      </c>
      <c r="E3010" s="52" t="s">
        <v>26</v>
      </c>
      <c r="F3010" s="52" t="s">
        <v>81</v>
      </c>
      <c r="G3010" s="52" t="s">
        <v>82</v>
      </c>
      <c r="H3010" s="4">
        <v>1</v>
      </c>
      <c r="I3010" s="2">
        <v>14.65</v>
      </c>
      <c r="J3010" s="52" t="s">
        <v>7650</v>
      </c>
      <c r="K3010" s="71" t="s">
        <v>7651</v>
      </c>
      <c r="L3010" s="52" t="s">
        <v>2063</v>
      </c>
      <c r="M3010" s="72">
        <v>1139</v>
      </c>
      <c r="N3010" s="52" t="s">
        <v>2259</v>
      </c>
      <c r="O3010" s="52" t="s">
        <v>2260</v>
      </c>
      <c r="P3010" s="52"/>
      <c r="Q3010" s="52"/>
      <c r="R3010" s="52"/>
      <c r="S3010" s="52"/>
      <c r="T3010" s="52"/>
      <c r="U3010" s="52"/>
      <c r="V3010" s="52"/>
      <c r="W3010" s="52"/>
    </row>
    <row r="3011" spans="1:23" hidden="1" x14ac:dyDescent="0.35">
      <c r="A3011" s="52" t="s">
        <v>78</v>
      </c>
      <c r="B3011" s="52" t="s">
        <v>79</v>
      </c>
      <c r="C3011" s="3">
        <v>212</v>
      </c>
      <c r="D3011" s="52" t="s">
        <v>84</v>
      </c>
      <c r="E3011" s="52" t="s">
        <v>26</v>
      </c>
      <c r="F3011" s="52" t="s">
        <v>81</v>
      </c>
      <c r="G3011" s="52" t="s">
        <v>82</v>
      </c>
      <c r="H3011" s="4">
        <v>1</v>
      </c>
      <c r="I3011" s="2">
        <v>14.65</v>
      </c>
      <c r="J3011" s="52" t="s">
        <v>7652</v>
      </c>
      <c r="K3011" s="71" t="s">
        <v>7653</v>
      </c>
      <c r="L3011" s="52" t="s">
        <v>2063</v>
      </c>
      <c r="M3011" s="72">
        <v>9153</v>
      </c>
      <c r="N3011" s="52"/>
      <c r="O3011" s="52"/>
      <c r="P3011" s="52"/>
      <c r="Q3011" s="52"/>
      <c r="R3011" s="52"/>
      <c r="S3011" s="52"/>
      <c r="T3011" s="52"/>
      <c r="U3011" s="52"/>
      <c r="V3011" s="52"/>
      <c r="W3011" s="52"/>
    </row>
    <row r="3012" spans="1:23" hidden="1" x14ac:dyDescent="0.35">
      <c r="A3012" s="52" t="s">
        <v>78</v>
      </c>
      <c r="B3012" s="52" t="s">
        <v>79</v>
      </c>
      <c r="C3012" s="3">
        <v>10</v>
      </c>
      <c r="D3012" s="52" t="s">
        <v>80</v>
      </c>
      <c r="E3012" s="52" t="s">
        <v>26</v>
      </c>
      <c r="F3012" s="52" t="s">
        <v>81</v>
      </c>
      <c r="G3012" s="52" t="s">
        <v>82</v>
      </c>
      <c r="H3012" s="4">
        <v>1</v>
      </c>
      <c r="I3012" s="2">
        <v>14.65</v>
      </c>
      <c r="J3012" s="52" t="s">
        <v>7654</v>
      </c>
      <c r="K3012" s="71" t="s">
        <v>7655</v>
      </c>
      <c r="L3012" s="52" t="s">
        <v>2063</v>
      </c>
      <c r="M3012" s="72">
        <v>172</v>
      </c>
      <c r="N3012" s="52" t="s">
        <v>2066</v>
      </c>
      <c r="O3012" s="52" t="s">
        <v>2067</v>
      </c>
      <c r="P3012" s="52"/>
      <c r="Q3012" s="52"/>
      <c r="R3012" s="52"/>
      <c r="S3012" s="52"/>
      <c r="T3012" s="52"/>
      <c r="U3012" s="52"/>
      <c r="V3012" s="52"/>
      <c r="W3012" s="52"/>
    </row>
    <row r="3013" spans="1:23" hidden="1" x14ac:dyDescent="0.35">
      <c r="A3013" s="52" t="s">
        <v>78</v>
      </c>
      <c r="B3013" s="52" t="s">
        <v>79</v>
      </c>
      <c r="C3013" s="3">
        <v>10</v>
      </c>
      <c r="D3013" s="52" t="s">
        <v>2021</v>
      </c>
      <c r="E3013" s="52" t="s">
        <v>26</v>
      </c>
      <c r="F3013" s="52" t="s">
        <v>81</v>
      </c>
      <c r="G3013" s="52" t="s">
        <v>82</v>
      </c>
      <c r="H3013" s="4">
        <v>1</v>
      </c>
      <c r="I3013" s="2">
        <v>14.65</v>
      </c>
      <c r="J3013" s="52" t="s">
        <v>7656</v>
      </c>
      <c r="K3013" s="71" t="s">
        <v>7657</v>
      </c>
      <c r="L3013" s="52" t="s">
        <v>2063</v>
      </c>
      <c r="M3013" s="72">
        <v>3522</v>
      </c>
      <c r="N3013" s="52"/>
      <c r="O3013" s="52"/>
      <c r="P3013" s="52"/>
      <c r="Q3013" s="52"/>
      <c r="R3013" s="52"/>
      <c r="S3013" s="52"/>
      <c r="T3013" s="52"/>
      <c r="U3013" s="52"/>
      <c r="V3013" s="52"/>
      <c r="W3013" s="52"/>
    </row>
    <row r="3014" spans="1:23" hidden="1" x14ac:dyDescent="0.35">
      <c r="A3014" s="52" t="s">
        <v>78</v>
      </c>
      <c r="B3014" s="52" t="s">
        <v>79</v>
      </c>
      <c r="C3014" s="3">
        <v>211</v>
      </c>
      <c r="D3014" s="52" t="s">
        <v>83</v>
      </c>
      <c r="E3014" s="52" t="s">
        <v>26</v>
      </c>
      <c r="F3014" s="52" t="s">
        <v>81</v>
      </c>
      <c r="G3014" s="52" t="s">
        <v>82</v>
      </c>
      <c r="H3014" s="4">
        <v>1</v>
      </c>
      <c r="I3014" s="2">
        <v>14.65</v>
      </c>
      <c r="J3014" s="52" t="s">
        <v>7658</v>
      </c>
      <c r="K3014" s="71" t="s">
        <v>7659</v>
      </c>
      <c r="L3014" s="52" t="s">
        <v>2063</v>
      </c>
      <c r="M3014" s="72">
        <v>6412</v>
      </c>
      <c r="N3014" s="52"/>
      <c r="O3014" s="52"/>
      <c r="P3014" s="52"/>
      <c r="Q3014" s="52"/>
      <c r="R3014" s="52"/>
      <c r="S3014" s="52"/>
      <c r="T3014" s="52"/>
      <c r="U3014" s="52"/>
      <c r="V3014" s="52"/>
      <c r="W3014" s="52"/>
    </row>
    <row r="3015" spans="1:23" hidden="1" x14ac:dyDescent="0.35">
      <c r="A3015" s="52" t="s">
        <v>78</v>
      </c>
      <c r="B3015" s="52" t="s">
        <v>79</v>
      </c>
      <c r="C3015" s="3">
        <v>20</v>
      </c>
      <c r="D3015" s="52" t="s">
        <v>2024</v>
      </c>
      <c r="E3015" s="52" t="s">
        <v>26</v>
      </c>
      <c r="F3015" s="52" t="s">
        <v>81</v>
      </c>
      <c r="G3015" s="52" t="s">
        <v>82</v>
      </c>
      <c r="H3015" s="4">
        <v>1</v>
      </c>
      <c r="I3015" s="2">
        <v>14.65</v>
      </c>
      <c r="J3015" s="52" t="s">
        <v>7660</v>
      </c>
      <c r="K3015" s="71" t="s">
        <v>7661</v>
      </c>
      <c r="L3015" s="52" t="s">
        <v>2063</v>
      </c>
      <c r="M3015" s="72">
        <v>480</v>
      </c>
      <c r="N3015" s="52" t="s">
        <v>2066</v>
      </c>
      <c r="O3015" s="52" t="s">
        <v>2067</v>
      </c>
      <c r="P3015" s="52"/>
      <c r="Q3015" s="52"/>
      <c r="R3015" s="52"/>
      <c r="S3015" s="52"/>
      <c r="T3015" s="52"/>
      <c r="U3015" s="52"/>
      <c r="V3015" s="52"/>
      <c r="W3015" s="52"/>
    </row>
    <row r="3016" spans="1:23" hidden="1" x14ac:dyDescent="0.35">
      <c r="A3016" s="52" t="s">
        <v>78</v>
      </c>
      <c r="B3016" s="52" t="s">
        <v>79</v>
      </c>
      <c r="C3016" s="3">
        <v>211</v>
      </c>
      <c r="D3016" s="52" t="s">
        <v>2024</v>
      </c>
      <c r="E3016" s="52" t="s">
        <v>26</v>
      </c>
      <c r="F3016" s="52" t="s">
        <v>81</v>
      </c>
      <c r="G3016" s="52" t="s">
        <v>82</v>
      </c>
      <c r="H3016" s="4">
        <v>1</v>
      </c>
      <c r="I3016" s="2">
        <v>14.65</v>
      </c>
      <c r="J3016" s="52" t="s">
        <v>7662</v>
      </c>
      <c r="K3016" s="71" t="s">
        <v>7663</v>
      </c>
      <c r="L3016" s="52" t="s">
        <v>2063</v>
      </c>
      <c r="M3016" s="72">
        <v>422</v>
      </c>
      <c r="N3016" s="52" t="s">
        <v>2154</v>
      </c>
      <c r="O3016" s="52" t="s">
        <v>2155</v>
      </c>
      <c r="P3016" s="52"/>
      <c r="Q3016" s="52"/>
      <c r="R3016" s="52"/>
      <c r="S3016" s="52"/>
      <c r="T3016" s="52"/>
      <c r="U3016" s="52"/>
      <c r="V3016" s="52"/>
      <c r="W3016" s="52"/>
    </row>
    <row r="3017" spans="1:23" hidden="1" x14ac:dyDescent="0.35">
      <c r="A3017" s="52" t="s">
        <v>78</v>
      </c>
      <c r="B3017" s="52" t="s">
        <v>79</v>
      </c>
      <c r="C3017" s="3">
        <v>211</v>
      </c>
      <c r="D3017" s="52" t="s">
        <v>80</v>
      </c>
      <c r="E3017" s="52" t="s">
        <v>26</v>
      </c>
      <c r="F3017" s="52" t="s">
        <v>81</v>
      </c>
      <c r="G3017" s="52" t="s">
        <v>82</v>
      </c>
      <c r="H3017" s="4">
        <v>1</v>
      </c>
      <c r="I3017" s="2">
        <v>14.65</v>
      </c>
      <c r="J3017" s="52" t="s">
        <v>7086</v>
      </c>
      <c r="K3017" s="71" t="s">
        <v>7664</v>
      </c>
      <c r="L3017" s="52" t="s">
        <v>2063</v>
      </c>
      <c r="M3017" s="72">
        <v>6783</v>
      </c>
      <c r="N3017" s="52" t="s">
        <v>2072</v>
      </c>
      <c r="O3017" s="52" t="s">
        <v>2073</v>
      </c>
      <c r="P3017" s="52"/>
      <c r="Q3017" s="52"/>
      <c r="R3017" s="52"/>
      <c r="S3017" s="52"/>
      <c r="T3017" s="52"/>
      <c r="U3017" s="52"/>
      <c r="V3017" s="52"/>
      <c r="W3017" s="52"/>
    </row>
    <row r="3018" spans="1:23" hidden="1" x14ac:dyDescent="0.35">
      <c r="A3018" s="52" t="s">
        <v>78</v>
      </c>
      <c r="B3018" s="52" t="s">
        <v>79</v>
      </c>
      <c r="C3018" s="3">
        <v>20</v>
      </c>
      <c r="D3018" s="52" t="s">
        <v>2019</v>
      </c>
      <c r="E3018" s="52" t="s">
        <v>26</v>
      </c>
      <c r="F3018" s="52" t="s">
        <v>81</v>
      </c>
      <c r="G3018" s="52" t="s">
        <v>82</v>
      </c>
      <c r="H3018" s="4">
        <v>1</v>
      </c>
      <c r="I3018" s="2">
        <v>14.65</v>
      </c>
      <c r="J3018" s="52" t="s">
        <v>7665</v>
      </c>
      <c r="K3018" s="71" t="s">
        <v>7666</v>
      </c>
      <c r="L3018" s="52" t="s">
        <v>2063</v>
      </c>
      <c r="M3018" s="72">
        <v>591</v>
      </c>
      <c r="N3018" s="52" t="s">
        <v>2066</v>
      </c>
      <c r="O3018" s="52" t="s">
        <v>2067</v>
      </c>
      <c r="P3018" s="52"/>
      <c r="Q3018" s="52"/>
      <c r="R3018" s="52"/>
      <c r="S3018" s="52"/>
      <c r="T3018" s="52"/>
      <c r="U3018" s="52"/>
      <c r="V3018" s="52"/>
      <c r="W3018" s="52"/>
    </row>
    <row r="3019" spans="1:23" hidden="1" x14ac:dyDescent="0.35">
      <c r="A3019" s="52" t="s">
        <v>78</v>
      </c>
      <c r="B3019" s="52" t="s">
        <v>79</v>
      </c>
      <c r="C3019" s="3">
        <v>20</v>
      </c>
      <c r="D3019" s="52" t="s">
        <v>2024</v>
      </c>
      <c r="E3019" s="52" t="s">
        <v>26</v>
      </c>
      <c r="F3019" s="52" t="s">
        <v>81</v>
      </c>
      <c r="G3019" s="52" t="s">
        <v>82</v>
      </c>
      <c r="H3019" s="4">
        <v>1</v>
      </c>
      <c r="I3019" s="2">
        <v>14.65</v>
      </c>
      <c r="J3019" s="52" t="s">
        <v>7667</v>
      </c>
      <c r="K3019" s="71" t="s">
        <v>7668</v>
      </c>
      <c r="L3019" s="52" t="s">
        <v>2063</v>
      </c>
      <c r="M3019" s="72">
        <v>6261</v>
      </c>
      <c r="N3019" s="52" t="s">
        <v>2072</v>
      </c>
      <c r="O3019" s="52" t="s">
        <v>2073</v>
      </c>
      <c r="P3019" s="52"/>
      <c r="Q3019" s="52"/>
      <c r="R3019" s="52"/>
      <c r="S3019" s="52"/>
      <c r="T3019" s="52"/>
      <c r="U3019" s="52"/>
      <c r="V3019" s="52"/>
      <c r="W3019" s="52"/>
    </row>
    <row r="3020" spans="1:23" hidden="1" x14ac:dyDescent="0.35">
      <c r="A3020" s="52" t="s">
        <v>78</v>
      </c>
      <c r="B3020" s="52" t="s">
        <v>79</v>
      </c>
      <c r="C3020" s="3">
        <v>20</v>
      </c>
      <c r="D3020" s="52" t="s">
        <v>2022</v>
      </c>
      <c r="E3020" s="52" t="s">
        <v>26</v>
      </c>
      <c r="F3020" s="52" t="s">
        <v>81</v>
      </c>
      <c r="G3020" s="52" t="s">
        <v>82</v>
      </c>
      <c r="H3020" s="4">
        <v>1</v>
      </c>
      <c r="I3020" s="2">
        <v>14.65</v>
      </c>
      <c r="J3020" s="52" t="s">
        <v>6964</v>
      </c>
      <c r="K3020" s="71" t="s">
        <v>7669</v>
      </c>
      <c r="L3020" s="52" t="s">
        <v>2063</v>
      </c>
      <c r="M3020" s="72">
        <v>4616</v>
      </c>
      <c r="N3020" s="52" t="s">
        <v>2072</v>
      </c>
      <c r="O3020" s="52" t="s">
        <v>2073</v>
      </c>
      <c r="P3020" s="52"/>
      <c r="Q3020" s="52"/>
      <c r="R3020" s="52"/>
      <c r="S3020" s="52"/>
      <c r="T3020" s="52"/>
      <c r="U3020" s="52"/>
      <c r="V3020" s="52"/>
      <c r="W3020" s="52"/>
    </row>
    <row r="3021" spans="1:23" hidden="1" x14ac:dyDescent="0.35">
      <c r="A3021" s="52" t="s">
        <v>78</v>
      </c>
      <c r="B3021" s="52" t="s">
        <v>79</v>
      </c>
      <c r="C3021" s="3">
        <v>10</v>
      </c>
      <c r="D3021" s="52" t="s">
        <v>2022</v>
      </c>
      <c r="E3021" s="52" t="s">
        <v>26</v>
      </c>
      <c r="F3021" s="52" t="s">
        <v>81</v>
      </c>
      <c r="G3021" s="52" t="s">
        <v>82</v>
      </c>
      <c r="H3021" s="4">
        <v>1</v>
      </c>
      <c r="I3021" s="2">
        <v>14.65</v>
      </c>
      <c r="J3021" s="52" t="s">
        <v>7670</v>
      </c>
      <c r="K3021" s="71" t="s">
        <v>7671</v>
      </c>
      <c r="L3021" s="52" t="s">
        <v>2063</v>
      </c>
      <c r="M3021" s="72">
        <v>3223</v>
      </c>
      <c r="N3021" s="52"/>
      <c r="O3021" s="52"/>
      <c r="P3021" s="52"/>
      <c r="Q3021" s="52"/>
      <c r="R3021" s="52"/>
      <c r="S3021" s="52"/>
      <c r="T3021" s="52"/>
      <c r="U3021" s="52"/>
      <c r="V3021" s="52"/>
      <c r="W3021" s="52"/>
    </row>
    <row r="3022" spans="1:23" hidden="1" x14ac:dyDescent="0.35">
      <c r="A3022" s="52" t="s">
        <v>78</v>
      </c>
      <c r="B3022" s="52" t="s">
        <v>79</v>
      </c>
      <c r="C3022" s="3">
        <v>20</v>
      </c>
      <c r="D3022" s="52" t="s">
        <v>2022</v>
      </c>
      <c r="E3022" s="52" t="s">
        <v>26</v>
      </c>
      <c r="F3022" s="52" t="s">
        <v>81</v>
      </c>
      <c r="G3022" s="52" t="s">
        <v>82</v>
      </c>
      <c r="H3022" s="4">
        <v>1</v>
      </c>
      <c r="I3022" s="2">
        <v>14.65</v>
      </c>
      <c r="J3022" s="52" t="s">
        <v>7672</v>
      </c>
      <c r="K3022" s="71" t="s">
        <v>7673</v>
      </c>
      <c r="L3022" s="52" t="s">
        <v>2063</v>
      </c>
      <c r="M3022" s="72">
        <v>9484</v>
      </c>
      <c r="N3022" s="52" t="s">
        <v>2072</v>
      </c>
      <c r="O3022" s="52" t="s">
        <v>2073</v>
      </c>
      <c r="P3022" s="52"/>
      <c r="Q3022" s="52"/>
      <c r="R3022" s="52"/>
      <c r="S3022" s="52"/>
      <c r="T3022" s="52"/>
      <c r="U3022" s="52"/>
      <c r="V3022" s="52"/>
      <c r="W3022" s="52"/>
    </row>
    <row r="3023" spans="1:23" hidden="1" x14ac:dyDescent="0.35">
      <c r="A3023" s="52" t="s">
        <v>78</v>
      </c>
      <c r="B3023" s="52" t="s">
        <v>79</v>
      </c>
      <c r="C3023" s="3">
        <v>20</v>
      </c>
      <c r="D3023" s="52" t="s">
        <v>87</v>
      </c>
      <c r="E3023" s="52" t="s">
        <v>26</v>
      </c>
      <c r="F3023" s="52" t="s">
        <v>81</v>
      </c>
      <c r="G3023" s="52" t="s">
        <v>82</v>
      </c>
      <c r="H3023" s="4">
        <v>1</v>
      </c>
      <c r="I3023" s="2">
        <v>14.65</v>
      </c>
      <c r="J3023" s="52" t="s">
        <v>7674</v>
      </c>
      <c r="K3023" s="71" t="s">
        <v>7675</v>
      </c>
      <c r="L3023" s="52" t="s">
        <v>2063</v>
      </c>
      <c r="M3023" s="72">
        <v>1317</v>
      </c>
      <c r="N3023" s="52" t="s">
        <v>2304</v>
      </c>
      <c r="O3023" s="52" t="s">
        <v>2305</v>
      </c>
      <c r="P3023" s="52"/>
      <c r="Q3023" s="52"/>
      <c r="R3023" s="52"/>
      <c r="S3023" s="52"/>
      <c r="T3023" s="52"/>
      <c r="U3023" s="52"/>
      <c r="V3023" s="52"/>
      <c r="W3023" s="52"/>
    </row>
    <row r="3024" spans="1:23" x14ac:dyDescent="0.35">
      <c r="A3024" s="52" t="s">
        <v>78</v>
      </c>
      <c r="B3024" s="52" t="s">
        <v>79</v>
      </c>
      <c r="C3024" s="3">
        <v>20</v>
      </c>
      <c r="D3024" s="52" t="s">
        <v>83</v>
      </c>
      <c r="E3024" s="52" t="s">
        <v>26</v>
      </c>
      <c r="F3024" s="52" t="s">
        <v>81</v>
      </c>
      <c r="G3024" s="52" t="s">
        <v>82</v>
      </c>
      <c r="H3024" s="4">
        <v>1</v>
      </c>
      <c r="I3024" s="2">
        <v>14.65</v>
      </c>
      <c r="J3024" s="52" t="s">
        <v>7676</v>
      </c>
      <c r="K3024" s="71" t="s">
        <v>7677</v>
      </c>
      <c r="L3024" s="52" t="s">
        <v>2063</v>
      </c>
      <c r="M3024" s="72">
        <v>4223</v>
      </c>
      <c r="N3024" s="52" t="s">
        <v>2259</v>
      </c>
      <c r="O3024" s="52" t="s">
        <v>2260</v>
      </c>
      <c r="P3024" s="52"/>
      <c r="Q3024" s="52"/>
      <c r="R3024" s="52"/>
      <c r="S3024" s="52"/>
      <c r="T3024" s="52"/>
      <c r="U3024" s="52"/>
      <c r="V3024" s="52"/>
      <c r="W3024" s="52"/>
    </row>
    <row r="3025" spans="1:23" hidden="1" x14ac:dyDescent="0.35">
      <c r="A3025" s="52" t="s">
        <v>78</v>
      </c>
      <c r="B3025" s="52" t="s">
        <v>79</v>
      </c>
      <c r="C3025" s="3">
        <v>20</v>
      </c>
      <c r="D3025" s="52" t="s">
        <v>85</v>
      </c>
      <c r="E3025" s="52" t="s">
        <v>26</v>
      </c>
      <c r="F3025" s="52" t="s">
        <v>81</v>
      </c>
      <c r="G3025" s="52" t="s">
        <v>82</v>
      </c>
      <c r="H3025" s="4">
        <v>1</v>
      </c>
      <c r="I3025" s="2">
        <v>14.65</v>
      </c>
      <c r="J3025" s="52" t="s">
        <v>7465</v>
      </c>
      <c r="K3025" s="71" t="s">
        <v>7678</v>
      </c>
      <c r="L3025" s="52" t="s">
        <v>2063</v>
      </c>
      <c r="M3025" s="72">
        <v>4495</v>
      </c>
      <c r="N3025" s="52"/>
      <c r="O3025" s="52"/>
      <c r="P3025" s="52"/>
      <c r="Q3025" s="52"/>
      <c r="R3025" s="52"/>
      <c r="S3025" s="52"/>
      <c r="T3025" s="52"/>
      <c r="U3025" s="52"/>
      <c r="V3025" s="52"/>
      <c r="W3025" s="52"/>
    </row>
    <row r="3026" spans="1:23" x14ac:dyDescent="0.35">
      <c r="A3026" s="52" t="s">
        <v>78</v>
      </c>
      <c r="B3026" s="52" t="s">
        <v>79</v>
      </c>
      <c r="C3026" s="3">
        <v>20</v>
      </c>
      <c r="D3026" s="52" t="s">
        <v>2022</v>
      </c>
      <c r="E3026" s="52" t="s">
        <v>26</v>
      </c>
      <c r="F3026" s="52" t="s">
        <v>81</v>
      </c>
      <c r="G3026" s="52" t="s">
        <v>82</v>
      </c>
      <c r="H3026" s="4">
        <v>1</v>
      </c>
      <c r="I3026" s="2">
        <v>14.65</v>
      </c>
      <c r="J3026" s="52" t="s">
        <v>7459</v>
      </c>
      <c r="K3026" s="71" t="s">
        <v>7679</v>
      </c>
      <c r="L3026" s="52" t="s">
        <v>2063</v>
      </c>
      <c r="M3026" s="72">
        <v>9540</v>
      </c>
      <c r="N3026" s="52" t="s">
        <v>2259</v>
      </c>
      <c r="O3026" s="52" t="s">
        <v>2260</v>
      </c>
      <c r="P3026" s="52"/>
      <c r="Q3026" s="52"/>
      <c r="R3026" s="52"/>
      <c r="S3026" s="52"/>
      <c r="T3026" s="52"/>
      <c r="U3026" s="52"/>
      <c r="V3026" s="52"/>
      <c r="W3026" s="52"/>
    </row>
    <row r="3027" spans="1:23" hidden="1" x14ac:dyDescent="0.35">
      <c r="A3027" s="52" t="s">
        <v>78</v>
      </c>
      <c r="B3027" s="52" t="s">
        <v>79</v>
      </c>
      <c r="C3027" s="3">
        <v>10</v>
      </c>
      <c r="D3027" s="52" t="s">
        <v>2022</v>
      </c>
      <c r="E3027" s="52" t="s">
        <v>26</v>
      </c>
      <c r="F3027" s="52" t="s">
        <v>81</v>
      </c>
      <c r="G3027" s="52" t="s">
        <v>82</v>
      </c>
      <c r="H3027" s="4">
        <v>1</v>
      </c>
      <c r="I3027" s="2">
        <v>14.65</v>
      </c>
      <c r="J3027" s="52" t="s">
        <v>7312</v>
      </c>
      <c r="K3027" s="71" t="s">
        <v>7680</v>
      </c>
      <c r="L3027" s="52" t="s">
        <v>2063</v>
      </c>
      <c r="M3027" s="72">
        <v>721</v>
      </c>
      <c r="N3027" s="52" t="s">
        <v>2066</v>
      </c>
      <c r="O3027" s="52" t="s">
        <v>2067</v>
      </c>
      <c r="P3027" s="52"/>
      <c r="Q3027" s="52"/>
      <c r="R3027" s="52"/>
      <c r="S3027" s="52"/>
      <c r="T3027" s="52"/>
      <c r="U3027" s="52"/>
      <c r="V3027" s="52"/>
      <c r="W3027" s="52"/>
    </row>
    <row r="3028" spans="1:23" x14ac:dyDescent="0.35">
      <c r="A3028" s="52" t="s">
        <v>78</v>
      </c>
      <c r="B3028" s="52" t="s">
        <v>79</v>
      </c>
      <c r="C3028" s="3">
        <v>20</v>
      </c>
      <c r="D3028" s="52" t="s">
        <v>2024</v>
      </c>
      <c r="E3028" s="52" t="s">
        <v>26</v>
      </c>
      <c r="F3028" s="52" t="s">
        <v>81</v>
      </c>
      <c r="G3028" s="52" t="s">
        <v>82</v>
      </c>
      <c r="H3028" s="4">
        <v>1</v>
      </c>
      <c r="I3028" s="2">
        <v>14.65</v>
      </c>
      <c r="J3028" s="52" t="s">
        <v>7681</v>
      </c>
      <c r="K3028" s="71" t="s">
        <v>7682</v>
      </c>
      <c r="L3028" s="52" t="s">
        <v>2095</v>
      </c>
      <c r="M3028" s="72">
        <v>2681</v>
      </c>
      <c r="N3028" s="52" t="s">
        <v>2259</v>
      </c>
      <c r="O3028" s="52" t="s">
        <v>2260</v>
      </c>
      <c r="P3028" s="52"/>
      <c r="Q3028" s="52"/>
      <c r="R3028" s="52"/>
      <c r="S3028" s="52"/>
      <c r="T3028" s="52"/>
      <c r="U3028" s="52"/>
      <c r="V3028" s="52"/>
      <c r="W3028" s="52"/>
    </row>
    <row r="3029" spans="1:23" hidden="1" x14ac:dyDescent="0.35">
      <c r="A3029" s="52" t="s">
        <v>78</v>
      </c>
      <c r="B3029" s="52" t="s">
        <v>79</v>
      </c>
      <c r="C3029" s="3">
        <v>20</v>
      </c>
      <c r="D3029" s="52" t="s">
        <v>86</v>
      </c>
      <c r="E3029" s="52" t="s">
        <v>26</v>
      </c>
      <c r="F3029" s="52" t="s">
        <v>81</v>
      </c>
      <c r="G3029" s="52" t="s">
        <v>82</v>
      </c>
      <c r="H3029" s="4">
        <v>1</v>
      </c>
      <c r="I3029" s="2">
        <v>14.65</v>
      </c>
      <c r="J3029" s="52" t="s">
        <v>7683</v>
      </c>
      <c r="K3029" s="71" t="s">
        <v>7684</v>
      </c>
      <c r="L3029" s="52" t="s">
        <v>2063</v>
      </c>
      <c r="M3029" s="72">
        <v>2562</v>
      </c>
      <c r="N3029" s="52" t="s">
        <v>2158</v>
      </c>
      <c r="O3029" s="52" t="s">
        <v>2159</v>
      </c>
      <c r="P3029" s="52"/>
      <c r="Q3029" s="52"/>
      <c r="R3029" s="52"/>
      <c r="S3029" s="52"/>
      <c r="T3029" s="52"/>
      <c r="U3029" s="52"/>
      <c r="V3029" s="52"/>
      <c r="W3029" s="52"/>
    </row>
    <row r="3030" spans="1:23" hidden="1" x14ac:dyDescent="0.35">
      <c r="A3030" s="52" t="s">
        <v>78</v>
      </c>
      <c r="B3030" s="52" t="s">
        <v>79</v>
      </c>
      <c r="C3030" s="3">
        <v>20</v>
      </c>
      <c r="D3030" s="52" t="s">
        <v>2021</v>
      </c>
      <c r="E3030" s="52" t="s">
        <v>26</v>
      </c>
      <c r="F3030" s="52" t="s">
        <v>81</v>
      </c>
      <c r="G3030" s="52" t="s">
        <v>82</v>
      </c>
      <c r="H3030" s="4">
        <v>1</v>
      </c>
      <c r="I3030" s="2">
        <v>14.65</v>
      </c>
      <c r="J3030" s="52" t="s">
        <v>7685</v>
      </c>
      <c r="K3030" s="71" t="s">
        <v>7686</v>
      </c>
      <c r="L3030" s="52" t="s">
        <v>2063</v>
      </c>
      <c r="M3030" s="72">
        <v>5704</v>
      </c>
      <c r="N3030" s="52" t="s">
        <v>2304</v>
      </c>
      <c r="O3030" s="52" t="s">
        <v>2305</v>
      </c>
      <c r="P3030" s="52"/>
      <c r="Q3030" s="52"/>
      <c r="R3030" s="52"/>
      <c r="S3030" s="52"/>
      <c r="T3030" s="52"/>
      <c r="U3030" s="52"/>
      <c r="V3030" s="52"/>
      <c r="W3030" s="52"/>
    </row>
    <row r="3031" spans="1:23" hidden="1" x14ac:dyDescent="0.35">
      <c r="A3031" s="52" t="s">
        <v>78</v>
      </c>
      <c r="B3031" s="52" t="s">
        <v>79</v>
      </c>
      <c r="C3031" s="3">
        <v>20</v>
      </c>
      <c r="D3031" s="52" t="s">
        <v>84</v>
      </c>
      <c r="E3031" s="52" t="s">
        <v>26</v>
      </c>
      <c r="F3031" s="52" t="s">
        <v>81</v>
      </c>
      <c r="G3031" s="52" t="s">
        <v>82</v>
      </c>
      <c r="H3031" s="4">
        <v>1</v>
      </c>
      <c r="I3031" s="2">
        <v>14.65</v>
      </c>
      <c r="J3031" s="52" t="s">
        <v>7687</v>
      </c>
      <c r="K3031" s="71" t="s">
        <v>7688</v>
      </c>
      <c r="L3031" s="52" t="s">
        <v>2063</v>
      </c>
      <c r="M3031" s="72">
        <v>3228</v>
      </c>
      <c r="N3031" s="52" t="s">
        <v>2072</v>
      </c>
      <c r="O3031" s="52" t="s">
        <v>2073</v>
      </c>
      <c r="P3031" s="52"/>
      <c r="Q3031" s="52"/>
      <c r="R3031" s="52"/>
      <c r="S3031" s="52"/>
      <c r="T3031" s="52"/>
      <c r="U3031" s="52"/>
      <c r="V3031" s="52"/>
      <c r="W3031" s="52"/>
    </row>
    <row r="3032" spans="1:23" hidden="1" x14ac:dyDescent="0.35">
      <c r="A3032" s="52" t="s">
        <v>78</v>
      </c>
      <c r="B3032" s="52" t="s">
        <v>79</v>
      </c>
      <c r="C3032" s="3">
        <v>212</v>
      </c>
      <c r="D3032" s="52" t="s">
        <v>2022</v>
      </c>
      <c r="E3032" s="52" t="s">
        <v>26</v>
      </c>
      <c r="F3032" s="52" t="s">
        <v>81</v>
      </c>
      <c r="G3032" s="52" t="s">
        <v>82</v>
      </c>
      <c r="H3032" s="4">
        <v>1</v>
      </c>
      <c r="I3032" s="2">
        <v>14.65</v>
      </c>
      <c r="J3032" s="52" t="s">
        <v>7689</v>
      </c>
      <c r="K3032" s="71" t="s">
        <v>7690</v>
      </c>
      <c r="L3032" s="52" t="s">
        <v>2063</v>
      </c>
      <c r="M3032" s="72">
        <v>5729</v>
      </c>
      <c r="N3032" s="52" t="s">
        <v>2066</v>
      </c>
      <c r="O3032" s="52" t="s">
        <v>2067</v>
      </c>
      <c r="P3032" s="52"/>
      <c r="Q3032" s="52"/>
      <c r="R3032" s="52"/>
      <c r="S3032" s="52"/>
      <c r="T3032" s="52"/>
      <c r="U3032" s="52"/>
      <c r="V3032" s="52"/>
      <c r="W3032" s="52"/>
    </row>
    <row r="3033" spans="1:23" hidden="1" x14ac:dyDescent="0.35">
      <c r="A3033" s="52" t="s">
        <v>78</v>
      </c>
      <c r="B3033" s="52" t="s">
        <v>79</v>
      </c>
      <c r="C3033" s="3">
        <v>20</v>
      </c>
      <c r="D3033" s="52" t="s">
        <v>83</v>
      </c>
      <c r="E3033" s="52" t="s">
        <v>26</v>
      </c>
      <c r="F3033" s="52" t="s">
        <v>81</v>
      </c>
      <c r="G3033" s="52" t="s">
        <v>82</v>
      </c>
      <c r="H3033" s="4">
        <v>1</v>
      </c>
      <c r="I3033" s="2">
        <v>14.65</v>
      </c>
      <c r="J3033" s="52" t="s">
        <v>7691</v>
      </c>
      <c r="K3033" s="71" t="s">
        <v>7692</v>
      </c>
      <c r="L3033" s="52" t="s">
        <v>2063</v>
      </c>
      <c r="M3033" s="72">
        <v>902</v>
      </c>
      <c r="N3033" s="52" t="s">
        <v>2158</v>
      </c>
      <c r="O3033" s="52" t="s">
        <v>2159</v>
      </c>
      <c r="P3033" s="52"/>
      <c r="Q3033" s="52"/>
      <c r="R3033" s="52"/>
      <c r="S3033" s="52"/>
      <c r="T3033" s="52"/>
      <c r="U3033" s="52"/>
      <c r="V3033" s="52"/>
      <c r="W3033" s="52"/>
    </row>
    <row r="3034" spans="1:23" hidden="1" x14ac:dyDescent="0.35">
      <c r="A3034" s="52" t="s">
        <v>78</v>
      </c>
      <c r="B3034" s="52" t="s">
        <v>79</v>
      </c>
      <c r="C3034" s="3">
        <v>20</v>
      </c>
      <c r="D3034" s="52" t="s">
        <v>83</v>
      </c>
      <c r="E3034" s="52" t="s">
        <v>26</v>
      </c>
      <c r="F3034" s="52" t="s">
        <v>81</v>
      </c>
      <c r="G3034" s="52" t="s">
        <v>82</v>
      </c>
      <c r="H3034" s="4">
        <v>1</v>
      </c>
      <c r="I3034" s="2">
        <v>14.65</v>
      </c>
      <c r="J3034" s="52" t="s">
        <v>7693</v>
      </c>
      <c r="K3034" s="71" t="s">
        <v>7694</v>
      </c>
      <c r="L3034" s="52" t="s">
        <v>2063</v>
      </c>
      <c r="M3034" s="72">
        <v>6611</v>
      </c>
      <c r="N3034" s="52" t="s">
        <v>2072</v>
      </c>
      <c r="O3034" s="52" t="s">
        <v>2073</v>
      </c>
      <c r="P3034" s="52"/>
      <c r="Q3034" s="52"/>
      <c r="R3034" s="52"/>
      <c r="S3034" s="52"/>
      <c r="T3034" s="52"/>
      <c r="U3034" s="52"/>
      <c r="V3034" s="52"/>
      <c r="W3034" s="52"/>
    </row>
    <row r="3035" spans="1:23" hidden="1" x14ac:dyDescent="0.35">
      <c r="A3035" s="52" t="s">
        <v>78</v>
      </c>
      <c r="B3035" s="52" t="s">
        <v>79</v>
      </c>
      <c r="C3035" s="3">
        <v>212</v>
      </c>
      <c r="D3035" s="52" t="s">
        <v>86</v>
      </c>
      <c r="E3035" s="52" t="s">
        <v>26</v>
      </c>
      <c r="F3035" s="52" t="s">
        <v>81</v>
      </c>
      <c r="G3035" s="52" t="s">
        <v>82</v>
      </c>
      <c r="H3035" s="4">
        <v>1</v>
      </c>
      <c r="I3035" s="2">
        <v>14.65</v>
      </c>
      <c r="J3035" s="52" t="s">
        <v>7695</v>
      </c>
      <c r="K3035" s="71" t="s">
        <v>7696</v>
      </c>
      <c r="L3035" s="52" t="s">
        <v>2063</v>
      </c>
      <c r="M3035" s="72">
        <v>1466</v>
      </c>
      <c r="N3035" s="52" t="s">
        <v>2072</v>
      </c>
      <c r="O3035" s="52" t="s">
        <v>2073</v>
      </c>
      <c r="P3035" s="52"/>
      <c r="Q3035" s="52"/>
      <c r="R3035" s="52"/>
      <c r="S3035" s="52"/>
      <c r="T3035" s="52"/>
      <c r="U3035" s="52"/>
      <c r="V3035" s="52"/>
      <c r="W3035" s="52"/>
    </row>
    <row r="3036" spans="1:23" x14ac:dyDescent="0.35">
      <c r="A3036" s="52" t="s">
        <v>78</v>
      </c>
      <c r="B3036" s="52" t="s">
        <v>79</v>
      </c>
      <c r="C3036" s="3">
        <v>20</v>
      </c>
      <c r="D3036" s="52" t="s">
        <v>2022</v>
      </c>
      <c r="E3036" s="52" t="s">
        <v>26</v>
      </c>
      <c r="F3036" s="52" t="s">
        <v>81</v>
      </c>
      <c r="G3036" s="52" t="s">
        <v>82</v>
      </c>
      <c r="H3036" s="4">
        <v>1</v>
      </c>
      <c r="I3036" s="2">
        <v>14.65</v>
      </c>
      <c r="J3036" s="52" t="s">
        <v>7697</v>
      </c>
      <c r="K3036" s="71" t="s">
        <v>7698</v>
      </c>
      <c r="L3036" s="52" t="s">
        <v>2063</v>
      </c>
      <c r="M3036" s="72">
        <v>3068</v>
      </c>
      <c r="N3036" s="52" t="s">
        <v>2076</v>
      </c>
      <c r="O3036" s="52" t="s">
        <v>2077</v>
      </c>
      <c r="P3036" s="52"/>
      <c r="Q3036" s="52"/>
      <c r="R3036" s="52"/>
      <c r="S3036" s="52"/>
      <c r="T3036" s="52"/>
      <c r="U3036" s="52"/>
      <c r="V3036" s="52"/>
      <c r="W3036" s="52"/>
    </row>
    <row r="3037" spans="1:23" hidden="1" x14ac:dyDescent="0.35">
      <c r="A3037" s="52" t="s">
        <v>78</v>
      </c>
      <c r="B3037" s="52" t="s">
        <v>79</v>
      </c>
      <c r="C3037" s="3">
        <v>20</v>
      </c>
      <c r="D3037" s="52" t="s">
        <v>83</v>
      </c>
      <c r="E3037" s="52" t="s">
        <v>26</v>
      </c>
      <c r="F3037" s="52" t="s">
        <v>81</v>
      </c>
      <c r="G3037" s="52" t="s">
        <v>82</v>
      </c>
      <c r="H3037" s="4">
        <v>1</v>
      </c>
      <c r="I3037" s="2">
        <v>14.65</v>
      </c>
      <c r="J3037" s="52" t="s">
        <v>7699</v>
      </c>
      <c r="K3037" s="71" t="s">
        <v>7700</v>
      </c>
      <c r="L3037" s="52" t="s">
        <v>2063</v>
      </c>
      <c r="M3037" s="72">
        <v>8946</v>
      </c>
      <c r="N3037" s="52" t="s">
        <v>2066</v>
      </c>
      <c r="O3037" s="52" t="s">
        <v>2067</v>
      </c>
      <c r="P3037" s="52"/>
      <c r="Q3037" s="52"/>
      <c r="R3037" s="52"/>
      <c r="S3037" s="52"/>
      <c r="T3037" s="52"/>
      <c r="U3037" s="52"/>
      <c r="V3037" s="52"/>
      <c r="W3037" s="52"/>
    </row>
    <row r="3038" spans="1:23" x14ac:dyDescent="0.35">
      <c r="A3038" s="52" t="s">
        <v>78</v>
      </c>
      <c r="B3038" s="52" t="s">
        <v>79</v>
      </c>
      <c r="C3038" s="3">
        <v>20</v>
      </c>
      <c r="D3038" s="52" t="s">
        <v>2022</v>
      </c>
      <c r="E3038" s="52" t="s">
        <v>26</v>
      </c>
      <c r="F3038" s="52" t="s">
        <v>81</v>
      </c>
      <c r="G3038" s="52" t="s">
        <v>82</v>
      </c>
      <c r="H3038" s="4">
        <v>1</v>
      </c>
      <c r="I3038" s="2">
        <v>14.65</v>
      </c>
      <c r="J3038" s="52" t="s">
        <v>7701</v>
      </c>
      <c r="K3038" s="71" t="s">
        <v>7702</v>
      </c>
      <c r="L3038" s="52" t="s">
        <v>2063</v>
      </c>
      <c r="M3038" s="72">
        <v>2621</v>
      </c>
      <c r="N3038" s="52" t="s">
        <v>2259</v>
      </c>
      <c r="O3038" s="52" t="s">
        <v>2260</v>
      </c>
      <c r="P3038" s="52"/>
      <c r="Q3038" s="52"/>
      <c r="R3038" s="52"/>
      <c r="S3038" s="52"/>
      <c r="T3038" s="52"/>
      <c r="U3038" s="52"/>
      <c r="V3038" s="52"/>
      <c r="W3038" s="52"/>
    </row>
    <row r="3039" spans="1:23" hidden="1" x14ac:dyDescent="0.35">
      <c r="A3039" s="52" t="s">
        <v>78</v>
      </c>
      <c r="B3039" s="52" t="s">
        <v>79</v>
      </c>
      <c r="C3039" s="3">
        <v>20</v>
      </c>
      <c r="D3039" s="52" t="s">
        <v>2019</v>
      </c>
      <c r="E3039" s="52" t="s">
        <v>26</v>
      </c>
      <c r="F3039" s="52" t="s">
        <v>81</v>
      </c>
      <c r="G3039" s="52" t="s">
        <v>82</v>
      </c>
      <c r="H3039" s="4">
        <v>1</v>
      </c>
      <c r="I3039" s="2">
        <v>14.65</v>
      </c>
      <c r="J3039" s="52" t="s">
        <v>7703</v>
      </c>
      <c r="K3039" s="71" t="s">
        <v>7704</v>
      </c>
      <c r="L3039" s="52" t="s">
        <v>2063</v>
      </c>
      <c r="M3039" s="72">
        <v>2321</v>
      </c>
      <c r="N3039" s="52"/>
      <c r="O3039" s="52"/>
      <c r="P3039" s="52"/>
      <c r="Q3039" s="52"/>
      <c r="R3039" s="52"/>
      <c r="S3039" s="52"/>
      <c r="T3039" s="52"/>
      <c r="U3039" s="52"/>
      <c r="V3039" s="52"/>
      <c r="W3039" s="52"/>
    </row>
    <row r="3040" spans="1:23" hidden="1" x14ac:dyDescent="0.35">
      <c r="A3040" s="52" t="s">
        <v>78</v>
      </c>
      <c r="B3040" s="52" t="s">
        <v>79</v>
      </c>
      <c r="C3040" s="3">
        <v>20</v>
      </c>
      <c r="D3040" s="52" t="s">
        <v>80</v>
      </c>
      <c r="E3040" s="52" t="s">
        <v>26</v>
      </c>
      <c r="F3040" s="52" t="s">
        <v>81</v>
      </c>
      <c r="G3040" s="52" t="s">
        <v>82</v>
      </c>
      <c r="H3040" s="4">
        <v>1</v>
      </c>
      <c r="I3040" s="2">
        <v>14.65</v>
      </c>
      <c r="J3040" s="52" t="s">
        <v>7705</v>
      </c>
      <c r="K3040" s="71" t="s">
        <v>7706</v>
      </c>
      <c r="L3040" s="52" t="s">
        <v>2063</v>
      </c>
      <c r="M3040" s="72">
        <v>8085</v>
      </c>
      <c r="N3040" s="52"/>
      <c r="O3040" s="52"/>
      <c r="P3040" s="52"/>
      <c r="Q3040" s="52"/>
      <c r="R3040" s="52"/>
      <c r="S3040" s="52"/>
      <c r="T3040" s="52"/>
      <c r="U3040" s="52"/>
      <c r="V3040" s="52"/>
      <c r="W3040" s="52"/>
    </row>
    <row r="3041" spans="1:23" hidden="1" x14ac:dyDescent="0.35">
      <c r="A3041" s="52" t="s">
        <v>78</v>
      </c>
      <c r="B3041" s="52" t="s">
        <v>79</v>
      </c>
      <c r="C3041" s="3">
        <v>20</v>
      </c>
      <c r="D3041" s="52" t="s">
        <v>2019</v>
      </c>
      <c r="E3041" s="52" t="s">
        <v>26</v>
      </c>
      <c r="F3041" s="52" t="s">
        <v>81</v>
      </c>
      <c r="G3041" s="52" t="s">
        <v>82</v>
      </c>
      <c r="H3041" s="4">
        <v>1</v>
      </c>
      <c r="I3041" s="2">
        <v>14.65</v>
      </c>
      <c r="J3041" s="52" t="s">
        <v>7707</v>
      </c>
      <c r="K3041" s="71" t="s">
        <v>7708</v>
      </c>
      <c r="L3041" s="52" t="s">
        <v>2063</v>
      </c>
      <c r="M3041" s="72">
        <v>1952</v>
      </c>
      <c r="N3041" s="52"/>
      <c r="O3041" s="52"/>
      <c r="P3041" s="52"/>
      <c r="Q3041" s="52"/>
      <c r="R3041" s="52"/>
      <c r="S3041" s="52"/>
      <c r="T3041" s="52"/>
      <c r="U3041" s="52"/>
      <c r="V3041" s="52"/>
      <c r="W3041" s="52"/>
    </row>
    <row r="3042" spans="1:23" hidden="1" x14ac:dyDescent="0.35">
      <c r="A3042" s="52" t="s">
        <v>78</v>
      </c>
      <c r="B3042" s="52" t="s">
        <v>79</v>
      </c>
      <c r="C3042" s="3">
        <v>10</v>
      </c>
      <c r="D3042" s="52" t="s">
        <v>85</v>
      </c>
      <c r="E3042" s="52" t="s">
        <v>26</v>
      </c>
      <c r="F3042" s="52" t="s">
        <v>81</v>
      </c>
      <c r="G3042" s="52" t="s">
        <v>82</v>
      </c>
      <c r="H3042" s="4">
        <v>1</v>
      </c>
      <c r="I3042" s="2">
        <v>14.65</v>
      </c>
      <c r="J3042" s="52" t="s">
        <v>7709</v>
      </c>
      <c r="K3042" s="71" t="s">
        <v>7710</v>
      </c>
      <c r="L3042" s="52" t="s">
        <v>2063</v>
      </c>
      <c r="M3042" s="72">
        <v>9550</v>
      </c>
      <c r="N3042" s="52" t="s">
        <v>2066</v>
      </c>
      <c r="O3042" s="52" t="s">
        <v>2067</v>
      </c>
      <c r="P3042" s="52"/>
      <c r="Q3042" s="52"/>
      <c r="R3042" s="52"/>
      <c r="S3042" s="52"/>
      <c r="T3042" s="52"/>
      <c r="U3042" s="52"/>
      <c r="V3042" s="52"/>
      <c r="W3042" s="52"/>
    </row>
    <row r="3043" spans="1:23" x14ac:dyDescent="0.35">
      <c r="A3043" s="52" t="s">
        <v>78</v>
      </c>
      <c r="B3043" s="52" t="s">
        <v>79</v>
      </c>
      <c r="C3043" s="3">
        <v>211</v>
      </c>
      <c r="D3043" s="52" t="s">
        <v>87</v>
      </c>
      <c r="E3043" s="52" t="s">
        <v>26</v>
      </c>
      <c r="F3043" s="52" t="s">
        <v>81</v>
      </c>
      <c r="G3043" s="52" t="s">
        <v>82</v>
      </c>
      <c r="H3043" s="4">
        <v>1</v>
      </c>
      <c r="I3043" s="2">
        <v>14.65</v>
      </c>
      <c r="J3043" s="52" t="s">
        <v>7711</v>
      </c>
      <c r="K3043" s="71" t="s">
        <v>7712</v>
      </c>
      <c r="L3043" s="52" t="s">
        <v>2063</v>
      </c>
      <c r="M3043" s="72">
        <v>3656</v>
      </c>
      <c r="N3043" s="52" t="s">
        <v>2259</v>
      </c>
      <c r="O3043" s="52" t="s">
        <v>2260</v>
      </c>
      <c r="P3043" s="52"/>
      <c r="Q3043" s="52"/>
      <c r="R3043" s="52"/>
      <c r="S3043" s="52"/>
      <c r="T3043" s="52"/>
      <c r="U3043" s="52"/>
      <c r="V3043" s="52"/>
      <c r="W3043" s="52"/>
    </row>
    <row r="3044" spans="1:23" hidden="1" x14ac:dyDescent="0.35">
      <c r="A3044" s="52" t="s">
        <v>78</v>
      </c>
      <c r="B3044" s="52" t="s">
        <v>79</v>
      </c>
      <c r="C3044" s="3">
        <v>20</v>
      </c>
      <c r="D3044" s="52" t="s">
        <v>83</v>
      </c>
      <c r="E3044" s="52" t="s">
        <v>26</v>
      </c>
      <c r="F3044" s="52" t="s">
        <v>81</v>
      </c>
      <c r="G3044" s="52" t="s">
        <v>82</v>
      </c>
      <c r="H3044" s="4">
        <v>1</v>
      </c>
      <c r="I3044" s="2">
        <v>14.65</v>
      </c>
      <c r="J3044" s="52" t="s">
        <v>7581</v>
      </c>
      <c r="K3044" s="71" t="s">
        <v>7713</v>
      </c>
      <c r="L3044" s="52" t="s">
        <v>2063</v>
      </c>
      <c r="M3044" s="72">
        <v>5715</v>
      </c>
      <c r="N3044" s="52" t="s">
        <v>2072</v>
      </c>
      <c r="O3044" s="52" t="s">
        <v>2073</v>
      </c>
      <c r="P3044" s="52"/>
      <c r="Q3044" s="52"/>
      <c r="R3044" s="52"/>
      <c r="S3044" s="52"/>
      <c r="T3044" s="52"/>
      <c r="U3044" s="52"/>
      <c r="V3044" s="52"/>
      <c r="W3044" s="52"/>
    </row>
    <row r="3045" spans="1:23" hidden="1" x14ac:dyDescent="0.35">
      <c r="A3045" s="52" t="s">
        <v>78</v>
      </c>
      <c r="B3045" s="52" t="s">
        <v>79</v>
      </c>
      <c r="C3045" s="3">
        <v>20</v>
      </c>
      <c r="D3045" s="52" t="s">
        <v>2022</v>
      </c>
      <c r="E3045" s="52" t="s">
        <v>26</v>
      </c>
      <c r="F3045" s="52" t="s">
        <v>81</v>
      </c>
      <c r="G3045" s="52" t="s">
        <v>82</v>
      </c>
      <c r="H3045" s="4">
        <v>1</v>
      </c>
      <c r="I3045" s="2">
        <v>14.65</v>
      </c>
      <c r="J3045" s="52" t="s">
        <v>6053</v>
      </c>
      <c r="K3045" s="71" t="s">
        <v>7714</v>
      </c>
      <c r="L3045" s="52" t="s">
        <v>2063</v>
      </c>
      <c r="M3045" s="72">
        <v>4583</v>
      </c>
      <c r="N3045" s="52" t="s">
        <v>2072</v>
      </c>
      <c r="O3045" s="52" t="s">
        <v>2073</v>
      </c>
      <c r="P3045" s="52"/>
      <c r="Q3045" s="52"/>
      <c r="R3045" s="52"/>
      <c r="S3045" s="52"/>
      <c r="T3045" s="52"/>
      <c r="U3045" s="52"/>
      <c r="V3045" s="52"/>
      <c r="W3045" s="52"/>
    </row>
    <row r="3046" spans="1:23" hidden="1" x14ac:dyDescent="0.35">
      <c r="A3046" s="52" t="s">
        <v>78</v>
      </c>
      <c r="B3046" s="52" t="s">
        <v>79</v>
      </c>
      <c r="C3046" s="3">
        <v>20</v>
      </c>
      <c r="D3046" s="52" t="s">
        <v>2022</v>
      </c>
      <c r="E3046" s="52" t="s">
        <v>26</v>
      </c>
      <c r="F3046" s="52" t="s">
        <v>81</v>
      </c>
      <c r="G3046" s="52" t="s">
        <v>82</v>
      </c>
      <c r="H3046" s="4">
        <v>1</v>
      </c>
      <c r="I3046" s="2">
        <v>14.65</v>
      </c>
      <c r="J3046" s="52" t="s">
        <v>7715</v>
      </c>
      <c r="K3046" s="71" t="s">
        <v>7716</v>
      </c>
      <c r="L3046" s="52" t="s">
        <v>2063</v>
      </c>
      <c r="M3046" s="72">
        <v>2070</v>
      </c>
      <c r="N3046" s="52" t="s">
        <v>2072</v>
      </c>
      <c r="O3046" s="52" t="s">
        <v>2073</v>
      </c>
      <c r="P3046" s="52"/>
      <c r="Q3046" s="52"/>
      <c r="R3046" s="52"/>
      <c r="S3046" s="52"/>
      <c r="T3046" s="52"/>
      <c r="U3046" s="52"/>
      <c r="V3046" s="52"/>
      <c r="W3046" s="52"/>
    </row>
    <row r="3047" spans="1:23" hidden="1" x14ac:dyDescent="0.35">
      <c r="A3047" s="52" t="s">
        <v>78</v>
      </c>
      <c r="B3047" s="52" t="s">
        <v>79</v>
      </c>
      <c r="C3047" s="3">
        <v>10</v>
      </c>
      <c r="D3047" s="52" t="s">
        <v>86</v>
      </c>
      <c r="E3047" s="52" t="s">
        <v>26</v>
      </c>
      <c r="F3047" s="52" t="s">
        <v>81</v>
      </c>
      <c r="G3047" s="52" t="s">
        <v>82</v>
      </c>
      <c r="H3047" s="4">
        <v>1</v>
      </c>
      <c r="I3047" s="2">
        <v>14.65</v>
      </c>
      <c r="J3047" s="52" t="s">
        <v>7717</v>
      </c>
      <c r="K3047" s="71" t="s">
        <v>7718</v>
      </c>
      <c r="L3047" s="52" t="s">
        <v>2063</v>
      </c>
      <c r="M3047" s="72">
        <v>4502</v>
      </c>
      <c r="N3047" s="52" t="s">
        <v>2195</v>
      </c>
      <c r="O3047" s="52" t="s">
        <v>2196</v>
      </c>
      <c r="P3047" s="52"/>
      <c r="Q3047" s="52"/>
      <c r="R3047" s="52"/>
      <c r="S3047" s="52"/>
      <c r="T3047" s="52"/>
      <c r="U3047" s="52"/>
      <c r="V3047" s="52"/>
      <c r="W3047" s="52"/>
    </row>
    <row r="3048" spans="1:23" hidden="1" x14ac:dyDescent="0.35">
      <c r="A3048" s="52" t="s">
        <v>78</v>
      </c>
      <c r="B3048" s="52" t="s">
        <v>79</v>
      </c>
      <c r="C3048" s="3">
        <v>10</v>
      </c>
      <c r="D3048" s="52" t="s">
        <v>2022</v>
      </c>
      <c r="E3048" s="52" t="s">
        <v>26</v>
      </c>
      <c r="F3048" s="52" t="s">
        <v>81</v>
      </c>
      <c r="G3048" s="52" t="s">
        <v>82</v>
      </c>
      <c r="H3048" s="4">
        <v>1</v>
      </c>
      <c r="I3048" s="2">
        <v>14.65</v>
      </c>
      <c r="J3048" s="52" t="s">
        <v>7719</v>
      </c>
      <c r="K3048" s="71" t="s">
        <v>7720</v>
      </c>
      <c r="L3048" s="52" t="s">
        <v>2063</v>
      </c>
      <c r="M3048" s="72">
        <v>7402</v>
      </c>
      <c r="N3048" s="52"/>
      <c r="O3048" s="52"/>
      <c r="P3048" s="52"/>
      <c r="Q3048" s="52"/>
      <c r="R3048" s="52"/>
      <c r="S3048" s="52"/>
      <c r="T3048" s="52"/>
      <c r="U3048" s="52"/>
      <c r="V3048" s="52"/>
      <c r="W3048" s="52"/>
    </row>
    <row r="3049" spans="1:23" hidden="1" x14ac:dyDescent="0.35">
      <c r="A3049" s="52" t="s">
        <v>78</v>
      </c>
      <c r="B3049" s="52" t="s">
        <v>79</v>
      </c>
      <c r="C3049" s="3">
        <v>10</v>
      </c>
      <c r="D3049" s="52" t="s">
        <v>83</v>
      </c>
      <c r="E3049" s="52" t="s">
        <v>26</v>
      </c>
      <c r="F3049" s="52" t="s">
        <v>81</v>
      </c>
      <c r="G3049" s="52" t="s">
        <v>82</v>
      </c>
      <c r="H3049" s="4">
        <v>1</v>
      </c>
      <c r="I3049" s="2">
        <v>14.65</v>
      </c>
      <c r="J3049" s="52" t="s">
        <v>7721</v>
      </c>
      <c r="K3049" s="71" t="s">
        <v>7722</v>
      </c>
      <c r="L3049" s="52" t="s">
        <v>2063</v>
      </c>
      <c r="M3049" s="72">
        <v>2616</v>
      </c>
      <c r="N3049" s="52" t="s">
        <v>2066</v>
      </c>
      <c r="O3049" s="52" t="s">
        <v>2067</v>
      </c>
      <c r="P3049" s="52"/>
      <c r="Q3049" s="52"/>
      <c r="R3049" s="52"/>
      <c r="S3049" s="52"/>
      <c r="T3049" s="52"/>
      <c r="U3049" s="52"/>
      <c r="V3049" s="52"/>
      <c r="W3049" s="52"/>
    </row>
    <row r="3050" spans="1:23" hidden="1" x14ac:dyDescent="0.35">
      <c r="A3050" s="52" t="s">
        <v>78</v>
      </c>
      <c r="B3050" s="52" t="s">
        <v>79</v>
      </c>
      <c r="C3050" s="3">
        <v>20</v>
      </c>
      <c r="D3050" s="52" t="s">
        <v>87</v>
      </c>
      <c r="E3050" s="52" t="s">
        <v>26</v>
      </c>
      <c r="F3050" s="52" t="s">
        <v>81</v>
      </c>
      <c r="G3050" s="52" t="s">
        <v>82</v>
      </c>
      <c r="H3050" s="4">
        <v>1</v>
      </c>
      <c r="I3050" s="2">
        <v>14.65</v>
      </c>
      <c r="J3050" s="52" t="s">
        <v>7723</v>
      </c>
      <c r="K3050" s="71" t="s">
        <v>7724</v>
      </c>
      <c r="L3050" s="52" t="s">
        <v>2095</v>
      </c>
      <c r="M3050" s="72">
        <v>1045</v>
      </c>
      <c r="N3050" s="52" t="s">
        <v>2072</v>
      </c>
      <c r="O3050" s="52" t="s">
        <v>2073</v>
      </c>
      <c r="P3050" s="52"/>
      <c r="Q3050" s="52"/>
      <c r="R3050" s="52"/>
      <c r="S3050" s="52"/>
      <c r="T3050" s="52"/>
      <c r="U3050" s="52"/>
      <c r="V3050" s="52"/>
      <c r="W3050" s="52"/>
    </row>
    <row r="3051" spans="1:23" hidden="1" x14ac:dyDescent="0.35">
      <c r="A3051" s="52" t="s">
        <v>78</v>
      </c>
      <c r="B3051" s="52" t="s">
        <v>79</v>
      </c>
      <c r="C3051" s="3">
        <v>10</v>
      </c>
      <c r="D3051" s="52" t="s">
        <v>86</v>
      </c>
      <c r="E3051" s="52" t="s">
        <v>26</v>
      </c>
      <c r="F3051" s="52" t="s">
        <v>81</v>
      </c>
      <c r="G3051" s="52" t="s">
        <v>82</v>
      </c>
      <c r="H3051" s="4">
        <v>1</v>
      </c>
      <c r="I3051" s="2">
        <v>14.65</v>
      </c>
      <c r="J3051" s="52" t="s">
        <v>7095</v>
      </c>
      <c r="K3051" s="71" t="s">
        <v>7725</v>
      </c>
      <c r="L3051" s="52" t="s">
        <v>2063</v>
      </c>
      <c r="M3051" s="72">
        <v>6774</v>
      </c>
      <c r="N3051" s="52" t="s">
        <v>2072</v>
      </c>
      <c r="O3051" s="52" t="s">
        <v>2073</v>
      </c>
      <c r="P3051" s="52"/>
      <c r="Q3051" s="52"/>
      <c r="R3051" s="52"/>
      <c r="S3051" s="52"/>
      <c r="T3051" s="52"/>
      <c r="U3051" s="52"/>
      <c r="V3051" s="52"/>
      <c r="W3051" s="52"/>
    </row>
    <row r="3052" spans="1:23" hidden="1" x14ac:dyDescent="0.35">
      <c r="A3052" s="52" t="s">
        <v>78</v>
      </c>
      <c r="B3052" s="52" t="s">
        <v>79</v>
      </c>
      <c r="C3052" s="3">
        <v>10</v>
      </c>
      <c r="D3052" s="52" t="s">
        <v>2019</v>
      </c>
      <c r="E3052" s="52" t="s">
        <v>26</v>
      </c>
      <c r="F3052" s="52" t="s">
        <v>81</v>
      </c>
      <c r="G3052" s="52" t="s">
        <v>82</v>
      </c>
      <c r="H3052" s="4">
        <v>1</v>
      </c>
      <c r="I3052" s="2">
        <v>14.65</v>
      </c>
      <c r="J3052" s="52" t="s">
        <v>7726</v>
      </c>
      <c r="K3052" s="71" t="s">
        <v>7727</v>
      </c>
      <c r="L3052" s="52" t="s">
        <v>2063</v>
      </c>
      <c r="M3052" s="72">
        <v>2118</v>
      </c>
      <c r="N3052" s="52" t="s">
        <v>2072</v>
      </c>
      <c r="O3052" s="52" t="s">
        <v>2073</v>
      </c>
      <c r="P3052" s="52"/>
      <c r="Q3052" s="52"/>
      <c r="R3052" s="52"/>
      <c r="S3052" s="52"/>
      <c r="T3052" s="52"/>
      <c r="U3052" s="52"/>
      <c r="V3052" s="52"/>
      <c r="W3052" s="52"/>
    </row>
    <row r="3053" spans="1:23" hidden="1" x14ac:dyDescent="0.35">
      <c r="A3053" s="52" t="s">
        <v>78</v>
      </c>
      <c r="B3053" s="52" t="s">
        <v>79</v>
      </c>
      <c r="C3053" s="3">
        <v>10</v>
      </c>
      <c r="D3053" s="52" t="s">
        <v>84</v>
      </c>
      <c r="E3053" s="52" t="s">
        <v>26</v>
      </c>
      <c r="F3053" s="52" t="s">
        <v>81</v>
      </c>
      <c r="G3053" s="52" t="s">
        <v>82</v>
      </c>
      <c r="H3053" s="4">
        <v>1</v>
      </c>
      <c r="I3053" s="2">
        <v>14.65</v>
      </c>
      <c r="J3053" s="52" t="s">
        <v>7728</v>
      </c>
      <c r="K3053" s="71" t="s">
        <v>7729</v>
      </c>
      <c r="L3053" s="52" t="s">
        <v>2063</v>
      </c>
      <c r="M3053" s="72">
        <v>7945</v>
      </c>
      <c r="N3053" s="52"/>
      <c r="O3053" s="52"/>
      <c r="P3053" s="52"/>
      <c r="Q3053" s="52"/>
      <c r="R3053" s="52"/>
      <c r="S3053" s="52"/>
      <c r="T3053" s="52"/>
      <c r="U3053" s="52"/>
      <c r="V3053" s="52"/>
      <c r="W3053" s="52"/>
    </row>
    <row r="3054" spans="1:23" x14ac:dyDescent="0.35">
      <c r="A3054" s="52" t="s">
        <v>78</v>
      </c>
      <c r="B3054" s="52" t="s">
        <v>79</v>
      </c>
      <c r="C3054" s="3">
        <v>0</v>
      </c>
      <c r="D3054" s="52" t="s">
        <v>2020</v>
      </c>
      <c r="E3054" s="52" t="s">
        <v>26</v>
      </c>
      <c r="F3054" s="52" t="s">
        <v>81</v>
      </c>
      <c r="G3054" s="52" t="s">
        <v>82</v>
      </c>
      <c r="H3054" s="4">
        <v>1</v>
      </c>
      <c r="I3054" s="2">
        <v>14.65</v>
      </c>
      <c r="J3054" s="52" t="s">
        <v>7730</v>
      </c>
      <c r="K3054" s="71" t="s">
        <v>7731</v>
      </c>
      <c r="L3054" s="52" t="s">
        <v>2063</v>
      </c>
      <c r="M3054" s="72">
        <v>6695</v>
      </c>
      <c r="N3054" s="52" t="s">
        <v>2259</v>
      </c>
      <c r="O3054" s="52" t="s">
        <v>2260</v>
      </c>
      <c r="P3054" s="52"/>
      <c r="Q3054" s="52"/>
      <c r="R3054" s="52"/>
      <c r="S3054" s="52"/>
      <c r="T3054" s="52"/>
      <c r="U3054" s="52"/>
      <c r="V3054" s="52"/>
      <c r="W3054" s="52"/>
    </row>
    <row r="3055" spans="1:23" hidden="1" x14ac:dyDescent="0.35">
      <c r="A3055" s="52" t="s">
        <v>78</v>
      </c>
      <c r="B3055" s="52" t="s">
        <v>79</v>
      </c>
      <c r="C3055" s="3">
        <v>10</v>
      </c>
      <c r="D3055" s="52" t="s">
        <v>83</v>
      </c>
      <c r="E3055" s="52" t="s">
        <v>26</v>
      </c>
      <c r="F3055" s="52" t="s">
        <v>81</v>
      </c>
      <c r="G3055" s="52" t="s">
        <v>82</v>
      </c>
      <c r="H3055" s="4">
        <v>1</v>
      </c>
      <c r="I3055" s="2">
        <v>14.65</v>
      </c>
      <c r="J3055" s="52" t="s">
        <v>7046</v>
      </c>
      <c r="K3055" s="71" t="s">
        <v>7732</v>
      </c>
      <c r="L3055" s="52" t="s">
        <v>2063</v>
      </c>
      <c r="M3055" s="72">
        <v>2775</v>
      </c>
      <c r="N3055" s="52" t="s">
        <v>2066</v>
      </c>
      <c r="O3055" s="52" t="s">
        <v>2067</v>
      </c>
      <c r="P3055" s="52"/>
      <c r="Q3055" s="52"/>
      <c r="R3055" s="52"/>
      <c r="S3055" s="52"/>
      <c r="T3055" s="52"/>
      <c r="U3055" s="52"/>
      <c r="V3055" s="52"/>
      <c r="W3055" s="52"/>
    </row>
    <row r="3056" spans="1:23" hidden="1" x14ac:dyDescent="0.35">
      <c r="A3056" s="52" t="s">
        <v>78</v>
      </c>
      <c r="B3056" s="52" t="s">
        <v>79</v>
      </c>
      <c r="C3056" s="3">
        <v>20</v>
      </c>
      <c r="D3056" s="52" t="s">
        <v>2020</v>
      </c>
      <c r="E3056" s="52" t="s">
        <v>26</v>
      </c>
      <c r="F3056" s="52" t="s">
        <v>81</v>
      </c>
      <c r="G3056" s="52" t="s">
        <v>82</v>
      </c>
      <c r="H3056" s="4">
        <v>1</v>
      </c>
      <c r="I3056" s="2">
        <v>14.65</v>
      </c>
      <c r="J3056" s="52" t="s">
        <v>7733</v>
      </c>
      <c r="K3056" s="71" t="s">
        <v>7734</v>
      </c>
      <c r="L3056" s="52" t="s">
        <v>2063</v>
      </c>
      <c r="M3056" s="72">
        <v>6987</v>
      </c>
      <c r="N3056" s="52" t="s">
        <v>2066</v>
      </c>
      <c r="O3056" s="52" t="s">
        <v>2067</v>
      </c>
      <c r="P3056" s="52"/>
      <c r="Q3056" s="52"/>
      <c r="R3056" s="52"/>
      <c r="S3056" s="52"/>
      <c r="T3056" s="52"/>
      <c r="U3056" s="52"/>
      <c r="V3056" s="52"/>
      <c r="W3056" s="52"/>
    </row>
    <row r="3057" spans="1:23" hidden="1" x14ac:dyDescent="0.35">
      <c r="A3057" s="52" t="s">
        <v>78</v>
      </c>
      <c r="B3057" s="52" t="s">
        <v>79</v>
      </c>
      <c r="C3057" s="3">
        <v>10</v>
      </c>
      <c r="D3057" s="52" t="s">
        <v>87</v>
      </c>
      <c r="E3057" s="52" t="s">
        <v>26</v>
      </c>
      <c r="F3057" s="52" t="s">
        <v>81</v>
      </c>
      <c r="G3057" s="52" t="s">
        <v>82</v>
      </c>
      <c r="H3057" s="4">
        <v>1</v>
      </c>
      <c r="I3057" s="2">
        <v>14.65</v>
      </c>
      <c r="J3057" s="52" t="s">
        <v>7735</v>
      </c>
      <c r="K3057" s="71" t="s">
        <v>7736</v>
      </c>
      <c r="L3057" s="52" t="s">
        <v>2063</v>
      </c>
      <c r="M3057" s="72">
        <v>2659</v>
      </c>
      <c r="N3057" s="52" t="s">
        <v>2072</v>
      </c>
      <c r="O3057" s="52" t="s">
        <v>2073</v>
      </c>
      <c r="P3057" s="52"/>
      <c r="Q3057" s="52"/>
      <c r="R3057" s="52"/>
      <c r="S3057" s="52"/>
      <c r="T3057" s="52"/>
      <c r="U3057" s="52"/>
      <c r="V3057" s="52"/>
      <c r="W3057" s="52"/>
    </row>
    <row r="3058" spans="1:23" hidden="1" x14ac:dyDescent="0.35">
      <c r="A3058" s="52" t="s">
        <v>78</v>
      </c>
      <c r="B3058" s="52" t="s">
        <v>79</v>
      </c>
      <c r="C3058" s="3">
        <v>20</v>
      </c>
      <c r="D3058" s="52" t="s">
        <v>83</v>
      </c>
      <c r="E3058" s="52" t="s">
        <v>26</v>
      </c>
      <c r="F3058" s="52" t="s">
        <v>81</v>
      </c>
      <c r="G3058" s="52" t="s">
        <v>82</v>
      </c>
      <c r="H3058" s="4">
        <v>1</v>
      </c>
      <c r="I3058" s="2">
        <v>14.65</v>
      </c>
      <c r="J3058" s="52" t="s">
        <v>6499</v>
      </c>
      <c r="K3058" s="71" t="s">
        <v>7737</v>
      </c>
      <c r="L3058" s="52" t="s">
        <v>2063</v>
      </c>
      <c r="M3058" s="72">
        <v>5320</v>
      </c>
      <c r="N3058" s="52" t="s">
        <v>2072</v>
      </c>
      <c r="O3058" s="52" t="s">
        <v>2073</v>
      </c>
      <c r="P3058" s="52"/>
      <c r="Q3058" s="52"/>
      <c r="R3058" s="52"/>
      <c r="S3058" s="52"/>
      <c r="T3058" s="52"/>
      <c r="U3058" s="52"/>
      <c r="V3058" s="52"/>
      <c r="W3058" s="52"/>
    </row>
    <row r="3059" spans="1:23" hidden="1" x14ac:dyDescent="0.35">
      <c r="A3059" s="52" t="s">
        <v>78</v>
      </c>
      <c r="B3059" s="52" t="s">
        <v>79</v>
      </c>
      <c r="C3059" s="3">
        <v>20</v>
      </c>
      <c r="D3059" s="52" t="s">
        <v>80</v>
      </c>
      <c r="E3059" s="52" t="s">
        <v>26</v>
      </c>
      <c r="F3059" s="52" t="s">
        <v>81</v>
      </c>
      <c r="G3059" s="52" t="s">
        <v>82</v>
      </c>
      <c r="H3059" s="4">
        <v>1</v>
      </c>
      <c r="I3059" s="2">
        <v>14.65</v>
      </c>
      <c r="J3059" s="52" t="s">
        <v>7738</v>
      </c>
      <c r="K3059" s="71" t="s">
        <v>7739</v>
      </c>
      <c r="L3059" s="52" t="s">
        <v>2063</v>
      </c>
      <c r="M3059" s="72">
        <v>5353</v>
      </c>
      <c r="N3059" s="52" t="s">
        <v>2072</v>
      </c>
      <c r="O3059" s="52" t="s">
        <v>2073</v>
      </c>
      <c r="P3059" s="52"/>
      <c r="Q3059" s="52"/>
      <c r="R3059" s="52"/>
      <c r="S3059" s="52"/>
      <c r="T3059" s="52"/>
      <c r="U3059" s="52"/>
      <c r="V3059" s="52"/>
      <c r="W3059" s="52"/>
    </row>
    <row r="3060" spans="1:23" hidden="1" x14ac:dyDescent="0.35">
      <c r="A3060" s="52" t="s">
        <v>78</v>
      </c>
      <c r="B3060" s="52" t="s">
        <v>79</v>
      </c>
      <c r="C3060" s="3">
        <v>10</v>
      </c>
      <c r="D3060" s="52" t="s">
        <v>2022</v>
      </c>
      <c r="E3060" s="52" t="s">
        <v>26</v>
      </c>
      <c r="F3060" s="52" t="s">
        <v>81</v>
      </c>
      <c r="G3060" s="52" t="s">
        <v>82</v>
      </c>
      <c r="H3060" s="4">
        <v>1</v>
      </c>
      <c r="I3060" s="2">
        <v>14.65</v>
      </c>
      <c r="J3060" s="52" t="s">
        <v>7740</v>
      </c>
      <c r="K3060" s="71" t="s">
        <v>7741</v>
      </c>
      <c r="L3060" s="52" t="s">
        <v>2063</v>
      </c>
      <c r="M3060" s="72">
        <v>1855</v>
      </c>
      <c r="N3060" s="52" t="s">
        <v>2072</v>
      </c>
      <c r="O3060" s="52" t="s">
        <v>2073</v>
      </c>
      <c r="P3060" s="52"/>
      <c r="Q3060" s="52"/>
      <c r="R3060" s="52"/>
      <c r="S3060" s="52"/>
      <c r="T3060" s="52"/>
      <c r="U3060" s="52"/>
      <c r="V3060" s="52"/>
      <c r="W3060" s="52"/>
    </row>
    <row r="3061" spans="1:23" hidden="1" x14ac:dyDescent="0.35">
      <c r="A3061" s="52" t="s">
        <v>78</v>
      </c>
      <c r="B3061" s="52" t="s">
        <v>79</v>
      </c>
      <c r="C3061" s="3">
        <v>20</v>
      </c>
      <c r="D3061" s="52" t="s">
        <v>2023</v>
      </c>
      <c r="E3061" s="52" t="s">
        <v>26</v>
      </c>
      <c r="F3061" s="52" t="s">
        <v>81</v>
      </c>
      <c r="G3061" s="52" t="s">
        <v>82</v>
      </c>
      <c r="H3061" s="4">
        <v>1</v>
      </c>
      <c r="I3061" s="2">
        <v>14.65</v>
      </c>
      <c r="J3061" s="52" t="s">
        <v>5551</v>
      </c>
      <c r="K3061" s="71" t="s">
        <v>7742</v>
      </c>
      <c r="L3061" s="52" t="s">
        <v>2063</v>
      </c>
      <c r="M3061" s="72">
        <v>2601</v>
      </c>
      <c r="N3061" s="52" t="s">
        <v>2158</v>
      </c>
      <c r="O3061" s="52" t="s">
        <v>2159</v>
      </c>
      <c r="P3061" s="52"/>
      <c r="Q3061" s="52"/>
      <c r="R3061" s="52"/>
      <c r="S3061" s="52"/>
      <c r="T3061" s="52"/>
      <c r="U3061" s="52"/>
      <c r="V3061" s="52"/>
      <c r="W3061" s="52"/>
    </row>
    <row r="3062" spans="1:23" hidden="1" x14ac:dyDescent="0.35">
      <c r="A3062" s="52" t="s">
        <v>78</v>
      </c>
      <c r="B3062" s="52" t="s">
        <v>79</v>
      </c>
      <c r="C3062" s="3">
        <v>20</v>
      </c>
      <c r="D3062" s="52" t="s">
        <v>84</v>
      </c>
      <c r="E3062" s="52" t="s">
        <v>26</v>
      </c>
      <c r="F3062" s="52" t="s">
        <v>81</v>
      </c>
      <c r="G3062" s="52" t="s">
        <v>82</v>
      </c>
      <c r="H3062" s="4">
        <v>1</v>
      </c>
      <c r="I3062" s="2">
        <v>14.65</v>
      </c>
      <c r="J3062" s="52" t="s">
        <v>7743</v>
      </c>
      <c r="K3062" s="71" t="s">
        <v>7744</v>
      </c>
      <c r="L3062" s="52" t="s">
        <v>2063</v>
      </c>
      <c r="M3062" s="72">
        <v>8107</v>
      </c>
      <c r="N3062" s="52" t="s">
        <v>2066</v>
      </c>
      <c r="O3062" s="52" t="s">
        <v>2067</v>
      </c>
      <c r="P3062" s="52"/>
      <c r="Q3062" s="52"/>
      <c r="R3062" s="52"/>
      <c r="S3062" s="52"/>
      <c r="T3062" s="52"/>
      <c r="U3062" s="52"/>
      <c r="V3062" s="52"/>
      <c r="W3062" s="52"/>
    </row>
    <row r="3063" spans="1:23" hidden="1" x14ac:dyDescent="0.35">
      <c r="A3063" s="52" t="s">
        <v>78</v>
      </c>
      <c r="B3063" s="52" t="s">
        <v>79</v>
      </c>
      <c r="C3063" s="3">
        <v>20</v>
      </c>
      <c r="D3063" s="52" t="s">
        <v>84</v>
      </c>
      <c r="E3063" s="52" t="s">
        <v>26</v>
      </c>
      <c r="F3063" s="52" t="s">
        <v>81</v>
      </c>
      <c r="G3063" s="52" t="s">
        <v>82</v>
      </c>
      <c r="H3063" s="4">
        <v>1</v>
      </c>
      <c r="I3063" s="2">
        <v>14.65</v>
      </c>
      <c r="J3063" s="52" t="s">
        <v>7408</v>
      </c>
      <c r="K3063" s="71" t="s">
        <v>7745</v>
      </c>
      <c r="L3063" s="52" t="s">
        <v>2063</v>
      </c>
      <c r="M3063" s="72">
        <v>6248</v>
      </c>
      <c r="N3063" s="52" t="s">
        <v>2066</v>
      </c>
      <c r="O3063" s="52" t="s">
        <v>2067</v>
      </c>
      <c r="P3063" s="52"/>
      <c r="Q3063" s="52"/>
      <c r="R3063" s="52"/>
      <c r="S3063" s="52"/>
      <c r="T3063" s="52"/>
      <c r="U3063" s="52"/>
      <c r="V3063" s="52"/>
      <c r="W3063" s="52"/>
    </row>
    <row r="3064" spans="1:23" hidden="1" x14ac:dyDescent="0.35">
      <c r="A3064" s="52" t="s">
        <v>78</v>
      </c>
      <c r="B3064" s="52" t="s">
        <v>79</v>
      </c>
      <c r="C3064" s="3">
        <v>10</v>
      </c>
      <c r="D3064" s="52" t="s">
        <v>83</v>
      </c>
      <c r="E3064" s="52" t="s">
        <v>26</v>
      </c>
      <c r="F3064" s="52" t="s">
        <v>81</v>
      </c>
      <c r="G3064" s="52" t="s">
        <v>82</v>
      </c>
      <c r="H3064" s="4">
        <v>1</v>
      </c>
      <c r="I3064" s="2">
        <v>14.65</v>
      </c>
      <c r="J3064" s="52" t="s">
        <v>7746</v>
      </c>
      <c r="K3064" s="71" t="s">
        <v>7747</v>
      </c>
      <c r="L3064" s="52" t="s">
        <v>2063</v>
      </c>
      <c r="M3064" s="72">
        <v>8036</v>
      </c>
      <c r="N3064" s="52" t="s">
        <v>2066</v>
      </c>
      <c r="O3064" s="52" t="s">
        <v>2067</v>
      </c>
      <c r="P3064" s="52"/>
      <c r="Q3064" s="52"/>
      <c r="R3064" s="52"/>
      <c r="S3064" s="52"/>
      <c r="T3064" s="52"/>
      <c r="U3064" s="52"/>
      <c r="V3064" s="52"/>
      <c r="W3064" s="52"/>
    </row>
    <row r="3065" spans="1:23" x14ac:dyDescent="0.35">
      <c r="A3065" s="52" t="s">
        <v>78</v>
      </c>
      <c r="B3065" s="52" t="s">
        <v>79</v>
      </c>
      <c r="C3065" s="3">
        <v>10</v>
      </c>
      <c r="D3065" s="52" t="s">
        <v>2021</v>
      </c>
      <c r="E3065" s="52" t="s">
        <v>26</v>
      </c>
      <c r="F3065" s="52" t="s">
        <v>81</v>
      </c>
      <c r="G3065" s="52" t="s">
        <v>82</v>
      </c>
      <c r="H3065" s="4">
        <v>1</v>
      </c>
      <c r="I3065" s="2">
        <v>14.65</v>
      </c>
      <c r="J3065" s="52" t="s">
        <v>7748</v>
      </c>
      <c r="K3065" s="71" t="s">
        <v>7749</v>
      </c>
      <c r="L3065" s="52" t="s">
        <v>2063</v>
      </c>
      <c r="M3065" s="72">
        <v>4428</v>
      </c>
      <c r="N3065" s="52" t="s">
        <v>2076</v>
      </c>
      <c r="O3065" s="52" t="s">
        <v>2077</v>
      </c>
      <c r="P3065" s="52"/>
      <c r="Q3065" s="52"/>
      <c r="R3065" s="52"/>
      <c r="S3065" s="52"/>
      <c r="T3065" s="52"/>
      <c r="U3065" s="52"/>
      <c r="V3065" s="52"/>
      <c r="W3065" s="52"/>
    </row>
    <row r="3066" spans="1:23" hidden="1" x14ac:dyDescent="0.35">
      <c r="A3066" s="52" t="s">
        <v>78</v>
      </c>
      <c r="B3066" s="52" t="s">
        <v>79</v>
      </c>
      <c r="C3066" s="3">
        <v>10</v>
      </c>
      <c r="D3066" s="52" t="s">
        <v>85</v>
      </c>
      <c r="E3066" s="52" t="s">
        <v>26</v>
      </c>
      <c r="F3066" s="52" t="s">
        <v>81</v>
      </c>
      <c r="G3066" s="52" t="s">
        <v>82</v>
      </c>
      <c r="H3066" s="4">
        <v>1</v>
      </c>
      <c r="I3066" s="2">
        <v>14.65</v>
      </c>
      <c r="J3066" s="52" t="s">
        <v>7750</v>
      </c>
      <c r="K3066" s="71" t="s">
        <v>7751</v>
      </c>
      <c r="L3066" s="52" t="s">
        <v>2063</v>
      </c>
      <c r="M3066" s="72">
        <v>6539</v>
      </c>
      <c r="N3066" s="52" t="s">
        <v>2066</v>
      </c>
      <c r="O3066" s="52" t="s">
        <v>2067</v>
      </c>
      <c r="P3066" s="52"/>
      <c r="Q3066" s="52"/>
      <c r="R3066" s="52"/>
      <c r="S3066" s="52"/>
      <c r="T3066" s="52"/>
      <c r="U3066" s="52"/>
      <c r="V3066" s="52"/>
      <c r="W3066" s="52"/>
    </row>
    <row r="3067" spans="1:23" hidden="1" x14ac:dyDescent="0.35">
      <c r="A3067" s="52" t="s">
        <v>78</v>
      </c>
      <c r="B3067" s="52" t="s">
        <v>79</v>
      </c>
      <c r="C3067" s="3">
        <v>20</v>
      </c>
      <c r="D3067" s="52" t="s">
        <v>85</v>
      </c>
      <c r="E3067" s="52" t="s">
        <v>26</v>
      </c>
      <c r="F3067" s="52" t="s">
        <v>81</v>
      </c>
      <c r="G3067" s="52" t="s">
        <v>82</v>
      </c>
      <c r="H3067" s="4">
        <v>1</v>
      </c>
      <c r="I3067" s="2">
        <v>14.65</v>
      </c>
      <c r="J3067" s="52" t="s">
        <v>7752</v>
      </c>
      <c r="K3067" s="71" t="s">
        <v>7753</v>
      </c>
      <c r="L3067" s="52" t="s">
        <v>2063</v>
      </c>
      <c r="M3067" s="72">
        <v>5829</v>
      </c>
      <c r="N3067" s="52" t="s">
        <v>2072</v>
      </c>
      <c r="O3067" s="52" t="s">
        <v>2073</v>
      </c>
      <c r="P3067" s="52"/>
      <c r="Q3067" s="52"/>
      <c r="R3067" s="52"/>
      <c r="S3067" s="52"/>
      <c r="T3067" s="52"/>
      <c r="U3067" s="52"/>
      <c r="V3067" s="52"/>
      <c r="W3067" s="52"/>
    </row>
    <row r="3068" spans="1:23" hidden="1" x14ac:dyDescent="0.35">
      <c r="A3068" s="52" t="s">
        <v>78</v>
      </c>
      <c r="B3068" s="52" t="s">
        <v>79</v>
      </c>
      <c r="C3068" s="3">
        <v>20</v>
      </c>
      <c r="D3068" s="52" t="s">
        <v>2021</v>
      </c>
      <c r="E3068" s="52" t="s">
        <v>26</v>
      </c>
      <c r="F3068" s="52" t="s">
        <v>81</v>
      </c>
      <c r="G3068" s="52" t="s">
        <v>82</v>
      </c>
      <c r="H3068" s="4">
        <v>1</v>
      </c>
      <c r="I3068" s="2">
        <v>14.65</v>
      </c>
      <c r="J3068" s="52" t="s">
        <v>6053</v>
      </c>
      <c r="K3068" s="71" t="s">
        <v>7754</v>
      </c>
      <c r="L3068" s="52" t="s">
        <v>2063</v>
      </c>
      <c r="M3068" s="72">
        <v>1092</v>
      </c>
      <c r="N3068" s="52" t="s">
        <v>2072</v>
      </c>
      <c r="O3068" s="52" t="s">
        <v>2073</v>
      </c>
      <c r="P3068" s="52"/>
      <c r="Q3068" s="52"/>
      <c r="R3068" s="52"/>
      <c r="S3068" s="52"/>
      <c r="T3068" s="52"/>
      <c r="U3068" s="52"/>
      <c r="V3068" s="52"/>
      <c r="W3068" s="52"/>
    </row>
    <row r="3069" spans="1:23" x14ac:dyDescent="0.35">
      <c r="A3069" s="52" t="s">
        <v>78</v>
      </c>
      <c r="B3069" s="52" t="s">
        <v>79</v>
      </c>
      <c r="C3069" s="3">
        <v>20</v>
      </c>
      <c r="D3069" s="52" t="s">
        <v>87</v>
      </c>
      <c r="E3069" s="52" t="s">
        <v>26</v>
      </c>
      <c r="F3069" s="52" t="s">
        <v>81</v>
      </c>
      <c r="G3069" s="52" t="s">
        <v>82</v>
      </c>
      <c r="H3069" s="4">
        <v>1</v>
      </c>
      <c r="I3069" s="2">
        <v>14.65</v>
      </c>
      <c r="J3069" s="52" t="s">
        <v>7755</v>
      </c>
      <c r="K3069" s="71" t="s">
        <v>7756</v>
      </c>
      <c r="L3069" s="52" t="s">
        <v>2063</v>
      </c>
      <c r="M3069" s="72">
        <v>4384</v>
      </c>
      <c r="N3069" s="52" t="s">
        <v>2238</v>
      </c>
      <c r="O3069" s="52" t="s">
        <v>2239</v>
      </c>
      <c r="P3069" s="52"/>
      <c r="Q3069" s="52"/>
      <c r="R3069" s="52"/>
      <c r="S3069" s="52"/>
      <c r="T3069" s="52"/>
      <c r="U3069" s="52"/>
      <c r="V3069" s="52"/>
      <c r="W3069" s="52"/>
    </row>
    <row r="3070" spans="1:23" hidden="1" x14ac:dyDescent="0.35">
      <c r="A3070" s="52" t="s">
        <v>78</v>
      </c>
      <c r="B3070" s="52" t="s">
        <v>79</v>
      </c>
      <c r="C3070" s="3">
        <v>20</v>
      </c>
      <c r="D3070" s="52" t="s">
        <v>84</v>
      </c>
      <c r="E3070" s="52" t="s">
        <v>26</v>
      </c>
      <c r="F3070" s="52" t="s">
        <v>81</v>
      </c>
      <c r="G3070" s="52" t="s">
        <v>82</v>
      </c>
      <c r="H3070" s="4">
        <v>1</v>
      </c>
      <c r="I3070" s="2">
        <v>14.65</v>
      </c>
      <c r="J3070" s="52" t="s">
        <v>7757</v>
      </c>
      <c r="K3070" s="71" t="s">
        <v>7758</v>
      </c>
      <c r="L3070" s="52" t="s">
        <v>7605</v>
      </c>
      <c r="M3070" s="72">
        <v>48</v>
      </c>
      <c r="N3070" s="52" t="s">
        <v>2066</v>
      </c>
      <c r="O3070" s="52" t="s">
        <v>2067</v>
      </c>
      <c r="P3070" s="52"/>
      <c r="Q3070" s="52"/>
      <c r="R3070" s="52"/>
      <c r="S3070" s="52"/>
      <c r="T3070" s="52"/>
      <c r="U3070" s="52"/>
      <c r="V3070" s="52"/>
      <c r="W3070" s="52"/>
    </row>
    <row r="3071" spans="1:23" hidden="1" x14ac:dyDescent="0.35">
      <c r="A3071" s="52" t="s">
        <v>78</v>
      </c>
      <c r="B3071" s="52" t="s">
        <v>79</v>
      </c>
      <c r="C3071" s="3">
        <v>211</v>
      </c>
      <c r="D3071" s="52" t="s">
        <v>2021</v>
      </c>
      <c r="E3071" s="52" t="s">
        <v>26</v>
      </c>
      <c r="F3071" s="52" t="s">
        <v>81</v>
      </c>
      <c r="G3071" s="52" t="s">
        <v>82</v>
      </c>
      <c r="H3071" s="4">
        <v>1</v>
      </c>
      <c r="I3071" s="2">
        <v>14.65</v>
      </c>
      <c r="J3071" s="52" t="s">
        <v>7759</v>
      </c>
      <c r="K3071" s="71" t="s">
        <v>7760</v>
      </c>
      <c r="L3071" s="52" t="s">
        <v>2063</v>
      </c>
      <c r="M3071" s="72">
        <v>7045</v>
      </c>
      <c r="N3071" s="52" t="s">
        <v>2066</v>
      </c>
      <c r="O3071" s="52" t="s">
        <v>2067</v>
      </c>
      <c r="P3071" s="52"/>
      <c r="Q3071" s="52"/>
      <c r="R3071" s="52"/>
      <c r="S3071" s="52"/>
      <c r="T3071" s="52"/>
      <c r="U3071" s="52"/>
      <c r="V3071" s="52"/>
      <c r="W3071" s="52"/>
    </row>
    <row r="3072" spans="1:23" hidden="1" x14ac:dyDescent="0.35">
      <c r="A3072" s="52" t="s">
        <v>78</v>
      </c>
      <c r="B3072" s="52" t="s">
        <v>79</v>
      </c>
      <c r="C3072" s="3">
        <v>10</v>
      </c>
      <c r="D3072" s="52" t="s">
        <v>87</v>
      </c>
      <c r="E3072" s="52" t="s">
        <v>26</v>
      </c>
      <c r="F3072" s="52" t="s">
        <v>81</v>
      </c>
      <c r="G3072" s="52" t="s">
        <v>82</v>
      </c>
      <c r="H3072" s="4">
        <v>1</v>
      </c>
      <c r="I3072" s="2">
        <v>14.65</v>
      </c>
      <c r="J3072" s="52" t="s">
        <v>7761</v>
      </c>
      <c r="K3072" s="71" t="s">
        <v>7762</v>
      </c>
      <c r="L3072" s="52" t="s">
        <v>2063</v>
      </c>
      <c r="M3072" s="72">
        <v>1740</v>
      </c>
      <c r="N3072" s="52" t="s">
        <v>2066</v>
      </c>
      <c r="O3072" s="52" t="s">
        <v>2067</v>
      </c>
      <c r="P3072" s="52"/>
      <c r="Q3072" s="52"/>
      <c r="R3072" s="52"/>
      <c r="S3072" s="52"/>
      <c r="T3072" s="52"/>
      <c r="U3072" s="52"/>
      <c r="V3072" s="52"/>
      <c r="W3072" s="52"/>
    </row>
    <row r="3073" spans="1:23" hidden="1" x14ac:dyDescent="0.35">
      <c r="A3073" s="52" t="s">
        <v>78</v>
      </c>
      <c r="B3073" s="52" t="s">
        <v>79</v>
      </c>
      <c r="C3073" s="3">
        <v>10</v>
      </c>
      <c r="D3073" s="52" t="s">
        <v>2020</v>
      </c>
      <c r="E3073" s="52" t="s">
        <v>26</v>
      </c>
      <c r="F3073" s="52" t="s">
        <v>81</v>
      </c>
      <c r="G3073" s="52" t="s">
        <v>82</v>
      </c>
      <c r="H3073" s="4">
        <v>1</v>
      </c>
      <c r="I3073" s="2">
        <v>14.65</v>
      </c>
      <c r="J3073" s="52" t="s">
        <v>7763</v>
      </c>
      <c r="K3073" s="71" t="s">
        <v>7764</v>
      </c>
      <c r="L3073" s="52" t="s">
        <v>2063</v>
      </c>
      <c r="M3073" s="72">
        <v>9573</v>
      </c>
      <c r="N3073" s="52" t="s">
        <v>2072</v>
      </c>
      <c r="O3073" s="52" t="s">
        <v>2073</v>
      </c>
      <c r="P3073" s="52"/>
      <c r="Q3073" s="52"/>
      <c r="R3073" s="52"/>
      <c r="S3073" s="52"/>
      <c r="T3073" s="52"/>
      <c r="U3073" s="52"/>
      <c r="V3073" s="52"/>
      <c r="W3073" s="52"/>
    </row>
    <row r="3074" spans="1:23" hidden="1" x14ac:dyDescent="0.35">
      <c r="A3074" s="52" t="s">
        <v>78</v>
      </c>
      <c r="B3074" s="52" t="s">
        <v>79</v>
      </c>
      <c r="C3074" s="3">
        <v>10</v>
      </c>
      <c r="D3074" s="52" t="s">
        <v>80</v>
      </c>
      <c r="E3074" s="52" t="s">
        <v>26</v>
      </c>
      <c r="F3074" s="52" t="s">
        <v>81</v>
      </c>
      <c r="G3074" s="52" t="s">
        <v>82</v>
      </c>
      <c r="H3074" s="4">
        <v>1</v>
      </c>
      <c r="I3074" s="2">
        <v>14.65</v>
      </c>
      <c r="J3074" s="52" t="s">
        <v>7765</v>
      </c>
      <c r="K3074" s="71" t="s">
        <v>7766</v>
      </c>
      <c r="L3074" s="52" t="s">
        <v>2063</v>
      </c>
      <c r="M3074" s="72">
        <v>7912</v>
      </c>
      <c r="N3074" s="52" t="s">
        <v>2066</v>
      </c>
      <c r="O3074" s="52" t="s">
        <v>2067</v>
      </c>
      <c r="P3074" s="52"/>
      <c r="Q3074" s="52"/>
      <c r="R3074" s="52"/>
      <c r="S3074" s="52"/>
      <c r="T3074" s="52"/>
      <c r="U3074" s="52"/>
      <c r="V3074" s="52"/>
      <c r="W3074" s="52"/>
    </row>
    <row r="3075" spans="1:23" hidden="1" x14ac:dyDescent="0.35">
      <c r="A3075" s="52" t="s">
        <v>78</v>
      </c>
      <c r="B3075" s="52" t="s">
        <v>79</v>
      </c>
      <c r="C3075" s="3">
        <v>20</v>
      </c>
      <c r="D3075" s="52" t="s">
        <v>2022</v>
      </c>
      <c r="E3075" s="52" t="s">
        <v>26</v>
      </c>
      <c r="F3075" s="52" t="s">
        <v>81</v>
      </c>
      <c r="G3075" s="52" t="s">
        <v>82</v>
      </c>
      <c r="H3075" s="4">
        <v>1</v>
      </c>
      <c r="I3075" s="2">
        <v>14.65</v>
      </c>
      <c r="J3075" s="52" t="s">
        <v>7767</v>
      </c>
      <c r="K3075" s="71" t="s">
        <v>7768</v>
      </c>
      <c r="L3075" s="52" t="s">
        <v>2063</v>
      </c>
      <c r="M3075" s="72">
        <v>3667</v>
      </c>
      <c r="N3075" s="52" t="s">
        <v>2072</v>
      </c>
      <c r="O3075" s="52" t="s">
        <v>2073</v>
      </c>
      <c r="P3075" s="52"/>
      <c r="Q3075" s="52"/>
      <c r="R3075" s="52"/>
      <c r="S3075" s="52"/>
      <c r="T3075" s="52"/>
      <c r="U3075" s="52"/>
      <c r="V3075" s="52"/>
      <c r="W3075" s="52"/>
    </row>
    <row r="3076" spans="1:23" hidden="1" x14ac:dyDescent="0.35">
      <c r="A3076" s="52" t="s">
        <v>78</v>
      </c>
      <c r="B3076" s="52" t="s">
        <v>79</v>
      </c>
      <c r="C3076" s="3">
        <v>20</v>
      </c>
      <c r="D3076" s="52" t="s">
        <v>2021</v>
      </c>
      <c r="E3076" s="52" t="s">
        <v>26</v>
      </c>
      <c r="F3076" s="52" t="s">
        <v>81</v>
      </c>
      <c r="G3076" s="52" t="s">
        <v>82</v>
      </c>
      <c r="H3076" s="4">
        <v>1</v>
      </c>
      <c r="I3076" s="2">
        <v>14.65</v>
      </c>
      <c r="J3076" s="52" t="s">
        <v>7769</v>
      </c>
      <c r="K3076" s="71" t="s">
        <v>7770</v>
      </c>
      <c r="L3076" s="52" t="s">
        <v>2063</v>
      </c>
      <c r="M3076" s="72">
        <v>7112</v>
      </c>
      <c r="N3076" s="52" t="s">
        <v>2072</v>
      </c>
      <c r="O3076" s="52" t="s">
        <v>2073</v>
      </c>
      <c r="P3076" s="52"/>
      <c r="Q3076" s="52"/>
      <c r="R3076" s="52"/>
      <c r="S3076" s="52"/>
      <c r="T3076" s="52"/>
      <c r="U3076" s="52"/>
      <c r="V3076" s="52"/>
      <c r="W3076" s="52"/>
    </row>
    <row r="3077" spans="1:23" hidden="1" x14ac:dyDescent="0.35">
      <c r="A3077" s="52" t="s">
        <v>78</v>
      </c>
      <c r="B3077" s="52" t="s">
        <v>79</v>
      </c>
      <c r="C3077" s="3">
        <v>10</v>
      </c>
      <c r="D3077" s="52" t="s">
        <v>84</v>
      </c>
      <c r="E3077" s="52" t="s">
        <v>26</v>
      </c>
      <c r="F3077" s="52" t="s">
        <v>81</v>
      </c>
      <c r="G3077" s="52" t="s">
        <v>82</v>
      </c>
      <c r="H3077" s="4">
        <v>1</v>
      </c>
      <c r="I3077" s="2">
        <v>14.65</v>
      </c>
      <c r="J3077" s="52" t="s">
        <v>7461</v>
      </c>
      <c r="K3077" s="71" t="s">
        <v>7771</v>
      </c>
      <c r="L3077" s="52" t="s">
        <v>2063</v>
      </c>
      <c r="M3077" s="72">
        <v>9488</v>
      </c>
      <c r="N3077" s="52" t="s">
        <v>2158</v>
      </c>
      <c r="O3077" s="52" t="s">
        <v>2159</v>
      </c>
      <c r="P3077" s="52"/>
      <c r="Q3077" s="52"/>
      <c r="R3077" s="52"/>
      <c r="S3077" s="52"/>
      <c r="T3077" s="52"/>
      <c r="U3077" s="52"/>
      <c r="V3077" s="52"/>
      <c r="W3077" s="52"/>
    </row>
    <row r="3078" spans="1:23" hidden="1" x14ac:dyDescent="0.35">
      <c r="A3078" s="52" t="s">
        <v>78</v>
      </c>
      <c r="B3078" s="52" t="s">
        <v>79</v>
      </c>
      <c r="C3078" s="3">
        <v>20</v>
      </c>
      <c r="D3078" s="52" t="s">
        <v>84</v>
      </c>
      <c r="E3078" s="52" t="s">
        <v>26</v>
      </c>
      <c r="F3078" s="52" t="s">
        <v>81</v>
      </c>
      <c r="G3078" s="52" t="s">
        <v>82</v>
      </c>
      <c r="H3078" s="4">
        <v>1</v>
      </c>
      <c r="I3078" s="2">
        <v>14.65</v>
      </c>
      <c r="J3078" s="52" t="s">
        <v>7772</v>
      </c>
      <c r="K3078" s="71" t="s">
        <v>7773</v>
      </c>
      <c r="L3078" s="52" t="s">
        <v>2063</v>
      </c>
      <c r="M3078" s="72">
        <v>2775</v>
      </c>
      <c r="N3078" s="52" t="s">
        <v>2195</v>
      </c>
      <c r="O3078" s="52" t="s">
        <v>2196</v>
      </c>
      <c r="P3078" s="52"/>
      <c r="Q3078" s="52"/>
      <c r="R3078" s="52"/>
      <c r="S3078" s="52"/>
      <c r="T3078" s="52"/>
      <c r="U3078" s="52"/>
      <c r="V3078" s="52"/>
      <c r="W3078" s="52"/>
    </row>
    <row r="3079" spans="1:23" hidden="1" x14ac:dyDescent="0.35">
      <c r="A3079" s="52" t="s">
        <v>78</v>
      </c>
      <c r="B3079" s="52" t="s">
        <v>79</v>
      </c>
      <c r="C3079" s="3">
        <v>20</v>
      </c>
      <c r="D3079" s="52" t="s">
        <v>84</v>
      </c>
      <c r="E3079" s="52" t="s">
        <v>26</v>
      </c>
      <c r="F3079" s="52" t="s">
        <v>81</v>
      </c>
      <c r="G3079" s="52" t="s">
        <v>82</v>
      </c>
      <c r="H3079" s="4">
        <v>1</v>
      </c>
      <c r="I3079" s="2">
        <v>14.65</v>
      </c>
      <c r="J3079" s="52" t="s">
        <v>7774</v>
      </c>
      <c r="K3079" s="71" t="s">
        <v>7775</v>
      </c>
      <c r="L3079" s="52" t="s">
        <v>2063</v>
      </c>
      <c r="M3079" s="72">
        <v>7774</v>
      </c>
      <c r="N3079" s="52" t="s">
        <v>2072</v>
      </c>
      <c r="O3079" s="52" t="s">
        <v>2073</v>
      </c>
      <c r="P3079" s="52"/>
      <c r="Q3079" s="52"/>
      <c r="R3079" s="52"/>
      <c r="S3079" s="52"/>
      <c r="T3079" s="52"/>
      <c r="U3079" s="52"/>
      <c r="V3079" s="52"/>
      <c r="W3079" s="52"/>
    </row>
    <row r="3080" spans="1:23" hidden="1" x14ac:dyDescent="0.35">
      <c r="A3080" s="52" t="s">
        <v>78</v>
      </c>
      <c r="B3080" s="52" t="s">
        <v>79</v>
      </c>
      <c r="C3080" s="3">
        <v>10</v>
      </c>
      <c r="D3080" s="52" t="s">
        <v>2022</v>
      </c>
      <c r="E3080" s="52" t="s">
        <v>26</v>
      </c>
      <c r="F3080" s="52" t="s">
        <v>81</v>
      </c>
      <c r="G3080" s="52" t="s">
        <v>82</v>
      </c>
      <c r="H3080" s="4">
        <v>1</v>
      </c>
      <c r="I3080" s="2">
        <v>14.65</v>
      </c>
      <c r="J3080" s="52" t="s">
        <v>7776</v>
      </c>
      <c r="K3080" s="71" t="s">
        <v>7777</v>
      </c>
      <c r="L3080" s="52" t="s">
        <v>2063</v>
      </c>
      <c r="M3080" s="72">
        <v>3732</v>
      </c>
      <c r="N3080" s="52" t="s">
        <v>2072</v>
      </c>
      <c r="O3080" s="52" t="s">
        <v>2073</v>
      </c>
      <c r="P3080" s="52"/>
      <c r="Q3080" s="52"/>
      <c r="R3080" s="52"/>
      <c r="S3080" s="52"/>
      <c r="T3080" s="52"/>
      <c r="U3080" s="52"/>
      <c r="V3080" s="52"/>
      <c r="W3080" s="52"/>
    </row>
    <row r="3081" spans="1:23" hidden="1" x14ac:dyDescent="0.35">
      <c r="A3081" s="52" t="s">
        <v>78</v>
      </c>
      <c r="B3081" s="52" t="s">
        <v>79</v>
      </c>
      <c r="C3081" s="3">
        <v>211</v>
      </c>
      <c r="D3081" s="52" t="s">
        <v>80</v>
      </c>
      <c r="E3081" s="52" t="s">
        <v>26</v>
      </c>
      <c r="F3081" s="52" t="s">
        <v>81</v>
      </c>
      <c r="G3081" s="52" t="s">
        <v>82</v>
      </c>
      <c r="H3081" s="4">
        <v>1</v>
      </c>
      <c r="I3081" s="2">
        <v>14.65</v>
      </c>
      <c r="J3081" s="52" t="s">
        <v>7778</v>
      </c>
      <c r="K3081" s="71" t="s">
        <v>7779</v>
      </c>
      <c r="L3081" s="52" t="s">
        <v>2063</v>
      </c>
      <c r="M3081" s="72">
        <v>2037</v>
      </c>
      <c r="N3081" s="52" t="s">
        <v>2072</v>
      </c>
      <c r="O3081" s="52" t="s">
        <v>2073</v>
      </c>
      <c r="P3081" s="52"/>
      <c r="Q3081" s="52"/>
      <c r="R3081" s="52"/>
      <c r="S3081" s="52"/>
      <c r="T3081" s="52"/>
      <c r="U3081" s="52"/>
      <c r="V3081" s="52"/>
      <c r="W3081" s="52"/>
    </row>
    <row r="3082" spans="1:23" hidden="1" x14ac:dyDescent="0.35">
      <c r="A3082" s="52" t="s">
        <v>78</v>
      </c>
      <c r="B3082" s="52" t="s">
        <v>79</v>
      </c>
      <c r="C3082" s="3">
        <v>20</v>
      </c>
      <c r="D3082" s="52" t="s">
        <v>2019</v>
      </c>
      <c r="E3082" s="52" t="s">
        <v>26</v>
      </c>
      <c r="F3082" s="52" t="s">
        <v>81</v>
      </c>
      <c r="G3082" s="52" t="s">
        <v>82</v>
      </c>
      <c r="H3082" s="4">
        <v>1</v>
      </c>
      <c r="I3082" s="2">
        <v>14.65</v>
      </c>
      <c r="J3082" s="52" t="s">
        <v>6880</v>
      </c>
      <c r="K3082" s="71" t="s">
        <v>7780</v>
      </c>
      <c r="L3082" s="52" t="s">
        <v>2063</v>
      </c>
      <c r="M3082" s="72">
        <v>6852</v>
      </c>
      <c r="N3082" s="52" t="s">
        <v>2066</v>
      </c>
      <c r="O3082" s="52" t="s">
        <v>2067</v>
      </c>
      <c r="P3082" s="52"/>
      <c r="Q3082" s="52"/>
      <c r="R3082" s="52"/>
      <c r="S3082" s="52"/>
      <c r="T3082" s="52"/>
      <c r="U3082" s="52"/>
      <c r="V3082" s="52"/>
      <c r="W3082" s="52"/>
    </row>
    <row r="3083" spans="1:23" hidden="1" x14ac:dyDescent="0.35">
      <c r="A3083" s="52" t="s">
        <v>78</v>
      </c>
      <c r="B3083" s="52" t="s">
        <v>79</v>
      </c>
      <c r="C3083" s="3">
        <v>20</v>
      </c>
      <c r="D3083" s="52" t="s">
        <v>87</v>
      </c>
      <c r="E3083" s="52" t="s">
        <v>26</v>
      </c>
      <c r="F3083" s="52" t="s">
        <v>81</v>
      </c>
      <c r="G3083" s="52" t="s">
        <v>82</v>
      </c>
      <c r="H3083" s="4">
        <v>1</v>
      </c>
      <c r="I3083" s="2">
        <v>14.65</v>
      </c>
      <c r="J3083" s="52" t="s">
        <v>7330</v>
      </c>
      <c r="K3083" s="71" t="s">
        <v>7781</v>
      </c>
      <c r="L3083" s="52" t="s">
        <v>2063</v>
      </c>
      <c r="M3083" s="72">
        <v>6616</v>
      </c>
      <c r="N3083" s="52" t="s">
        <v>2304</v>
      </c>
      <c r="O3083" s="52" t="s">
        <v>2305</v>
      </c>
      <c r="P3083" s="52"/>
      <c r="Q3083" s="52"/>
      <c r="R3083" s="52"/>
      <c r="S3083" s="52"/>
      <c r="T3083" s="52"/>
      <c r="U3083" s="52"/>
      <c r="V3083" s="52"/>
      <c r="W3083" s="52"/>
    </row>
    <row r="3084" spans="1:23" hidden="1" x14ac:dyDescent="0.35">
      <c r="A3084" s="52" t="s">
        <v>78</v>
      </c>
      <c r="B3084" s="52" t="s">
        <v>79</v>
      </c>
      <c r="C3084" s="3">
        <v>211</v>
      </c>
      <c r="D3084" s="52" t="s">
        <v>2019</v>
      </c>
      <c r="E3084" s="52" t="s">
        <v>26</v>
      </c>
      <c r="F3084" s="52" t="s">
        <v>81</v>
      </c>
      <c r="G3084" s="52" t="s">
        <v>82</v>
      </c>
      <c r="H3084" s="4">
        <v>1</v>
      </c>
      <c r="I3084" s="2">
        <v>14.65</v>
      </c>
      <c r="J3084" s="52" t="s">
        <v>7782</v>
      </c>
      <c r="K3084" s="71" t="s">
        <v>7783</v>
      </c>
      <c r="L3084" s="52" t="s">
        <v>2063</v>
      </c>
      <c r="M3084" s="72">
        <v>8848</v>
      </c>
      <c r="N3084" s="52" t="s">
        <v>2072</v>
      </c>
      <c r="O3084" s="52" t="s">
        <v>2073</v>
      </c>
      <c r="P3084" s="52"/>
      <c r="Q3084" s="52"/>
      <c r="R3084" s="52"/>
      <c r="S3084" s="52"/>
      <c r="T3084" s="52"/>
      <c r="U3084" s="52"/>
      <c r="V3084" s="52"/>
      <c r="W3084" s="52"/>
    </row>
    <row r="3085" spans="1:23" hidden="1" x14ac:dyDescent="0.35">
      <c r="A3085" s="52" t="s">
        <v>78</v>
      </c>
      <c r="B3085" s="52" t="s">
        <v>79</v>
      </c>
      <c r="C3085" s="3">
        <v>20</v>
      </c>
      <c r="D3085" s="52" t="s">
        <v>80</v>
      </c>
      <c r="E3085" s="52" t="s">
        <v>26</v>
      </c>
      <c r="F3085" s="52" t="s">
        <v>81</v>
      </c>
      <c r="G3085" s="52" t="s">
        <v>82</v>
      </c>
      <c r="H3085" s="4">
        <v>1</v>
      </c>
      <c r="I3085" s="2">
        <v>14.65</v>
      </c>
      <c r="J3085" s="52" t="s">
        <v>7784</v>
      </c>
      <c r="K3085" s="71" t="s">
        <v>7785</v>
      </c>
      <c r="L3085" s="52" t="s">
        <v>2063</v>
      </c>
      <c r="M3085" s="72">
        <v>8980</v>
      </c>
      <c r="N3085" s="52" t="s">
        <v>2072</v>
      </c>
      <c r="O3085" s="52" t="s">
        <v>2073</v>
      </c>
      <c r="P3085" s="52"/>
      <c r="Q3085" s="52"/>
      <c r="R3085" s="52"/>
      <c r="S3085" s="52"/>
      <c r="T3085" s="52"/>
      <c r="U3085" s="52"/>
      <c r="V3085" s="52"/>
      <c r="W3085" s="52"/>
    </row>
    <row r="3086" spans="1:23" hidden="1" x14ac:dyDescent="0.35">
      <c r="A3086" s="52" t="s">
        <v>78</v>
      </c>
      <c r="B3086" s="52" t="s">
        <v>79</v>
      </c>
      <c r="C3086" s="3">
        <v>10</v>
      </c>
      <c r="D3086" s="52" t="s">
        <v>2024</v>
      </c>
      <c r="E3086" s="52" t="s">
        <v>26</v>
      </c>
      <c r="F3086" s="52" t="s">
        <v>81</v>
      </c>
      <c r="G3086" s="52" t="s">
        <v>82</v>
      </c>
      <c r="H3086" s="4">
        <v>1</v>
      </c>
      <c r="I3086" s="2">
        <v>14.65</v>
      </c>
      <c r="J3086" s="52" t="s">
        <v>7786</v>
      </c>
      <c r="K3086" s="71" t="s">
        <v>7787</v>
      </c>
      <c r="L3086" s="52" t="s">
        <v>2063</v>
      </c>
      <c r="M3086" s="72">
        <v>5469</v>
      </c>
      <c r="N3086" s="52" t="s">
        <v>2072</v>
      </c>
      <c r="O3086" s="52" t="s">
        <v>2073</v>
      </c>
      <c r="P3086" s="52" t="s">
        <v>2072</v>
      </c>
      <c r="Q3086" s="52" t="s">
        <v>2073</v>
      </c>
      <c r="R3086" s="52"/>
      <c r="S3086" s="52"/>
      <c r="T3086" s="52"/>
      <c r="U3086" s="52"/>
      <c r="V3086" s="52"/>
      <c r="W3086" s="52"/>
    </row>
    <row r="3087" spans="1:23" hidden="1" x14ac:dyDescent="0.35">
      <c r="A3087" s="52" t="s">
        <v>78</v>
      </c>
      <c r="B3087" s="52" t="s">
        <v>79</v>
      </c>
      <c r="C3087" s="3">
        <v>20</v>
      </c>
      <c r="D3087" s="52" t="s">
        <v>2019</v>
      </c>
      <c r="E3087" s="52" t="s">
        <v>26</v>
      </c>
      <c r="F3087" s="52" t="s">
        <v>81</v>
      </c>
      <c r="G3087" s="52" t="s">
        <v>82</v>
      </c>
      <c r="H3087" s="4">
        <v>1</v>
      </c>
      <c r="I3087" s="2">
        <v>14.65</v>
      </c>
      <c r="J3087" s="52" t="s">
        <v>7044</v>
      </c>
      <c r="K3087" s="71" t="s">
        <v>7788</v>
      </c>
      <c r="L3087" s="52" t="s">
        <v>2095</v>
      </c>
      <c r="M3087" s="72">
        <v>8819</v>
      </c>
      <c r="N3087" s="52" t="s">
        <v>2072</v>
      </c>
      <c r="O3087" s="52" t="s">
        <v>2073</v>
      </c>
      <c r="P3087" s="52"/>
      <c r="Q3087" s="52"/>
      <c r="R3087" s="52"/>
      <c r="S3087" s="52"/>
      <c r="T3087" s="52"/>
      <c r="U3087" s="52"/>
      <c r="V3087" s="52"/>
      <c r="W3087" s="52"/>
    </row>
    <row r="3088" spans="1:23" hidden="1" x14ac:dyDescent="0.35">
      <c r="A3088" s="52" t="s">
        <v>78</v>
      </c>
      <c r="B3088" s="52" t="s">
        <v>79</v>
      </c>
      <c r="C3088" s="3">
        <v>20</v>
      </c>
      <c r="D3088" s="52" t="s">
        <v>83</v>
      </c>
      <c r="E3088" s="52" t="s">
        <v>26</v>
      </c>
      <c r="F3088" s="52" t="s">
        <v>81</v>
      </c>
      <c r="G3088" s="52" t="s">
        <v>82</v>
      </c>
      <c r="H3088" s="4">
        <v>1</v>
      </c>
      <c r="I3088" s="2">
        <v>14.65</v>
      </c>
      <c r="J3088" s="52" t="s">
        <v>7691</v>
      </c>
      <c r="K3088" s="71" t="s">
        <v>7789</v>
      </c>
      <c r="L3088" s="52" t="s">
        <v>2063</v>
      </c>
      <c r="M3088" s="72">
        <v>7349</v>
      </c>
      <c r="N3088" s="52" t="s">
        <v>2158</v>
      </c>
      <c r="O3088" s="52" t="s">
        <v>2159</v>
      </c>
      <c r="P3088" s="52"/>
      <c r="Q3088" s="52"/>
      <c r="R3088" s="52"/>
      <c r="S3088" s="52"/>
      <c r="T3088" s="52"/>
      <c r="U3088" s="52"/>
      <c r="V3088" s="52"/>
      <c r="W3088" s="52"/>
    </row>
    <row r="3089" spans="1:23" hidden="1" x14ac:dyDescent="0.35">
      <c r="A3089" s="52" t="s">
        <v>78</v>
      </c>
      <c r="B3089" s="52" t="s">
        <v>79</v>
      </c>
      <c r="C3089" s="3">
        <v>10</v>
      </c>
      <c r="D3089" s="52" t="s">
        <v>2021</v>
      </c>
      <c r="E3089" s="52" t="s">
        <v>26</v>
      </c>
      <c r="F3089" s="52" t="s">
        <v>81</v>
      </c>
      <c r="G3089" s="52" t="s">
        <v>82</v>
      </c>
      <c r="H3089" s="4">
        <v>1</v>
      </c>
      <c r="I3089" s="2">
        <v>14.65</v>
      </c>
      <c r="J3089" s="52" t="s">
        <v>7790</v>
      </c>
      <c r="K3089" s="71" t="s">
        <v>7791</v>
      </c>
      <c r="L3089" s="52" t="s">
        <v>2063</v>
      </c>
      <c r="M3089" s="72">
        <v>1036</v>
      </c>
      <c r="N3089" s="52" t="s">
        <v>2158</v>
      </c>
      <c r="O3089" s="52" t="s">
        <v>2159</v>
      </c>
      <c r="P3089" s="52"/>
      <c r="Q3089" s="52"/>
      <c r="R3089" s="52"/>
      <c r="S3089" s="52"/>
      <c r="T3089" s="52"/>
      <c r="U3089" s="52"/>
      <c r="V3089" s="52"/>
      <c r="W3089" s="52"/>
    </row>
    <row r="3090" spans="1:23" hidden="1" x14ac:dyDescent="0.35">
      <c r="A3090" s="52" t="s">
        <v>78</v>
      </c>
      <c r="B3090" s="52" t="s">
        <v>79</v>
      </c>
      <c r="C3090" s="3">
        <v>20</v>
      </c>
      <c r="D3090" s="52" t="s">
        <v>2019</v>
      </c>
      <c r="E3090" s="52" t="s">
        <v>26</v>
      </c>
      <c r="F3090" s="52" t="s">
        <v>81</v>
      </c>
      <c r="G3090" s="52" t="s">
        <v>82</v>
      </c>
      <c r="H3090" s="4">
        <v>1</v>
      </c>
      <c r="I3090" s="2">
        <v>14.65</v>
      </c>
      <c r="J3090" s="52" t="s">
        <v>7522</v>
      </c>
      <c r="K3090" s="71" t="s">
        <v>7792</v>
      </c>
      <c r="L3090" s="52" t="s">
        <v>2063</v>
      </c>
      <c r="M3090" s="72">
        <v>1695</v>
      </c>
      <c r="N3090" s="52"/>
      <c r="O3090" s="52"/>
      <c r="P3090" s="52"/>
      <c r="Q3090" s="52"/>
      <c r="R3090" s="52"/>
      <c r="S3090" s="52"/>
      <c r="T3090" s="52"/>
      <c r="U3090" s="52"/>
      <c r="V3090" s="52"/>
      <c r="W3090" s="52"/>
    </row>
    <row r="3091" spans="1:23" hidden="1" x14ac:dyDescent="0.35">
      <c r="A3091" s="52" t="s">
        <v>78</v>
      </c>
      <c r="B3091" s="52" t="s">
        <v>79</v>
      </c>
      <c r="C3091" s="3">
        <v>20</v>
      </c>
      <c r="D3091" s="52" t="s">
        <v>2023</v>
      </c>
      <c r="E3091" s="52" t="s">
        <v>26</v>
      </c>
      <c r="F3091" s="52" t="s">
        <v>81</v>
      </c>
      <c r="G3091" s="52" t="s">
        <v>82</v>
      </c>
      <c r="H3091" s="4">
        <v>1</v>
      </c>
      <c r="I3091" s="2">
        <v>14.65</v>
      </c>
      <c r="J3091" s="52" t="s">
        <v>7793</v>
      </c>
      <c r="K3091" s="71" t="s">
        <v>7794</v>
      </c>
      <c r="L3091" s="52" t="s">
        <v>2063</v>
      </c>
      <c r="M3091" s="72">
        <v>2772</v>
      </c>
      <c r="N3091" s="52" t="s">
        <v>2158</v>
      </c>
      <c r="O3091" s="52" t="s">
        <v>2159</v>
      </c>
      <c r="P3091" s="52"/>
      <c r="Q3091" s="52"/>
      <c r="R3091" s="52"/>
      <c r="S3091" s="52"/>
      <c r="T3091" s="52"/>
      <c r="U3091" s="52"/>
      <c r="V3091" s="52"/>
      <c r="W3091" s="52"/>
    </row>
    <row r="3092" spans="1:23" hidden="1" x14ac:dyDescent="0.35">
      <c r="A3092" s="52" t="s">
        <v>78</v>
      </c>
      <c r="B3092" s="52" t="s">
        <v>79</v>
      </c>
      <c r="C3092" s="3">
        <v>10</v>
      </c>
      <c r="D3092" s="52" t="s">
        <v>84</v>
      </c>
      <c r="E3092" s="52" t="s">
        <v>26</v>
      </c>
      <c r="F3092" s="52" t="s">
        <v>81</v>
      </c>
      <c r="G3092" s="52" t="s">
        <v>82</v>
      </c>
      <c r="H3092" s="4">
        <v>1</v>
      </c>
      <c r="I3092" s="2">
        <v>14.65</v>
      </c>
      <c r="J3092" s="52" t="s">
        <v>7105</v>
      </c>
      <c r="K3092" s="71" t="s">
        <v>7795</v>
      </c>
      <c r="L3092" s="52" t="s">
        <v>2063</v>
      </c>
      <c r="M3092" s="72">
        <v>3432</v>
      </c>
      <c r="N3092" s="52"/>
      <c r="O3092" s="52"/>
      <c r="P3092" s="52"/>
      <c r="Q3092" s="52"/>
      <c r="R3092" s="52"/>
      <c r="S3092" s="52"/>
      <c r="T3092" s="52"/>
      <c r="U3092" s="52"/>
      <c r="V3092" s="52"/>
      <c r="W3092" s="52"/>
    </row>
    <row r="3093" spans="1:23" hidden="1" x14ac:dyDescent="0.35">
      <c r="A3093" s="52" t="s">
        <v>78</v>
      </c>
      <c r="B3093" s="52" t="s">
        <v>79</v>
      </c>
      <c r="C3093" s="3">
        <v>10</v>
      </c>
      <c r="D3093" s="52" t="s">
        <v>86</v>
      </c>
      <c r="E3093" s="52" t="s">
        <v>26</v>
      </c>
      <c r="F3093" s="52" t="s">
        <v>81</v>
      </c>
      <c r="G3093" s="52" t="s">
        <v>82</v>
      </c>
      <c r="H3093" s="4">
        <v>1</v>
      </c>
      <c r="I3093" s="2">
        <v>14.65</v>
      </c>
      <c r="J3093" s="52" t="s">
        <v>7796</v>
      </c>
      <c r="K3093" s="71" t="s">
        <v>7797</v>
      </c>
      <c r="L3093" s="52" t="s">
        <v>2063</v>
      </c>
      <c r="M3093" s="72">
        <v>3729</v>
      </c>
      <c r="N3093" s="52" t="s">
        <v>2072</v>
      </c>
      <c r="O3093" s="52" t="s">
        <v>2073</v>
      </c>
      <c r="P3093" s="52"/>
      <c r="Q3093" s="52"/>
      <c r="R3093" s="52"/>
      <c r="S3093" s="52"/>
      <c r="T3093" s="52"/>
      <c r="U3093" s="52"/>
      <c r="V3093" s="52"/>
      <c r="W3093" s="52"/>
    </row>
    <row r="3094" spans="1:23" hidden="1" x14ac:dyDescent="0.35">
      <c r="A3094" s="52" t="s">
        <v>78</v>
      </c>
      <c r="B3094" s="52" t="s">
        <v>79</v>
      </c>
      <c r="C3094" s="3">
        <v>10</v>
      </c>
      <c r="D3094" s="52" t="s">
        <v>84</v>
      </c>
      <c r="E3094" s="52" t="s">
        <v>26</v>
      </c>
      <c r="F3094" s="52" t="s">
        <v>81</v>
      </c>
      <c r="G3094" s="52" t="s">
        <v>82</v>
      </c>
      <c r="H3094" s="4">
        <v>1</v>
      </c>
      <c r="I3094" s="2">
        <v>14.65</v>
      </c>
      <c r="J3094" s="52" t="s">
        <v>7798</v>
      </c>
      <c r="K3094" s="71" t="s">
        <v>7799</v>
      </c>
      <c r="L3094" s="52" t="s">
        <v>2063</v>
      </c>
      <c r="M3094" s="72">
        <v>3819</v>
      </c>
      <c r="N3094" s="52" t="s">
        <v>2072</v>
      </c>
      <c r="O3094" s="52" t="s">
        <v>2073</v>
      </c>
      <c r="P3094" s="52"/>
      <c r="Q3094" s="52"/>
      <c r="R3094" s="52"/>
      <c r="S3094" s="52"/>
      <c r="T3094" s="52"/>
      <c r="U3094" s="52"/>
      <c r="V3094" s="52"/>
      <c r="W3094" s="52"/>
    </row>
    <row r="3095" spans="1:23" hidden="1" x14ac:dyDescent="0.35">
      <c r="A3095" s="52" t="s">
        <v>78</v>
      </c>
      <c r="B3095" s="52" t="s">
        <v>79</v>
      </c>
      <c r="C3095" s="3">
        <v>20</v>
      </c>
      <c r="D3095" s="52" t="s">
        <v>87</v>
      </c>
      <c r="E3095" s="52" t="s">
        <v>26</v>
      </c>
      <c r="F3095" s="52" t="s">
        <v>81</v>
      </c>
      <c r="G3095" s="52" t="s">
        <v>82</v>
      </c>
      <c r="H3095" s="4">
        <v>1</v>
      </c>
      <c r="I3095" s="2">
        <v>14.65</v>
      </c>
      <c r="J3095" s="52" t="s">
        <v>7800</v>
      </c>
      <c r="K3095" s="71" t="s">
        <v>7801</v>
      </c>
      <c r="L3095" s="52" t="s">
        <v>2063</v>
      </c>
      <c r="M3095" s="72">
        <v>8528</v>
      </c>
      <c r="N3095" s="52" t="s">
        <v>2072</v>
      </c>
      <c r="O3095" s="52" t="s">
        <v>2073</v>
      </c>
      <c r="P3095" s="52"/>
      <c r="Q3095" s="52"/>
      <c r="R3095" s="52"/>
      <c r="S3095" s="52"/>
      <c r="T3095" s="52"/>
      <c r="U3095" s="52"/>
      <c r="V3095" s="52"/>
      <c r="W3095" s="52"/>
    </row>
    <row r="3096" spans="1:23" hidden="1" x14ac:dyDescent="0.35">
      <c r="A3096" s="52" t="s">
        <v>78</v>
      </c>
      <c r="B3096" s="52" t="s">
        <v>79</v>
      </c>
      <c r="C3096" s="3">
        <v>20</v>
      </c>
      <c r="D3096" s="52" t="s">
        <v>87</v>
      </c>
      <c r="E3096" s="52" t="s">
        <v>26</v>
      </c>
      <c r="F3096" s="52" t="s">
        <v>81</v>
      </c>
      <c r="G3096" s="52" t="s">
        <v>82</v>
      </c>
      <c r="H3096" s="4">
        <v>1</v>
      </c>
      <c r="I3096" s="2">
        <v>14.65</v>
      </c>
      <c r="J3096" s="52" t="s">
        <v>7802</v>
      </c>
      <c r="K3096" s="71" t="s">
        <v>7803</v>
      </c>
      <c r="L3096" s="52" t="s">
        <v>2063</v>
      </c>
      <c r="M3096" s="72">
        <v>7425</v>
      </c>
      <c r="N3096" s="52" t="s">
        <v>2304</v>
      </c>
      <c r="O3096" s="52" t="s">
        <v>2305</v>
      </c>
      <c r="P3096" s="52"/>
      <c r="Q3096" s="52"/>
      <c r="R3096" s="52"/>
      <c r="S3096" s="52"/>
      <c r="T3096" s="52"/>
      <c r="U3096" s="52"/>
      <c r="V3096" s="52"/>
      <c r="W3096" s="52"/>
    </row>
    <row r="3097" spans="1:23" hidden="1" x14ac:dyDescent="0.35">
      <c r="A3097" s="52" t="s">
        <v>78</v>
      </c>
      <c r="B3097" s="52" t="s">
        <v>79</v>
      </c>
      <c r="C3097" s="3">
        <v>10</v>
      </c>
      <c r="D3097" s="52" t="s">
        <v>2022</v>
      </c>
      <c r="E3097" s="52" t="s">
        <v>26</v>
      </c>
      <c r="F3097" s="52" t="s">
        <v>81</v>
      </c>
      <c r="G3097" s="52" t="s">
        <v>82</v>
      </c>
      <c r="H3097" s="4">
        <v>1</v>
      </c>
      <c r="I3097" s="2">
        <v>14.65</v>
      </c>
      <c r="J3097" s="52" t="s">
        <v>7804</v>
      </c>
      <c r="K3097" s="71" t="s">
        <v>7805</v>
      </c>
      <c r="L3097" s="52" t="s">
        <v>2063</v>
      </c>
      <c r="M3097" s="72">
        <v>8882</v>
      </c>
      <c r="N3097" s="52" t="s">
        <v>2154</v>
      </c>
      <c r="O3097" s="52" t="s">
        <v>2155</v>
      </c>
      <c r="P3097" s="52"/>
      <c r="Q3097" s="52"/>
      <c r="R3097" s="52"/>
      <c r="S3097" s="52"/>
      <c r="T3097" s="52"/>
      <c r="U3097" s="52"/>
      <c r="V3097" s="52"/>
      <c r="W3097" s="52"/>
    </row>
    <row r="3098" spans="1:23" hidden="1" x14ac:dyDescent="0.35">
      <c r="A3098" s="52" t="s">
        <v>78</v>
      </c>
      <c r="B3098" s="52" t="s">
        <v>79</v>
      </c>
      <c r="C3098" s="3">
        <v>20</v>
      </c>
      <c r="D3098" s="52" t="s">
        <v>85</v>
      </c>
      <c r="E3098" s="52" t="s">
        <v>26</v>
      </c>
      <c r="F3098" s="52" t="s">
        <v>81</v>
      </c>
      <c r="G3098" s="52" t="s">
        <v>82</v>
      </c>
      <c r="H3098" s="4">
        <v>1</v>
      </c>
      <c r="I3098" s="2">
        <v>14.65</v>
      </c>
      <c r="J3098" s="52" t="s">
        <v>7806</v>
      </c>
      <c r="K3098" s="71" t="s">
        <v>7807</v>
      </c>
      <c r="L3098" s="52" t="s">
        <v>2063</v>
      </c>
      <c r="M3098" s="72">
        <v>1826</v>
      </c>
      <c r="N3098" s="52" t="s">
        <v>2072</v>
      </c>
      <c r="O3098" s="52" t="s">
        <v>2073</v>
      </c>
      <c r="P3098" s="52"/>
      <c r="Q3098" s="52"/>
      <c r="R3098" s="52"/>
      <c r="S3098" s="52"/>
      <c r="T3098" s="52"/>
      <c r="U3098" s="52"/>
      <c r="V3098" s="52"/>
      <c r="W3098" s="52"/>
    </row>
    <row r="3099" spans="1:23" hidden="1" x14ac:dyDescent="0.35">
      <c r="A3099" s="52" t="s">
        <v>78</v>
      </c>
      <c r="B3099" s="52" t="s">
        <v>79</v>
      </c>
      <c r="C3099" s="3">
        <v>20</v>
      </c>
      <c r="D3099" s="52" t="s">
        <v>2024</v>
      </c>
      <c r="E3099" s="52" t="s">
        <v>26</v>
      </c>
      <c r="F3099" s="52" t="s">
        <v>81</v>
      </c>
      <c r="G3099" s="52" t="s">
        <v>82</v>
      </c>
      <c r="H3099" s="4">
        <v>1</v>
      </c>
      <c r="I3099" s="2">
        <v>14.65</v>
      </c>
      <c r="J3099" s="52" t="s">
        <v>7808</v>
      </c>
      <c r="K3099" s="71" t="s">
        <v>7809</v>
      </c>
      <c r="L3099" s="52" t="s">
        <v>2063</v>
      </c>
      <c r="M3099" s="72">
        <v>4393</v>
      </c>
      <c r="N3099" s="52" t="s">
        <v>2072</v>
      </c>
      <c r="O3099" s="52" t="s">
        <v>2073</v>
      </c>
      <c r="P3099" s="52"/>
      <c r="Q3099" s="52"/>
      <c r="R3099" s="52"/>
      <c r="S3099" s="52"/>
      <c r="T3099" s="52"/>
      <c r="U3099" s="52"/>
      <c r="V3099" s="52"/>
      <c r="W3099" s="52"/>
    </row>
    <row r="3100" spans="1:23" hidden="1" x14ac:dyDescent="0.35">
      <c r="A3100" s="52" t="s">
        <v>78</v>
      </c>
      <c r="B3100" s="52" t="s">
        <v>79</v>
      </c>
      <c r="C3100" s="3">
        <v>20</v>
      </c>
      <c r="D3100" s="52" t="s">
        <v>86</v>
      </c>
      <c r="E3100" s="52" t="s">
        <v>26</v>
      </c>
      <c r="F3100" s="52" t="s">
        <v>81</v>
      </c>
      <c r="G3100" s="52" t="s">
        <v>82</v>
      </c>
      <c r="H3100" s="4">
        <v>1</v>
      </c>
      <c r="I3100" s="2">
        <v>14.65</v>
      </c>
      <c r="J3100" s="52" t="s">
        <v>6926</v>
      </c>
      <c r="K3100" s="71" t="s">
        <v>7810</v>
      </c>
      <c r="L3100" s="52" t="s">
        <v>2063</v>
      </c>
      <c r="M3100" s="72">
        <v>9283</v>
      </c>
      <c r="N3100" s="52" t="s">
        <v>2072</v>
      </c>
      <c r="O3100" s="52" t="s">
        <v>2073</v>
      </c>
      <c r="P3100" s="52"/>
      <c r="Q3100" s="52"/>
      <c r="R3100" s="52"/>
      <c r="S3100" s="52"/>
      <c r="T3100" s="52"/>
      <c r="U3100" s="52"/>
      <c r="V3100" s="52"/>
      <c r="W3100" s="52"/>
    </row>
    <row r="3101" spans="1:23" hidden="1" x14ac:dyDescent="0.35">
      <c r="A3101" s="52" t="s">
        <v>78</v>
      </c>
      <c r="B3101" s="52" t="s">
        <v>79</v>
      </c>
      <c r="C3101" s="3">
        <v>10</v>
      </c>
      <c r="D3101" s="52" t="s">
        <v>83</v>
      </c>
      <c r="E3101" s="52" t="s">
        <v>26</v>
      </c>
      <c r="F3101" s="52" t="s">
        <v>81</v>
      </c>
      <c r="G3101" s="52" t="s">
        <v>82</v>
      </c>
      <c r="H3101" s="4">
        <v>1</v>
      </c>
      <c r="I3101" s="2">
        <v>14.65</v>
      </c>
      <c r="J3101" s="52" t="s">
        <v>7811</v>
      </c>
      <c r="K3101" s="71" t="s">
        <v>7812</v>
      </c>
      <c r="L3101" s="52" t="s">
        <v>2063</v>
      </c>
      <c r="M3101" s="72">
        <v>3016</v>
      </c>
      <c r="N3101" s="52" t="s">
        <v>2158</v>
      </c>
      <c r="O3101" s="52" t="s">
        <v>2159</v>
      </c>
      <c r="P3101" s="52"/>
      <c r="Q3101" s="52"/>
      <c r="R3101" s="52"/>
      <c r="S3101" s="52"/>
      <c r="T3101" s="52"/>
      <c r="U3101" s="52"/>
      <c r="V3101" s="52"/>
      <c r="W3101" s="52"/>
    </row>
    <row r="3102" spans="1:23" hidden="1" x14ac:dyDescent="0.35">
      <c r="A3102" s="52" t="s">
        <v>78</v>
      </c>
      <c r="B3102" s="52" t="s">
        <v>79</v>
      </c>
      <c r="C3102" s="3">
        <v>20</v>
      </c>
      <c r="D3102" s="52" t="s">
        <v>84</v>
      </c>
      <c r="E3102" s="52" t="s">
        <v>26</v>
      </c>
      <c r="F3102" s="52" t="s">
        <v>81</v>
      </c>
      <c r="G3102" s="52" t="s">
        <v>82</v>
      </c>
      <c r="H3102" s="4">
        <v>1</v>
      </c>
      <c r="I3102" s="2">
        <v>14.65</v>
      </c>
      <c r="J3102" s="52" t="s">
        <v>7813</v>
      </c>
      <c r="K3102" s="71" t="s">
        <v>7814</v>
      </c>
      <c r="L3102" s="52" t="s">
        <v>2063</v>
      </c>
      <c r="M3102" s="72">
        <v>7340</v>
      </c>
      <c r="N3102" s="52" t="s">
        <v>2066</v>
      </c>
      <c r="O3102" s="52" t="s">
        <v>2067</v>
      </c>
      <c r="P3102" s="52"/>
      <c r="Q3102" s="52"/>
      <c r="R3102" s="52"/>
      <c r="S3102" s="52"/>
      <c r="T3102" s="52"/>
      <c r="U3102" s="52"/>
      <c r="V3102" s="52"/>
      <c r="W3102" s="52"/>
    </row>
    <row r="3103" spans="1:23" hidden="1" x14ac:dyDescent="0.35">
      <c r="A3103" s="52" t="s">
        <v>78</v>
      </c>
      <c r="B3103" s="52" t="s">
        <v>79</v>
      </c>
      <c r="C3103" s="3">
        <v>20</v>
      </c>
      <c r="D3103" s="52" t="s">
        <v>83</v>
      </c>
      <c r="E3103" s="52" t="s">
        <v>26</v>
      </c>
      <c r="F3103" s="52" t="s">
        <v>81</v>
      </c>
      <c r="G3103" s="52" t="s">
        <v>82</v>
      </c>
      <c r="H3103" s="4">
        <v>1</v>
      </c>
      <c r="I3103" s="2">
        <v>14.65</v>
      </c>
      <c r="J3103" s="52" t="s">
        <v>7815</v>
      </c>
      <c r="K3103" s="71" t="s">
        <v>7816</v>
      </c>
      <c r="L3103" s="52" t="s">
        <v>2063</v>
      </c>
      <c r="M3103" s="72">
        <v>7448</v>
      </c>
      <c r="N3103" s="52" t="s">
        <v>2072</v>
      </c>
      <c r="O3103" s="52" t="s">
        <v>2073</v>
      </c>
      <c r="P3103" s="52"/>
      <c r="Q3103" s="52"/>
      <c r="R3103" s="52"/>
      <c r="S3103" s="52"/>
      <c r="T3103" s="52"/>
      <c r="U3103" s="52"/>
      <c r="V3103" s="52"/>
      <c r="W3103" s="52"/>
    </row>
    <row r="3104" spans="1:23" hidden="1" x14ac:dyDescent="0.35">
      <c r="A3104" s="52" t="s">
        <v>78</v>
      </c>
      <c r="B3104" s="52" t="s">
        <v>79</v>
      </c>
      <c r="C3104" s="3">
        <v>212</v>
      </c>
      <c r="D3104" s="52" t="s">
        <v>80</v>
      </c>
      <c r="E3104" s="52" t="s">
        <v>26</v>
      </c>
      <c r="F3104" s="52" t="s">
        <v>81</v>
      </c>
      <c r="G3104" s="52" t="s">
        <v>82</v>
      </c>
      <c r="H3104" s="4">
        <v>1</v>
      </c>
      <c r="I3104" s="2">
        <v>14.65</v>
      </c>
      <c r="J3104" s="52" t="s">
        <v>7817</v>
      </c>
      <c r="K3104" s="71" t="s">
        <v>7818</v>
      </c>
      <c r="L3104" s="52" t="s">
        <v>2063</v>
      </c>
      <c r="M3104" s="72">
        <v>89</v>
      </c>
      <c r="N3104" s="52" t="s">
        <v>2066</v>
      </c>
      <c r="O3104" s="52" t="s">
        <v>2067</v>
      </c>
      <c r="P3104" s="52"/>
      <c r="Q3104" s="52"/>
      <c r="R3104" s="52"/>
      <c r="S3104" s="52"/>
      <c r="T3104" s="52"/>
      <c r="U3104" s="52"/>
      <c r="V3104" s="52"/>
      <c r="W3104" s="52"/>
    </row>
    <row r="3105" spans="1:23" hidden="1" x14ac:dyDescent="0.35">
      <c r="A3105" s="52" t="s">
        <v>78</v>
      </c>
      <c r="B3105" s="52" t="s">
        <v>79</v>
      </c>
      <c r="C3105" s="3">
        <v>20</v>
      </c>
      <c r="D3105" s="52" t="s">
        <v>2023</v>
      </c>
      <c r="E3105" s="52" t="s">
        <v>26</v>
      </c>
      <c r="F3105" s="52" t="s">
        <v>81</v>
      </c>
      <c r="G3105" s="52" t="s">
        <v>82</v>
      </c>
      <c r="H3105" s="4">
        <v>1</v>
      </c>
      <c r="I3105" s="2">
        <v>14.65</v>
      </c>
      <c r="J3105" s="52" t="s">
        <v>7819</v>
      </c>
      <c r="K3105" s="71" t="s">
        <v>7820</v>
      </c>
      <c r="L3105" s="52" t="s">
        <v>2063</v>
      </c>
      <c r="M3105" s="72">
        <v>6925</v>
      </c>
      <c r="N3105" s="52" t="s">
        <v>2072</v>
      </c>
      <c r="O3105" s="52" t="s">
        <v>2073</v>
      </c>
      <c r="P3105" s="52"/>
      <c r="Q3105" s="52"/>
      <c r="R3105" s="52"/>
      <c r="S3105" s="52"/>
      <c r="T3105" s="52"/>
      <c r="U3105" s="52"/>
      <c r="V3105" s="52"/>
      <c r="W3105" s="52"/>
    </row>
    <row r="3106" spans="1:23" hidden="1" x14ac:dyDescent="0.35">
      <c r="A3106" s="52" t="s">
        <v>78</v>
      </c>
      <c r="B3106" s="52" t="s">
        <v>79</v>
      </c>
      <c r="C3106" s="3">
        <v>20</v>
      </c>
      <c r="D3106" s="52" t="s">
        <v>84</v>
      </c>
      <c r="E3106" s="52" t="s">
        <v>26</v>
      </c>
      <c r="F3106" s="52" t="s">
        <v>81</v>
      </c>
      <c r="G3106" s="52" t="s">
        <v>82</v>
      </c>
      <c r="H3106" s="4">
        <v>1</v>
      </c>
      <c r="I3106" s="2">
        <v>14.65</v>
      </c>
      <c r="J3106" s="52" t="s">
        <v>6979</v>
      </c>
      <c r="K3106" s="71" t="s">
        <v>7821</v>
      </c>
      <c r="L3106" s="52" t="s">
        <v>2063</v>
      </c>
      <c r="M3106" s="72">
        <v>685</v>
      </c>
      <c r="N3106" s="52" t="s">
        <v>2066</v>
      </c>
      <c r="O3106" s="52" t="s">
        <v>2067</v>
      </c>
      <c r="P3106" s="52"/>
      <c r="Q3106" s="52"/>
      <c r="R3106" s="52"/>
      <c r="S3106" s="52"/>
      <c r="T3106" s="52"/>
      <c r="U3106" s="52"/>
      <c r="V3106" s="52"/>
      <c r="W3106" s="52"/>
    </row>
    <row r="3107" spans="1:23" hidden="1" x14ac:dyDescent="0.35">
      <c r="A3107" s="52" t="s">
        <v>78</v>
      </c>
      <c r="B3107" s="52" t="s">
        <v>79</v>
      </c>
      <c r="C3107" s="3">
        <v>20</v>
      </c>
      <c r="D3107" s="52" t="s">
        <v>2021</v>
      </c>
      <c r="E3107" s="52" t="s">
        <v>26</v>
      </c>
      <c r="F3107" s="52" t="s">
        <v>81</v>
      </c>
      <c r="G3107" s="52" t="s">
        <v>82</v>
      </c>
      <c r="H3107" s="4">
        <v>1</v>
      </c>
      <c r="I3107" s="2">
        <v>14.65</v>
      </c>
      <c r="J3107" s="52" t="s">
        <v>7822</v>
      </c>
      <c r="K3107" s="71" t="s">
        <v>7823</v>
      </c>
      <c r="L3107" s="52" t="s">
        <v>2063</v>
      </c>
      <c r="M3107" s="72">
        <v>2352</v>
      </c>
      <c r="N3107" s="52" t="s">
        <v>2072</v>
      </c>
      <c r="O3107" s="52" t="s">
        <v>2073</v>
      </c>
      <c r="P3107" s="52"/>
      <c r="Q3107" s="52"/>
      <c r="R3107" s="52"/>
      <c r="S3107" s="52"/>
      <c r="T3107" s="52"/>
      <c r="U3107" s="52"/>
      <c r="V3107" s="52"/>
      <c r="W3107" s="52"/>
    </row>
    <row r="3108" spans="1:23" hidden="1" x14ac:dyDescent="0.35">
      <c r="A3108" s="52" t="s">
        <v>78</v>
      </c>
      <c r="B3108" s="52" t="s">
        <v>79</v>
      </c>
      <c r="C3108" s="3">
        <v>10</v>
      </c>
      <c r="D3108" s="52" t="s">
        <v>2023</v>
      </c>
      <c r="E3108" s="52" t="s">
        <v>26</v>
      </c>
      <c r="F3108" s="52" t="s">
        <v>81</v>
      </c>
      <c r="G3108" s="52" t="s">
        <v>82</v>
      </c>
      <c r="H3108" s="4">
        <v>1</v>
      </c>
      <c r="I3108" s="2">
        <v>14.65</v>
      </c>
      <c r="J3108" s="52" t="s">
        <v>7824</v>
      </c>
      <c r="K3108" s="71" t="s">
        <v>7825</v>
      </c>
      <c r="L3108" s="52" t="s">
        <v>2063</v>
      </c>
      <c r="M3108" s="72">
        <v>313</v>
      </c>
      <c r="N3108" s="52"/>
      <c r="O3108" s="52"/>
      <c r="P3108" s="52"/>
      <c r="Q3108" s="52"/>
      <c r="R3108" s="52"/>
      <c r="S3108" s="52"/>
      <c r="T3108" s="52"/>
      <c r="U3108" s="52"/>
      <c r="V3108" s="52"/>
      <c r="W3108" s="52"/>
    </row>
    <row r="3109" spans="1:23" x14ac:dyDescent="0.35">
      <c r="A3109" s="52" t="s">
        <v>78</v>
      </c>
      <c r="B3109" s="52" t="s">
        <v>79</v>
      </c>
      <c r="C3109" s="3">
        <v>211</v>
      </c>
      <c r="D3109" s="52" t="s">
        <v>2024</v>
      </c>
      <c r="E3109" s="52" t="s">
        <v>26</v>
      </c>
      <c r="F3109" s="52" t="s">
        <v>81</v>
      </c>
      <c r="G3109" s="52" t="s">
        <v>82</v>
      </c>
      <c r="H3109" s="4">
        <v>1</v>
      </c>
      <c r="I3109" s="2">
        <v>14.65</v>
      </c>
      <c r="J3109" s="52" t="s">
        <v>7826</v>
      </c>
      <c r="K3109" s="71" t="s">
        <v>7827</v>
      </c>
      <c r="L3109" s="52" t="s">
        <v>2063</v>
      </c>
      <c r="M3109" s="72">
        <v>2146</v>
      </c>
      <c r="N3109" s="52" t="s">
        <v>2259</v>
      </c>
      <c r="O3109" s="52" t="s">
        <v>2260</v>
      </c>
      <c r="P3109" s="52"/>
      <c r="Q3109" s="52"/>
      <c r="R3109" s="52"/>
      <c r="S3109" s="52"/>
      <c r="T3109" s="52"/>
      <c r="U3109" s="52"/>
      <c r="V3109" s="52"/>
      <c r="W3109" s="52"/>
    </row>
    <row r="3110" spans="1:23" hidden="1" x14ac:dyDescent="0.35">
      <c r="A3110" s="52" t="s">
        <v>78</v>
      </c>
      <c r="B3110" s="52" t="s">
        <v>79</v>
      </c>
      <c r="C3110" s="3">
        <v>20</v>
      </c>
      <c r="D3110" s="52" t="s">
        <v>80</v>
      </c>
      <c r="E3110" s="52" t="s">
        <v>26</v>
      </c>
      <c r="F3110" s="52" t="s">
        <v>81</v>
      </c>
      <c r="G3110" s="52" t="s">
        <v>82</v>
      </c>
      <c r="H3110" s="4">
        <v>1</v>
      </c>
      <c r="I3110" s="2">
        <v>14.65</v>
      </c>
      <c r="J3110" s="52" t="s">
        <v>7828</v>
      </c>
      <c r="K3110" s="71" t="s">
        <v>7829</v>
      </c>
      <c r="L3110" s="52" t="s">
        <v>2063</v>
      </c>
      <c r="M3110" s="72">
        <v>8073</v>
      </c>
      <c r="N3110" s="52"/>
      <c r="O3110" s="52"/>
      <c r="P3110" s="52"/>
      <c r="Q3110" s="52"/>
      <c r="R3110" s="52"/>
      <c r="S3110" s="52"/>
      <c r="T3110" s="52"/>
      <c r="U3110" s="52"/>
      <c r="V3110" s="52"/>
      <c r="W3110" s="52"/>
    </row>
    <row r="3111" spans="1:23" hidden="1" x14ac:dyDescent="0.35">
      <c r="A3111" s="52" t="s">
        <v>78</v>
      </c>
      <c r="B3111" s="52" t="s">
        <v>79</v>
      </c>
      <c r="C3111" s="3">
        <v>10</v>
      </c>
      <c r="D3111" s="52" t="s">
        <v>2020</v>
      </c>
      <c r="E3111" s="52" t="s">
        <v>26</v>
      </c>
      <c r="F3111" s="52" t="s">
        <v>81</v>
      </c>
      <c r="G3111" s="52" t="s">
        <v>82</v>
      </c>
      <c r="H3111" s="4">
        <v>1</v>
      </c>
      <c r="I3111" s="2">
        <v>14.65</v>
      </c>
      <c r="J3111" s="52" t="s">
        <v>7830</v>
      </c>
      <c r="K3111" s="71" t="s">
        <v>7831</v>
      </c>
      <c r="L3111" s="52" t="s">
        <v>2063</v>
      </c>
      <c r="M3111" s="72">
        <v>9214</v>
      </c>
      <c r="N3111" s="52" t="s">
        <v>2072</v>
      </c>
      <c r="O3111" s="52" t="s">
        <v>2073</v>
      </c>
      <c r="P3111" s="52"/>
      <c r="Q3111" s="52"/>
      <c r="R3111" s="52"/>
      <c r="S3111" s="52"/>
      <c r="T3111" s="52"/>
      <c r="U3111" s="52"/>
      <c r="V3111" s="52"/>
      <c r="W3111" s="52"/>
    </row>
    <row r="3112" spans="1:23" hidden="1" x14ac:dyDescent="0.35">
      <c r="A3112" s="52" t="s">
        <v>78</v>
      </c>
      <c r="B3112" s="52" t="s">
        <v>79</v>
      </c>
      <c r="C3112" s="3">
        <v>10</v>
      </c>
      <c r="D3112" s="52" t="s">
        <v>83</v>
      </c>
      <c r="E3112" s="52" t="s">
        <v>26</v>
      </c>
      <c r="F3112" s="52" t="s">
        <v>81</v>
      </c>
      <c r="G3112" s="52" t="s">
        <v>82</v>
      </c>
      <c r="H3112" s="4">
        <v>1</v>
      </c>
      <c r="I3112" s="2">
        <v>14.65</v>
      </c>
      <c r="J3112" s="52" t="s">
        <v>6938</v>
      </c>
      <c r="K3112" s="71" t="s">
        <v>7832</v>
      </c>
      <c r="L3112" s="52" t="s">
        <v>2063</v>
      </c>
      <c r="M3112" s="72">
        <v>1533</v>
      </c>
      <c r="N3112" s="52"/>
      <c r="O3112" s="52"/>
      <c r="P3112" s="52"/>
      <c r="Q3112" s="52"/>
      <c r="R3112" s="52"/>
      <c r="S3112" s="52"/>
      <c r="T3112" s="52"/>
      <c r="U3112" s="52"/>
      <c r="V3112" s="52"/>
      <c r="W3112" s="52"/>
    </row>
    <row r="3113" spans="1:23" hidden="1" x14ac:dyDescent="0.35">
      <c r="A3113" s="52" t="s">
        <v>78</v>
      </c>
      <c r="B3113" s="52" t="s">
        <v>79</v>
      </c>
      <c r="C3113" s="3">
        <v>10</v>
      </c>
      <c r="D3113" s="52" t="s">
        <v>2022</v>
      </c>
      <c r="E3113" s="52" t="s">
        <v>26</v>
      </c>
      <c r="F3113" s="52" t="s">
        <v>81</v>
      </c>
      <c r="G3113" s="52" t="s">
        <v>82</v>
      </c>
      <c r="H3113" s="4">
        <v>1</v>
      </c>
      <c r="I3113" s="2">
        <v>14.65</v>
      </c>
      <c r="J3113" s="52" t="s">
        <v>7833</v>
      </c>
      <c r="K3113" s="71" t="s">
        <v>7834</v>
      </c>
      <c r="L3113" s="52" t="s">
        <v>2063</v>
      </c>
      <c r="M3113" s="72">
        <v>7674</v>
      </c>
      <c r="N3113" s="52" t="s">
        <v>2615</v>
      </c>
      <c r="O3113" s="52" t="s">
        <v>2616</v>
      </c>
      <c r="P3113" s="52"/>
      <c r="Q3113" s="52"/>
      <c r="R3113" s="52"/>
      <c r="S3113" s="52"/>
      <c r="T3113" s="52"/>
      <c r="U3113" s="52"/>
      <c r="V3113" s="52"/>
      <c r="W3113" s="52"/>
    </row>
    <row r="3114" spans="1:23" hidden="1" x14ac:dyDescent="0.35">
      <c r="A3114" s="52" t="s">
        <v>78</v>
      </c>
      <c r="B3114" s="52" t="s">
        <v>79</v>
      </c>
      <c r="C3114" s="3">
        <v>10</v>
      </c>
      <c r="D3114" s="52" t="s">
        <v>2020</v>
      </c>
      <c r="E3114" s="52" t="s">
        <v>26</v>
      </c>
      <c r="F3114" s="52" t="s">
        <v>81</v>
      </c>
      <c r="G3114" s="52" t="s">
        <v>82</v>
      </c>
      <c r="H3114" s="4">
        <v>1</v>
      </c>
      <c r="I3114" s="2">
        <v>14.65</v>
      </c>
      <c r="J3114" s="52" t="s">
        <v>7835</v>
      </c>
      <c r="K3114" s="71" t="s">
        <v>7836</v>
      </c>
      <c r="L3114" s="52" t="s">
        <v>2063</v>
      </c>
      <c r="M3114" s="72">
        <v>9384</v>
      </c>
      <c r="N3114" s="52" t="s">
        <v>2072</v>
      </c>
      <c r="O3114" s="52" t="s">
        <v>2073</v>
      </c>
      <c r="P3114" s="52"/>
      <c r="Q3114" s="52"/>
      <c r="R3114" s="52"/>
      <c r="S3114" s="52"/>
      <c r="T3114" s="52"/>
      <c r="U3114" s="52"/>
      <c r="V3114" s="52"/>
      <c r="W3114" s="52"/>
    </row>
    <row r="3115" spans="1:23" hidden="1" x14ac:dyDescent="0.35">
      <c r="A3115" s="52" t="s">
        <v>78</v>
      </c>
      <c r="B3115" s="52" t="s">
        <v>79</v>
      </c>
      <c r="C3115" s="3">
        <v>20</v>
      </c>
      <c r="D3115" s="52" t="s">
        <v>2021</v>
      </c>
      <c r="E3115" s="52" t="s">
        <v>26</v>
      </c>
      <c r="F3115" s="52" t="s">
        <v>81</v>
      </c>
      <c r="G3115" s="52" t="s">
        <v>82</v>
      </c>
      <c r="H3115" s="4">
        <v>1</v>
      </c>
      <c r="I3115" s="2">
        <v>14.65</v>
      </c>
      <c r="J3115" s="52" t="s">
        <v>7837</v>
      </c>
      <c r="K3115" s="71" t="s">
        <v>7838</v>
      </c>
      <c r="L3115" s="52" t="s">
        <v>2063</v>
      </c>
      <c r="M3115" s="72">
        <v>7581</v>
      </c>
      <c r="N3115" s="52" t="s">
        <v>2072</v>
      </c>
      <c r="O3115" s="52" t="s">
        <v>2073</v>
      </c>
      <c r="P3115" s="52"/>
      <c r="Q3115" s="52"/>
      <c r="R3115" s="52"/>
      <c r="S3115" s="52"/>
      <c r="T3115" s="52"/>
      <c r="U3115" s="52"/>
      <c r="V3115" s="52"/>
      <c r="W3115" s="52"/>
    </row>
    <row r="3116" spans="1:23" hidden="1" x14ac:dyDescent="0.35">
      <c r="A3116" s="52" t="s">
        <v>78</v>
      </c>
      <c r="B3116" s="52" t="s">
        <v>79</v>
      </c>
      <c r="C3116" s="3">
        <v>20</v>
      </c>
      <c r="D3116" s="52" t="s">
        <v>2024</v>
      </c>
      <c r="E3116" s="52" t="s">
        <v>26</v>
      </c>
      <c r="F3116" s="52" t="s">
        <v>81</v>
      </c>
      <c r="G3116" s="52" t="s">
        <v>82</v>
      </c>
      <c r="H3116" s="4">
        <v>1</v>
      </c>
      <c r="I3116" s="2">
        <v>14.65</v>
      </c>
      <c r="J3116" s="52" t="s">
        <v>6904</v>
      </c>
      <c r="K3116" s="71" t="s">
        <v>7839</v>
      </c>
      <c r="L3116" s="52" t="s">
        <v>2063</v>
      </c>
      <c r="M3116" s="72">
        <v>5135</v>
      </c>
      <c r="N3116" s="52"/>
      <c r="O3116" s="52"/>
      <c r="P3116" s="52"/>
      <c r="Q3116" s="52"/>
      <c r="R3116" s="52"/>
      <c r="S3116" s="52"/>
      <c r="T3116" s="52"/>
      <c r="U3116" s="52"/>
      <c r="V3116" s="52"/>
      <c r="W3116" s="52"/>
    </row>
    <row r="3117" spans="1:23" hidden="1" x14ac:dyDescent="0.35">
      <c r="A3117" s="52" t="s">
        <v>78</v>
      </c>
      <c r="B3117" s="52" t="s">
        <v>79</v>
      </c>
      <c r="C3117" s="3">
        <v>20</v>
      </c>
      <c r="D3117" s="52" t="s">
        <v>2021</v>
      </c>
      <c r="E3117" s="52" t="s">
        <v>26</v>
      </c>
      <c r="F3117" s="52" t="s">
        <v>81</v>
      </c>
      <c r="G3117" s="52" t="s">
        <v>82</v>
      </c>
      <c r="H3117" s="4">
        <v>1</v>
      </c>
      <c r="I3117" s="2">
        <v>14.65</v>
      </c>
      <c r="J3117" s="52" t="s">
        <v>7840</v>
      </c>
      <c r="K3117" s="71" t="s">
        <v>7841</v>
      </c>
      <c r="L3117" s="52" t="s">
        <v>2063</v>
      </c>
      <c r="M3117" s="72">
        <v>643</v>
      </c>
      <c r="N3117" s="52" t="s">
        <v>2072</v>
      </c>
      <c r="O3117" s="52" t="s">
        <v>2073</v>
      </c>
      <c r="P3117" s="52"/>
      <c r="Q3117" s="52"/>
      <c r="R3117" s="52"/>
      <c r="S3117" s="52"/>
      <c r="T3117" s="52"/>
      <c r="U3117" s="52"/>
      <c r="V3117" s="52"/>
      <c r="W3117" s="52"/>
    </row>
    <row r="3118" spans="1:23" hidden="1" x14ac:dyDescent="0.35">
      <c r="A3118" s="52" t="s">
        <v>78</v>
      </c>
      <c r="B3118" s="52" t="s">
        <v>79</v>
      </c>
      <c r="C3118" s="3">
        <v>20</v>
      </c>
      <c r="D3118" s="52" t="s">
        <v>83</v>
      </c>
      <c r="E3118" s="52" t="s">
        <v>26</v>
      </c>
      <c r="F3118" s="52" t="s">
        <v>81</v>
      </c>
      <c r="G3118" s="52" t="s">
        <v>82</v>
      </c>
      <c r="H3118" s="4">
        <v>1</v>
      </c>
      <c r="I3118" s="2">
        <v>14.65</v>
      </c>
      <c r="J3118" s="52" t="s">
        <v>7842</v>
      </c>
      <c r="K3118" s="71" t="s">
        <v>7843</v>
      </c>
      <c r="L3118" s="52" t="s">
        <v>2063</v>
      </c>
      <c r="M3118" s="72">
        <v>3640</v>
      </c>
      <c r="N3118" s="52" t="s">
        <v>2072</v>
      </c>
      <c r="O3118" s="52" t="s">
        <v>2073</v>
      </c>
      <c r="P3118" s="52"/>
      <c r="Q3118" s="52"/>
      <c r="R3118" s="52"/>
      <c r="S3118" s="52"/>
      <c r="T3118" s="52"/>
      <c r="U3118" s="52"/>
      <c r="V3118" s="52"/>
      <c r="W3118" s="52"/>
    </row>
    <row r="3119" spans="1:23" hidden="1" x14ac:dyDescent="0.35">
      <c r="A3119" s="52" t="s">
        <v>78</v>
      </c>
      <c r="B3119" s="52" t="s">
        <v>79</v>
      </c>
      <c r="C3119" s="3">
        <v>10</v>
      </c>
      <c r="D3119" s="52" t="s">
        <v>86</v>
      </c>
      <c r="E3119" s="52" t="s">
        <v>26</v>
      </c>
      <c r="F3119" s="52" t="s">
        <v>81</v>
      </c>
      <c r="G3119" s="52" t="s">
        <v>82</v>
      </c>
      <c r="H3119" s="4">
        <v>1</v>
      </c>
      <c r="I3119" s="2">
        <v>14.65</v>
      </c>
      <c r="J3119" s="52" t="s">
        <v>7844</v>
      </c>
      <c r="K3119" s="71" t="s">
        <v>7845</v>
      </c>
      <c r="L3119" s="52" t="s">
        <v>2063</v>
      </c>
      <c r="M3119" s="72">
        <v>8075</v>
      </c>
      <c r="N3119" s="52" t="s">
        <v>2072</v>
      </c>
      <c r="O3119" s="52" t="s">
        <v>2073</v>
      </c>
      <c r="P3119" s="52"/>
      <c r="Q3119" s="52"/>
      <c r="R3119" s="52"/>
      <c r="S3119" s="52"/>
      <c r="T3119" s="52"/>
      <c r="U3119" s="52"/>
      <c r="V3119" s="52"/>
      <c r="W3119" s="52"/>
    </row>
    <row r="3120" spans="1:23" hidden="1" x14ac:dyDescent="0.35">
      <c r="A3120" s="52" t="s">
        <v>78</v>
      </c>
      <c r="B3120" s="52" t="s">
        <v>79</v>
      </c>
      <c r="C3120" s="3">
        <v>20</v>
      </c>
      <c r="D3120" s="52" t="s">
        <v>2020</v>
      </c>
      <c r="E3120" s="52" t="s">
        <v>26</v>
      </c>
      <c r="F3120" s="52" t="s">
        <v>81</v>
      </c>
      <c r="G3120" s="52" t="s">
        <v>82</v>
      </c>
      <c r="H3120" s="4">
        <v>1</v>
      </c>
      <c r="I3120" s="2">
        <v>14.65</v>
      </c>
      <c r="J3120" s="52" t="s">
        <v>7846</v>
      </c>
      <c r="K3120" s="71" t="s">
        <v>7847</v>
      </c>
      <c r="L3120" s="52" t="s">
        <v>2063</v>
      </c>
      <c r="M3120" s="72">
        <v>752</v>
      </c>
      <c r="N3120" s="52" t="s">
        <v>2072</v>
      </c>
      <c r="O3120" s="52" t="s">
        <v>2073</v>
      </c>
      <c r="P3120" s="52"/>
      <c r="Q3120" s="52"/>
      <c r="R3120" s="52"/>
      <c r="S3120" s="52"/>
      <c r="T3120" s="52"/>
      <c r="U3120" s="52"/>
      <c r="V3120" s="52"/>
      <c r="W3120" s="52"/>
    </row>
    <row r="3121" spans="1:23" x14ac:dyDescent="0.35">
      <c r="A3121" s="52" t="s">
        <v>78</v>
      </c>
      <c r="B3121" s="52" t="s">
        <v>79</v>
      </c>
      <c r="C3121" s="3">
        <v>212</v>
      </c>
      <c r="D3121" s="52" t="s">
        <v>2023</v>
      </c>
      <c r="E3121" s="52" t="s">
        <v>26</v>
      </c>
      <c r="F3121" s="52" t="s">
        <v>81</v>
      </c>
      <c r="G3121" s="52" t="s">
        <v>82</v>
      </c>
      <c r="H3121" s="4">
        <v>1</v>
      </c>
      <c r="I3121" s="2">
        <v>14.65</v>
      </c>
      <c r="J3121" s="52" t="s">
        <v>7848</v>
      </c>
      <c r="K3121" s="71" t="s">
        <v>7849</v>
      </c>
      <c r="L3121" s="52" t="s">
        <v>2063</v>
      </c>
      <c r="M3121" s="72">
        <v>985</v>
      </c>
      <c r="N3121" s="52" t="s">
        <v>2076</v>
      </c>
      <c r="O3121" s="52" t="s">
        <v>2077</v>
      </c>
      <c r="P3121" s="52"/>
      <c r="Q3121" s="52"/>
      <c r="R3121" s="52"/>
      <c r="S3121" s="52"/>
      <c r="T3121" s="52"/>
      <c r="U3121" s="52"/>
      <c r="V3121" s="52"/>
      <c r="W3121" s="52"/>
    </row>
    <row r="3122" spans="1:23" hidden="1" x14ac:dyDescent="0.35">
      <c r="A3122" s="52" t="s">
        <v>78</v>
      </c>
      <c r="B3122" s="52" t="s">
        <v>79</v>
      </c>
      <c r="C3122" s="3">
        <v>20</v>
      </c>
      <c r="D3122" s="52" t="s">
        <v>83</v>
      </c>
      <c r="E3122" s="52" t="s">
        <v>26</v>
      </c>
      <c r="F3122" s="52" t="s">
        <v>81</v>
      </c>
      <c r="G3122" s="52" t="s">
        <v>82</v>
      </c>
      <c r="H3122" s="4">
        <v>1</v>
      </c>
      <c r="I3122" s="2">
        <v>14.65</v>
      </c>
      <c r="J3122" s="52" t="s">
        <v>7850</v>
      </c>
      <c r="K3122" s="71" t="s">
        <v>7851</v>
      </c>
      <c r="L3122" s="52" t="s">
        <v>2063</v>
      </c>
      <c r="M3122" s="72">
        <v>9123</v>
      </c>
      <c r="N3122" s="52" t="s">
        <v>2072</v>
      </c>
      <c r="O3122" s="52" t="s">
        <v>2073</v>
      </c>
      <c r="P3122" s="52"/>
      <c r="Q3122" s="52"/>
      <c r="R3122" s="52"/>
      <c r="S3122" s="52"/>
      <c r="T3122" s="52"/>
      <c r="U3122" s="52"/>
      <c r="V3122" s="52"/>
      <c r="W3122" s="52"/>
    </row>
    <row r="3123" spans="1:23" x14ac:dyDescent="0.35">
      <c r="A3123" s="52" t="s">
        <v>78</v>
      </c>
      <c r="B3123" s="52" t="s">
        <v>79</v>
      </c>
      <c r="C3123" s="3">
        <v>211</v>
      </c>
      <c r="D3123" s="52" t="s">
        <v>83</v>
      </c>
      <c r="E3123" s="52" t="s">
        <v>26</v>
      </c>
      <c r="F3123" s="52" t="s">
        <v>81</v>
      </c>
      <c r="G3123" s="52" t="s">
        <v>82</v>
      </c>
      <c r="H3123" s="4">
        <v>1</v>
      </c>
      <c r="I3123" s="2">
        <v>14.65</v>
      </c>
      <c r="J3123" s="52" t="s">
        <v>7852</v>
      </c>
      <c r="K3123" s="71" t="s">
        <v>7853</v>
      </c>
      <c r="L3123" s="52" t="s">
        <v>2063</v>
      </c>
      <c r="M3123" s="72">
        <v>4954</v>
      </c>
      <c r="N3123" s="52" t="s">
        <v>2259</v>
      </c>
      <c r="O3123" s="52" t="s">
        <v>2260</v>
      </c>
      <c r="P3123" s="52"/>
      <c r="Q3123" s="52"/>
      <c r="R3123" s="52"/>
      <c r="S3123" s="52"/>
      <c r="T3123" s="52"/>
      <c r="U3123" s="52"/>
      <c r="V3123" s="52"/>
      <c r="W3123" s="52"/>
    </row>
    <row r="3124" spans="1:23" hidden="1" x14ac:dyDescent="0.35">
      <c r="A3124" s="52" t="s">
        <v>78</v>
      </c>
      <c r="B3124" s="52" t="s">
        <v>79</v>
      </c>
      <c r="C3124" s="3">
        <v>20</v>
      </c>
      <c r="D3124" s="52" t="s">
        <v>2021</v>
      </c>
      <c r="E3124" s="52" t="s">
        <v>26</v>
      </c>
      <c r="F3124" s="52" t="s">
        <v>81</v>
      </c>
      <c r="G3124" s="52" t="s">
        <v>82</v>
      </c>
      <c r="H3124" s="4">
        <v>1</v>
      </c>
      <c r="I3124" s="2">
        <v>14.65</v>
      </c>
      <c r="J3124" s="52" t="s">
        <v>7854</v>
      </c>
      <c r="K3124" s="71" t="s">
        <v>7855</v>
      </c>
      <c r="L3124" s="52" t="s">
        <v>2063</v>
      </c>
      <c r="M3124" s="72">
        <v>2189</v>
      </c>
      <c r="N3124" s="52" t="s">
        <v>2072</v>
      </c>
      <c r="O3124" s="52" t="s">
        <v>2073</v>
      </c>
      <c r="P3124" s="52"/>
      <c r="Q3124" s="52"/>
      <c r="R3124" s="52"/>
      <c r="S3124" s="52"/>
      <c r="T3124" s="52"/>
      <c r="U3124" s="52"/>
      <c r="V3124" s="52"/>
      <c r="W3124" s="52"/>
    </row>
    <row r="3125" spans="1:23" hidden="1" x14ac:dyDescent="0.35">
      <c r="A3125" s="52" t="s">
        <v>78</v>
      </c>
      <c r="B3125" s="52" t="s">
        <v>79</v>
      </c>
      <c r="C3125" s="3">
        <v>20</v>
      </c>
      <c r="D3125" s="52" t="s">
        <v>80</v>
      </c>
      <c r="E3125" s="52" t="s">
        <v>26</v>
      </c>
      <c r="F3125" s="52" t="s">
        <v>81</v>
      </c>
      <c r="G3125" s="52" t="s">
        <v>82</v>
      </c>
      <c r="H3125" s="4">
        <v>1</v>
      </c>
      <c r="I3125" s="2">
        <v>14.65</v>
      </c>
      <c r="J3125" s="52" t="s">
        <v>6974</v>
      </c>
      <c r="K3125" s="71" t="s">
        <v>7856</v>
      </c>
      <c r="L3125" s="52" t="s">
        <v>2063</v>
      </c>
      <c r="M3125" s="72">
        <v>4579</v>
      </c>
      <c r="N3125" s="52"/>
      <c r="O3125" s="52"/>
      <c r="P3125" s="52"/>
      <c r="Q3125" s="52"/>
      <c r="R3125" s="52"/>
      <c r="S3125" s="52"/>
      <c r="T3125" s="52"/>
      <c r="U3125" s="52"/>
      <c r="V3125" s="52"/>
      <c r="W3125" s="52"/>
    </row>
    <row r="3126" spans="1:23" hidden="1" x14ac:dyDescent="0.35">
      <c r="A3126" s="52" t="s">
        <v>78</v>
      </c>
      <c r="B3126" s="52" t="s">
        <v>79</v>
      </c>
      <c r="C3126" s="3">
        <v>20</v>
      </c>
      <c r="D3126" s="52" t="s">
        <v>2023</v>
      </c>
      <c r="E3126" s="52" t="s">
        <v>26</v>
      </c>
      <c r="F3126" s="52" t="s">
        <v>81</v>
      </c>
      <c r="G3126" s="52" t="s">
        <v>82</v>
      </c>
      <c r="H3126" s="4">
        <v>1</v>
      </c>
      <c r="I3126" s="2">
        <v>14.65</v>
      </c>
      <c r="J3126" s="52" t="s">
        <v>7857</v>
      </c>
      <c r="K3126" s="71" t="s">
        <v>7858</v>
      </c>
      <c r="L3126" s="52" t="s">
        <v>2063</v>
      </c>
      <c r="M3126" s="72">
        <v>7536</v>
      </c>
      <c r="N3126" s="52" t="s">
        <v>2072</v>
      </c>
      <c r="O3126" s="52" t="s">
        <v>2073</v>
      </c>
      <c r="P3126" s="52"/>
      <c r="Q3126" s="52"/>
      <c r="R3126" s="52"/>
      <c r="S3126" s="52"/>
      <c r="T3126" s="52"/>
      <c r="U3126" s="52"/>
      <c r="V3126" s="52"/>
      <c r="W3126" s="52"/>
    </row>
    <row r="3127" spans="1:23" hidden="1" x14ac:dyDescent="0.35">
      <c r="A3127" s="52" t="s">
        <v>78</v>
      </c>
      <c r="B3127" s="52" t="s">
        <v>79</v>
      </c>
      <c r="C3127" s="3">
        <v>10</v>
      </c>
      <c r="D3127" s="52" t="s">
        <v>2020</v>
      </c>
      <c r="E3127" s="52" t="s">
        <v>26</v>
      </c>
      <c r="F3127" s="52" t="s">
        <v>81</v>
      </c>
      <c r="G3127" s="52" t="s">
        <v>82</v>
      </c>
      <c r="H3127" s="4">
        <v>1</v>
      </c>
      <c r="I3127" s="2">
        <v>14.65</v>
      </c>
      <c r="J3127" s="52" t="s">
        <v>7046</v>
      </c>
      <c r="K3127" s="71" t="s">
        <v>7859</v>
      </c>
      <c r="L3127" s="52" t="s">
        <v>2063</v>
      </c>
      <c r="M3127" s="72">
        <v>5534</v>
      </c>
      <c r="N3127" s="52" t="s">
        <v>2066</v>
      </c>
      <c r="O3127" s="52" t="s">
        <v>2067</v>
      </c>
      <c r="P3127" s="52"/>
      <c r="Q3127" s="52"/>
      <c r="R3127" s="52"/>
      <c r="S3127" s="52"/>
      <c r="T3127" s="52"/>
      <c r="U3127" s="52"/>
      <c r="V3127" s="52"/>
      <c r="W3127" s="52"/>
    </row>
    <row r="3128" spans="1:23" hidden="1" x14ac:dyDescent="0.35">
      <c r="A3128" s="52" t="s">
        <v>78</v>
      </c>
      <c r="B3128" s="52" t="s">
        <v>79</v>
      </c>
      <c r="C3128" s="3">
        <v>20</v>
      </c>
      <c r="D3128" s="52" t="s">
        <v>87</v>
      </c>
      <c r="E3128" s="52" t="s">
        <v>26</v>
      </c>
      <c r="F3128" s="52" t="s">
        <v>81</v>
      </c>
      <c r="G3128" s="52" t="s">
        <v>82</v>
      </c>
      <c r="H3128" s="4">
        <v>1</v>
      </c>
      <c r="I3128" s="2">
        <v>14.65</v>
      </c>
      <c r="J3128" s="52" t="s">
        <v>7860</v>
      </c>
      <c r="K3128" s="71" t="s">
        <v>7861</v>
      </c>
      <c r="L3128" s="52" t="s">
        <v>2063</v>
      </c>
      <c r="M3128" s="72">
        <v>4073</v>
      </c>
      <c r="N3128" s="52" t="s">
        <v>2072</v>
      </c>
      <c r="O3128" s="52" t="s">
        <v>2073</v>
      </c>
      <c r="P3128" s="52"/>
      <c r="Q3128" s="52"/>
      <c r="R3128" s="52"/>
      <c r="S3128" s="52"/>
      <c r="T3128" s="52"/>
      <c r="U3128" s="52"/>
      <c r="V3128" s="52"/>
      <c r="W3128" s="52"/>
    </row>
    <row r="3129" spans="1:23" hidden="1" x14ac:dyDescent="0.35">
      <c r="A3129" s="52" t="s">
        <v>78</v>
      </c>
      <c r="B3129" s="52" t="s">
        <v>79</v>
      </c>
      <c r="C3129" s="3">
        <v>20</v>
      </c>
      <c r="D3129" s="52" t="s">
        <v>2022</v>
      </c>
      <c r="E3129" s="52" t="s">
        <v>26</v>
      </c>
      <c r="F3129" s="52" t="s">
        <v>81</v>
      </c>
      <c r="G3129" s="52" t="s">
        <v>82</v>
      </c>
      <c r="H3129" s="4">
        <v>1</v>
      </c>
      <c r="I3129" s="2">
        <v>14.65</v>
      </c>
      <c r="J3129" s="52" t="s">
        <v>7862</v>
      </c>
      <c r="K3129" s="71" t="s">
        <v>7863</v>
      </c>
      <c r="L3129" s="52" t="s">
        <v>2063</v>
      </c>
      <c r="M3129" s="72">
        <v>2821</v>
      </c>
      <c r="N3129" s="52" t="s">
        <v>2066</v>
      </c>
      <c r="O3129" s="52" t="s">
        <v>2067</v>
      </c>
      <c r="P3129" s="52"/>
      <c r="Q3129" s="52"/>
      <c r="R3129" s="52"/>
      <c r="S3129" s="52"/>
      <c r="T3129" s="52"/>
      <c r="U3129" s="52"/>
      <c r="V3129" s="52"/>
      <c r="W3129" s="52"/>
    </row>
    <row r="3130" spans="1:23" hidden="1" x14ac:dyDescent="0.35">
      <c r="A3130" s="52" t="s">
        <v>78</v>
      </c>
      <c r="B3130" s="52" t="s">
        <v>79</v>
      </c>
      <c r="C3130" s="3">
        <v>20</v>
      </c>
      <c r="D3130" s="52" t="s">
        <v>2023</v>
      </c>
      <c r="E3130" s="52" t="s">
        <v>26</v>
      </c>
      <c r="F3130" s="52" t="s">
        <v>81</v>
      </c>
      <c r="G3130" s="52" t="s">
        <v>82</v>
      </c>
      <c r="H3130" s="4">
        <v>1</v>
      </c>
      <c r="I3130" s="2">
        <v>14.65</v>
      </c>
      <c r="J3130" s="52" t="s">
        <v>7864</v>
      </c>
      <c r="K3130" s="71" t="s">
        <v>7865</v>
      </c>
      <c r="L3130" s="52" t="s">
        <v>2063</v>
      </c>
      <c r="M3130" s="72">
        <v>920</v>
      </c>
      <c r="N3130" s="52" t="s">
        <v>2072</v>
      </c>
      <c r="O3130" s="52" t="s">
        <v>2073</v>
      </c>
      <c r="P3130" s="52"/>
      <c r="Q3130" s="52"/>
      <c r="R3130" s="52"/>
      <c r="S3130" s="52"/>
      <c r="T3130" s="52"/>
      <c r="U3130" s="52"/>
      <c r="V3130" s="52"/>
      <c r="W3130" s="52"/>
    </row>
    <row r="3131" spans="1:23" hidden="1" x14ac:dyDescent="0.35">
      <c r="A3131" s="52" t="s">
        <v>78</v>
      </c>
      <c r="B3131" s="52" t="s">
        <v>79</v>
      </c>
      <c r="C3131" s="3">
        <v>10</v>
      </c>
      <c r="D3131" s="52" t="s">
        <v>87</v>
      </c>
      <c r="E3131" s="52" t="s">
        <v>26</v>
      </c>
      <c r="F3131" s="52" t="s">
        <v>81</v>
      </c>
      <c r="G3131" s="52" t="s">
        <v>82</v>
      </c>
      <c r="H3131" s="4">
        <v>1</v>
      </c>
      <c r="I3131" s="2">
        <v>14.65</v>
      </c>
      <c r="J3131" s="52" t="s">
        <v>7866</v>
      </c>
      <c r="K3131" s="71" t="s">
        <v>7867</v>
      </c>
      <c r="L3131" s="52" t="s">
        <v>2063</v>
      </c>
      <c r="M3131" s="72">
        <v>1790</v>
      </c>
      <c r="N3131" s="52" t="s">
        <v>2158</v>
      </c>
      <c r="O3131" s="52" t="s">
        <v>2159</v>
      </c>
      <c r="P3131" s="52"/>
      <c r="Q3131" s="52"/>
      <c r="R3131" s="52"/>
      <c r="S3131" s="52"/>
      <c r="T3131" s="52"/>
      <c r="U3131" s="52"/>
      <c r="V3131" s="52"/>
      <c r="W3131" s="52"/>
    </row>
    <row r="3132" spans="1:23" hidden="1" x14ac:dyDescent="0.35">
      <c r="A3132" s="52" t="s">
        <v>78</v>
      </c>
      <c r="B3132" s="52" t="s">
        <v>79</v>
      </c>
      <c r="C3132" s="3">
        <v>10</v>
      </c>
      <c r="D3132" s="52" t="s">
        <v>80</v>
      </c>
      <c r="E3132" s="52" t="s">
        <v>26</v>
      </c>
      <c r="F3132" s="52" t="s">
        <v>81</v>
      </c>
      <c r="G3132" s="52" t="s">
        <v>82</v>
      </c>
      <c r="H3132" s="4">
        <v>1</v>
      </c>
      <c r="I3132" s="2">
        <v>14.65</v>
      </c>
      <c r="J3132" s="52" t="s">
        <v>7868</v>
      </c>
      <c r="K3132" s="71" t="s">
        <v>7869</v>
      </c>
      <c r="L3132" s="52" t="s">
        <v>2063</v>
      </c>
      <c r="M3132" s="72">
        <v>7540</v>
      </c>
      <c r="N3132" s="52" t="s">
        <v>2066</v>
      </c>
      <c r="O3132" s="52" t="s">
        <v>2067</v>
      </c>
      <c r="P3132" s="52"/>
      <c r="Q3132" s="52"/>
      <c r="R3132" s="52"/>
      <c r="S3132" s="52"/>
      <c r="T3132" s="52"/>
      <c r="U3132" s="52"/>
      <c r="V3132" s="52"/>
      <c r="W3132" s="52"/>
    </row>
    <row r="3133" spans="1:23" hidden="1" x14ac:dyDescent="0.35">
      <c r="A3133" s="52" t="s">
        <v>78</v>
      </c>
      <c r="B3133" s="52" t="s">
        <v>79</v>
      </c>
      <c r="C3133" s="3">
        <v>20</v>
      </c>
      <c r="D3133" s="52" t="s">
        <v>2021</v>
      </c>
      <c r="E3133" s="52" t="s">
        <v>26</v>
      </c>
      <c r="F3133" s="52" t="s">
        <v>81</v>
      </c>
      <c r="G3133" s="52" t="s">
        <v>82</v>
      </c>
      <c r="H3133" s="4">
        <v>1</v>
      </c>
      <c r="I3133" s="2">
        <v>14.65</v>
      </c>
      <c r="J3133" s="52" t="s">
        <v>7455</v>
      </c>
      <c r="K3133" s="71" t="s">
        <v>7870</v>
      </c>
      <c r="L3133" s="52" t="s">
        <v>2063</v>
      </c>
      <c r="M3133" s="72">
        <v>1238</v>
      </c>
      <c r="N3133" s="52" t="s">
        <v>2072</v>
      </c>
      <c r="O3133" s="52" t="s">
        <v>2073</v>
      </c>
      <c r="P3133" s="52"/>
      <c r="Q3133" s="52"/>
      <c r="R3133" s="52"/>
      <c r="S3133" s="52"/>
      <c r="T3133" s="52"/>
      <c r="U3133" s="52"/>
      <c r="V3133" s="52"/>
      <c r="W3133" s="52"/>
    </row>
    <row r="3134" spans="1:23" hidden="1" x14ac:dyDescent="0.35">
      <c r="A3134" s="52" t="s">
        <v>78</v>
      </c>
      <c r="B3134" s="52" t="s">
        <v>79</v>
      </c>
      <c r="C3134" s="3">
        <v>20</v>
      </c>
      <c r="D3134" s="52" t="s">
        <v>84</v>
      </c>
      <c r="E3134" s="52" t="s">
        <v>26</v>
      </c>
      <c r="F3134" s="52" t="s">
        <v>81</v>
      </c>
      <c r="G3134" s="52" t="s">
        <v>82</v>
      </c>
      <c r="H3134" s="4">
        <v>1</v>
      </c>
      <c r="I3134" s="2">
        <v>14.65</v>
      </c>
      <c r="J3134" s="52" t="s">
        <v>7871</v>
      </c>
      <c r="K3134" s="71" t="s">
        <v>7872</v>
      </c>
      <c r="L3134" s="52" t="s">
        <v>2063</v>
      </c>
      <c r="M3134" s="72">
        <v>7862</v>
      </c>
      <c r="N3134" s="52" t="s">
        <v>2072</v>
      </c>
      <c r="O3134" s="52" t="s">
        <v>2073</v>
      </c>
      <c r="P3134" s="52"/>
      <c r="Q3134" s="52"/>
      <c r="R3134" s="52"/>
      <c r="S3134" s="52"/>
      <c r="T3134" s="52"/>
      <c r="U3134" s="52"/>
      <c r="V3134" s="52"/>
      <c r="W3134" s="52"/>
    </row>
    <row r="3135" spans="1:23" hidden="1" x14ac:dyDescent="0.35">
      <c r="A3135" s="52" t="s">
        <v>78</v>
      </c>
      <c r="B3135" s="52" t="s">
        <v>79</v>
      </c>
      <c r="C3135" s="3">
        <v>10</v>
      </c>
      <c r="D3135" s="52" t="s">
        <v>2023</v>
      </c>
      <c r="E3135" s="52" t="s">
        <v>26</v>
      </c>
      <c r="F3135" s="52" t="s">
        <v>81</v>
      </c>
      <c r="G3135" s="52" t="s">
        <v>82</v>
      </c>
      <c r="H3135" s="4">
        <v>1</v>
      </c>
      <c r="I3135" s="2">
        <v>14.65</v>
      </c>
      <c r="J3135" s="52" t="s">
        <v>7873</v>
      </c>
      <c r="K3135" s="71" t="s">
        <v>7874</v>
      </c>
      <c r="L3135" s="52" t="s">
        <v>2063</v>
      </c>
      <c r="M3135" s="72">
        <v>6520</v>
      </c>
      <c r="N3135" s="52" t="s">
        <v>2072</v>
      </c>
      <c r="O3135" s="52" t="s">
        <v>2073</v>
      </c>
      <c r="P3135" s="52"/>
      <c r="Q3135" s="52"/>
      <c r="R3135" s="52"/>
      <c r="S3135" s="52"/>
      <c r="T3135" s="52"/>
      <c r="U3135" s="52"/>
      <c r="V3135" s="52"/>
      <c r="W3135" s="52"/>
    </row>
    <row r="3136" spans="1:23" hidden="1" x14ac:dyDescent="0.35">
      <c r="A3136" s="52" t="s">
        <v>78</v>
      </c>
      <c r="B3136" s="52" t="s">
        <v>79</v>
      </c>
      <c r="C3136" s="3">
        <v>10</v>
      </c>
      <c r="D3136" s="52" t="s">
        <v>2020</v>
      </c>
      <c r="E3136" s="52" t="s">
        <v>26</v>
      </c>
      <c r="F3136" s="52" t="s">
        <v>81</v>
      </c>
      <c r="G3136" s="52" t="s">
        <v>82</v>
      </c>
      <c r="H3136" s="4">
        <v>1</v>
      </c>
      <c r="I3136" s="2">
        <v>14.65</v>
      </c>
      <c r="J3136" s="52" t="s">
        <v>7875</v>
      </c>
      <c r="K3136" s="71" t="s">
        <v>7876</v>
      </c>
      <c r="L3136" s="52" t="s">
        <v>2063</v>
      </c>
      <c r="M3136" s="72">
        <v>7250</v>
      </c>
      <c r="N3136" s="52" t="s">
        <v>2072</v>
      </c>
      <c r="O3136" s="52" t="s">
        <v>2073</v>
      </c>
      <c r="P3136" s="52"/>
      <c r="Q3136" s="52"/>
      <c r="R3136" s="52"/>
      <c r="S3136" s="52"/>
      <c r="T3136" s="52"/>
      <c r="U3136" s="52"/>
      <c r="V3136" s="52"/>
      <c r="W3136" s="52"/>
    </row>
    <row r="3137" spans="1:23" x14ac:dyDescent="0.35">
      <c r="A3137" s="52" t="s">
        <v>78</v>
      </c>
      <c r="B3137" s="52" t="s">
        <v>79</v>
      </c>
      <c r="C3137" s="3">
        <v>20</v>
      </c>
      <c r="D3137" s="52" t="s">
        <v>2022</v>
      </c>
      <c r="E3137" s="52" t="s">
        <v>26</v>
      </c>
      <c r="F3137" s="52" t="s">
        <v>81</v>
      </c>
      <c r="G3137" s="52" t="s">
        <v>82</v>
      </c>
      <c r="H3137" s="4">
        <v>1</v>
      </c>
      <c r="I3137" s="2">
        <v>14.65</v>
      </c>
      <c r="J3137" s="52" t="s">
        <v>7877</v>
      </c>
      <c r="K3137" s="71" t="s">
        <v>7878</v>
      </c>
      <c r="L3137" s="52" t="s">
        <v>2063</v>
      </c>
      <c r="M3137" s="72">
        <v>5702</v>
      </c>
      <c r="N3137" s="52" t="s">
        <v>2259</v>
      </c>
      <c r="O3137" s="52" t="s">
        <v>2260</v>
      </c>
      <c r="P3137" s="52"/>
      <c r="Q3137" s="52"/>
      <c r="R3137" s="52"/>
      <c r="S3137" s="52"/>
      <c r="T3137" s="52"/>
      <c r="U3137" s="52"/>
      <c r="V3137" s="52"/>
      <c r="W3137" s="52"/>
    </row>
    <row r="3138" spans="1:23" hidden="1" x14ac:dyDescent="0.35">
      <c r="A3138" s="52" t="s">
        <v>78</v>
      </c>
      <c r="B3138" s="52" t="s">
        <v>79</v>
      </c>
      <c r="C3138" s="3">
        <v>10</v>
      </c>
      <c r="D3138" s="52" t="s">
        <v>87</v>
      </c>
      <c r="E3138" s="52" t="s">
        <v>26</v>
      </c>
      <c r="F3138" s="52" t="s">
        <v>81</v>
      </c>
      <c r="G3138" s="52" t="s">
        <v>82</v>
      </c>
      <c r="H3138" s="4">
        <v>1</v>
      </c>
      <c r="I3138" s="2">
        <v>14.65</v>
      </c>
      <c r="J3138" s="52" t="s">
        <v>7879</v>
      </c>
      <c r="K3138" s="71" t="s">
        <v>7880</v>
      </c>
      <c r="L3138" s="52" t="s">
        <v>2063</v>
      </c>
      <c r="M3138" s="72">
        <v>5398</v>
      </c>
      <c r="N3138" s="52" t="s">
        <v>2072</v>
      </c>
      <c r="O3138" s="52" t="s">
        <v>2073</v>
      </c>
      <c r="P3138" s="52"/>
      <c r="Q3138" s="52"/>
      <c r="R3138" s="52"/>
      <c r="S3138" s="52"/>
      <c r="T3138" s="52"/>
      <c r="U3138" s="52"/>
      <c r="V3138" s="52"/>
      <c r="W3138" s="52"/>
    </row>
    <row r="3139" spans="1:23" hidden="1" x14ac:dyDescent="0.35">
      <c r="A3139" s="52" t="s">
        <v>78</v>
      </c>
      <c r="B3139" s="52" t="s">
        <v>79</v>
      </c>
      <c r="C3139" s="3">
        <v>10</v>
      </c>
      <c r="D3139" s="52" t="s">
        <v>2023</v>
      </c>
      <c r="E3139" s="52" t="s">
        <v>26</v>
      </c>
      <c r="F3139" s="52" t="s">
        <v>81</v>
      </c>
      <c r="G3139" s="52" t="s">
        <v>82</v>
      </c>
      <c r="H3139" s="4">
        <v>1</v>
      </c>
      <c r="I3139" s="2">
        <v>14.65</v>
      </c>
      <c r="J3139" s="52" t="s">
        <v>7881</v>
      </c>
      <c r="K3139" s="71" t="s">
        <v>7882</v>
      </c>
      <c r="L3139" s="52" t="s">
        <v>2063</v>
      </c>
      <c r="M3139" s="72">
        <v>9963</v>
      </c>
      <c r="N3139" s="52"/>
      <c r="O3139" s="52"/>
      <c r="P3139" s="52"/>
      <c r="Q3139" s="52"/>
      <c r="R3139" s="52"/>
      <c r="S3139" s="52"/>
      <c r="T3139" s="52"/>
      <c r="U3139" s="52"/>
      <c r="V3139" s="52"/>
      <c r="W3139" s="52"/>
    </row>
    <row r="3140" spans="1:23" hidden="1" x14ac:dyDescent="0.35">
      <c r="A3140" s="52" t="s">
        <v>78</v>
      </c>
      <c r="B3140" s="52" t="s">
        <v>79</v>
      </c>
      <c r="C3140" s="3">
        <v>20</v>
      </c>
      <c r="D3140" s="52" t="s">
        <v>85</v>
      </c>
      <c r="E3140" s="52" t="s">
        <v>26</v>
      </c>
      <c r="F3140" s="52" t="s">
        <v>81</v>
      </c>
      <c r="G3140" s="52" t="s">
        <v>82</v>
      </c>
      <c r="H3140" s="4">
        <v>1</v>
      </c>
      <c r="I3140" s="2">
        <v>14.65</v>
      </c>
      <c r="J3140" s="52" t="s">
        <v>7883</v>
      </c>
      <c r="K3140" s="71" t="s">
        <v>7884</v>
      </c>
      <c r="L3140" s="52" t="s">
        <v>2063</v>
      </c>
      <c r="M3140" s="72">
        <v>2291</v>
      </c>
      <c r="N3140" s="52"/>
      <c r="O3140" s="52"/>
      <c r="P3140" s="52"/>
      <c r="Q3140" s="52"/>
      <c r="R3140" s="52"/>
      <c r="S3140" s="52"/>
      <c r="T3140" s="52"/>
      <c r="U3140" s="52"/>
      <c r="V3140" s="52"/>
      <c r="W3140" s="52"/>
    </row>
    <row r="3141" spans="1:23" hidden="1" x14ac:dyDescent="0.35">
      <c r="A3141" s="52" t="s">
        <v>78</v>
      </c>
      <c r="B3141" s="52" t="s">
        <v>79</v>
      </c>
      <c r="C3141" s="3">
        <v>10</v>
      </c>
      <c r="D3141" s="52" t="s">
        <v>2019</v>
      </c>
      <c r="E3141" s="52" t="s">
        <v>26</v>
      </c>
      <c r="F3141" s="52" t="s">
        <v>81</v>
      </c>
      <c r="G3141" s="52" t="s">
        <v>82</v>
      </c>
      <c r="H3141" s="4">
        <v>1</v>
      </c>
      <c r="I3141" s="2">
        <v>14.65</v>
      </c>
      <c r="J3141" s="52" t="s">
        <v>7885</v>
      </c>
      <c r="K3141" s="71" t="s">
        <v>7886</v>
      </c>
      <c r="L3141" s="52" t="s">
        <v>2063</v>
      </c>
      <c r="M3141" s="72">
        <v>3619</v>
      </c>
      <c r="N3141" s="52" t="s">
        <v>2072</v>
      </c>
      <c r="O3141" s="52" t="s">
        <v>2073</v>
      </c>
      <c r="P3141" s="52"/>
      <c r="Q3141" s="52"/>
      <c r="R3141" s="52"/>
      <c r="S3141" s="52"/>
      <c r="T3141" s="52"/>
      <c r="U3141" s="52"/>
      <c r="V3141" s="52"/>
      <c r="W3141" s="52"/>
    </row>
    <row r="3142" spans="1:23" hidden="1" x14ac:dyDescent="0.35">
      <c r="A3142" s="52" t="s">
        <v>78</v>
      </c>
      <c r="B3142" s="52" t="s">
        <v>79</v>
      </c>
      <c r="C3142" s="3">
        <v>20</v>
      </c>
      <c r="D3142" s="52" t="s">
        <v>80</v>
      </c>
      <c r="E3142" s="52" t="s">
        <v>26</v>
      </c>
      <c r="F3142" s="52" t="s">
        <v>81</v>
      </c>
      <c r="G3142" s="52" t="s">
        <v>82</v>
      </c>
      <c r="H3142" s="4">
        <v>1</v>
      </c>
      <c r="I3142" s="2">
        <v>14.65</v>
      </c>
      <c r="J3142" s="52" t="s">
        <v>6974</v>
      </c>
      <c r="K3142" s="71" t="s">
        <v>7887</v>
      </c>
      <c r="L3142" s="52" t="s">
        <v>2063</v>
      </c>
      <c r="M3142" s="72">
        <v>83</v>
      </c>
      <c r="N3142" s="52"/>
      <c r="O3142" s="52"/>
      <c r="P3142" s="52"/>
      <c r="Q3142" s="52"/>
      <c r="R3142" s="52"/>
      <c r="S3142" s="52"/>
      <c r="T3142" s="52"/>
      <c r="U3142" s="52"/>
      <c r="V3142" s="52"/>
      <c r="W3142" s="52"/>
    </row>
    <row r="3143" spans="1:23" hidden="1" x14ac:dyDescent="0.35">
      <c r="A3143" s="52" t="s">
        <v>78</v>
      </c>
      <c r="B3143" s="52" t="s">
        <v>79</v>
      </c>
      <c r="C3143" s="3">
        <v>20</v>
      </c>
      <c r="D3143" s="52" t="s">
        <v>2021</v>
      </c>
      <c r="E3143" s="52" t="s">
        <v>26</v>
      </c>
      <c r="F3143" s="52" t="s">
        <v>81</v>
      </c>
      <c r="G3143" s="52" t="s">
        <v>82</v>
      </c>
      <c r="H3143" s="4">
        <v>1</v>
      </c>
      <c r="I3143" s="2">
        <v>14.65</v>
      </c>
      <c r="J3143" s="52" t="s">
        <v>7822</v>
      </c>
      <c r="K3143" s="71" t="s">
        <v>7888</v>
      </c>
      <c r="L3143" s="52" t="s">
        <v>2063</v>
      </c>
      <c r="M3143" s="72">
        <v>9056</v>
      </c>
      <c r="N3143" s="52" t="s">
        <v>2072</v>
      </c>
      <c r="O3143" s="52" t="s">
        <v>2073</v>
      </c>
      <c r="P3143" s="52"/>
      <c r="Q3143" s="52"/>
      <c r="R3143" s="52"/>
      <c r="S3143" s="52"/>
      <c r="T3143" s="52"/>
      <c r="U3143" s="52"/>
      <c r="V3143" s="52"/>
      <c r="W3143" s="52"/>
    </row>
    <row r="3144" spans="1:23" x14ac:dyDescent="0.35">
      <c r="A3144" s="52" t="s">
        <v>78</v>
      </c>
      <c r="B3144" s="52" t="s">
        <v>79</v>
      </c>
      <c r="C3144" s="3">
        <v>0</v>
      </c>
      <c r="D3144" s="52" t="s">
        <v>83</v>
      </c>
      <c r="E3144" s="52" t="s">
        <v>26</v>
      </c>
      <c r="F3144" s="52" t="s">
        <v>81</v>
      </c>
      <c r="G3144" s="52" t="s">
        <v>82</v>
      </c>
      <c r="H3144" s="4">
        <v>1</v>
      </c>
      <c r="I3144" s="2">
        <v>14.65</v>
      </c>
      <c r="J3144" s="52" t="s">
        <v>7730</v>
      </c>
      <c r="K3144" s="71" t="s">
        <v>7889</v>
      </c>
      <c r="L3144" s="52" t="s">
        <v>2063</v>
      </c>
      <c r="M3144" s="72">
        <v>2380</v>
      </c>
      <c r="N3144" s="52" t="s">
        <v>2259</v>
      </c>
      <c r="O3144" s="52" t="s">
        <v>2260</v>
      </c>
      <c r="P3144" s="52"/>
      <c r="Q3144" s="52"/>
      <c r="R3144" s="52"/>
      <c r="S3144" s="52"/>
      <c r="T3144" s="52"/>
      <c r="U3144" s="52"/>
      <c r="V3144" s="52"/>
      <c r="W3144" s="52"/>
    </row>
    <row r="3145" spans="1:23" hidden="1" x14ac:dyDescent="0.35">
      <c r="A3145" s="52" t="s">
        <v>78</v>
      </c>
      <c r="B3145" s="52" t="s">
        <v>79</v>
      </c>
      <c r="C3145" s="3">
        <v>10</v>
      </c>
      <c r="D3145" s="52" t="s">
        <v>2021</v>
      </c>
      <c r="E3145" s="52" t="s">
        <v>26</v>
      </c>
      <c r="F3145" s="52" t="s">
        <v>81</v>
      </c>
      <c r="G3145" s="52" t="s">
        <v>82</v>
      </c>
      <c r="H3145" s="4">
        <v>1</v>
      </c>
      <c r="I3145" s="2">
        <v>14.65</v>
      </c>
      <c r="J3145" s="52" t="s">
        <v>7890</v>
      </c>
      <c r="K3145" s="71" t="s">
        <v>7891</v>
      </c>
      <c r="L3145" s="52" t="s">
        <v>2063</v>
      </c>
      <c r="M3145" s="72">
        <v>3459</v>
      </c>
      <c r="N3145" s="52" t="s">
        <v>2072</v>
      </c>
      <c r="O3145" s="52" t="s">
        <v>2073</v>
      </c>
      <c r="P3145" s="52"/>
      <c r="Q3145" s="52"/>
      <c r="R3145" s="52"/>
      <c r="S3145" s="52"/>
      <c r="T3145" s="52"/>
      <c r="U3145" s="52"/>
      <c r="V3145" s="52"/>
      <c r="W3145" s="52"/>
    </row>
    <row r="3146" spans="1:23" hidden="1" x14ac:dyDescent="0.35">
      <c r="A3146" s="52" t="s">
        <v>78</v>
      </c>
      <c r="B3146" s="52" t="s">
        <v>79</v>
      </c>
      <c r="C3146" s="3">
        <v>20</v>
      </c>
      <c r="D3146" s="52" t="s">
        <v>84</v>
      </c>
      <c r="E3146" s="52" t="s">
        <v>26</v>
      </c>
      <c r="F3146" s="52" t="s">
        <v>81</v>
      </c>
      <c r="G3146" s="52" t="s">
        <v>82</v>
      </c>
      <c r="H3146" s="4">
        <v>1</v>
      </c>
      <c r="I3146" s="2">
        <v>14.65</v>
      </c>
      <c r="J3146" s="52" t="s">
        <v>7774</v>
      </c>
      <c r="K3146" s="71" t="s">
        <v>7892</v>
      </c>
      <c r="L3146" s="52" t="s">
        <v>2063</v>
      </c>
      <c r="M3146" s="72">
        <v>3534</v>
      </c>
      <c r="N3146" s="52" t="s">
        <v>2072</v>
      </c>
      <c r="O3146" s="52" t="s">
        <v>2073</v>
      </c>
      <c r="P3146" s="52"/>
      <c r="Q3146" s="52"/>
      <c r="R3146" s="52"/>
      <c r="S3146" s="52"/>
      <c r="T3146" s="52"/>
      <c r="U3146" s="52"/>
      <c r="V3146" s="52"/>
      <c r="W3146" s="52"/>
    </row>
    <row r="3147" spans="1:23" hidden="1" x14ac:dyDescent="0.35">
      <c r="A3147" s="52" t="s">
        <v>78</v>
      </c>
      <c r="B3147" s="52" t="s">
        <v>79</v>
      </c>
      <c r="C3147" s="3">
        <v>10</v>
      </c>
      <c r="D3147" s="52" t="s">
        <v>2020</v>
      </c>
      <c r="E3147" s="52" t="s">
        <v>26</v>
      </c>
      <c r="F3147" s="52" t="s">
        <v>81</v>
      </c>
      <c r="G3147" s="52" t="s">
        <v>82</v>
      </c>
      <c r="H3147" s="4">
        <v>1</v>
      </c>
      <c r="I3147" s="2">
        <v>14.65</v>
      </c>
      <c r="J3147" s="52" t="s">
        <v>7893</v>
      </c>
      <c r="K3147" s="71" t="s">
        <v>7894</v>
      </c>
      <c r="L3147" s="52" t="s">
        <v>2063</v>
      </c>
      <c r="M3147" s="72">
        <v>1821</v>
      </c>
      <c r="N3147" s="52" t="s">
        <v>2072</v>
      </c>
      <c r="O3147" s="52" t="s">
        <v>2073</v>
      </c>
      <c r="P3147" s="52"/>
      <c r="Q3147" s="52"/>
      <c r="R3147" s="52"/>
      <c r="S3147" s="52"/>
      <c r="T3147" s="52"/>
      <c r="U3147" s="52"/>
      <c r="V3147" s="52"/>
      <c r="W3147" s="52"/>
    </row>
    <row r="3148" spans="1:23" x14ac:dyDescent="0.35">
      <c r="A3148" s="52" t="s">
        <v>78</v>
      </c>
      <c r="B3148" s="52" t="s">
        <v>79</v>
      </c>
      <c r="C3148" s="3">
        <v>20</v>
      </c>
      <c r="D3148" s="52" t="s">
        <v>86</v>
      </c>
      <c r="E3148" s="52" t="s">
        <v>26</v>
      </c>
      <c r="F3148" s="52" t="s">
        <v>81</v>
      </c>
      <c r="G3148" s="52" t="s">
        <v>82</v>
      </c>
      <c r="H3148" s="4">
        <v>1</v>
      </c>
      <c r="I3148" s="2">
        <v>14.65</v>
      </c>
      <c r="J3148" s="52" t="s">
        <v>6867</v>
      </c>
      <c r="K3148" s="71" t="s">
        <v>7895</v>
      </c>
      <c r="L3148" s="52" t="s">
        <v>2063</v>
      </c>
      <c r="M3148" s="72">
        <v>9323</v>
      </c>
      <c r="N3148" s="52" t="s">
        <v>2259</v>
      </c>
      <c r="O3148" s="52" t="s">
        <v>2260</v>
      </c>
      <c r="P3148" s="52"/>
      <c r="Q3148" s="52"/>
      <c r="R3148" s="52"/>
      <c r="S3148" s="52"/>
      <c r="T3148" s="52"/>
      <c r="U3148" s="52"/>
      <c r="V3148" s="52"/>
      <c r="W3148" s="52"/>
    </row>
    <row r="3149" spans="1:23" hidden="1" x14ac:dyDescent="0.35">
      <c r="A3149" s="52" t="s">
        <v>78</v>
      </c>
      <c r="B3149" s="52" t="s">
        <v>79</v>
      </c>
      <c r="C3149" s="3">
        <v>20</v>
      </c>
      <c r="D3149" s="52" t="s">
        <v>86</v>
      </c>
      <c r="E3149" s="52" t="s">
        <v>26</v>
      </c>
      <c r="F3149" s="52" t="s">
        <v>81</v>
      </c>
      <c r="G3149" s="52" t="s">
        <v>82</v>
      </c>
      <c r="H3149" s="4">
        <v>1</v>
      </c>
      <c r="I3149" s="2">
        <v>14.65</v>
      </c>
      <c r="J3149" s="52" t="s">
        <v>7896</v>
      </c>
      <c r="K3149" s="71" t="s">
        <v>7897</v>
      </c>
      <c r="L3149" s="52" t="s">
        <v>2063</v>
      </c>
      <c r="M3149" s="72">
        <v>5643</v>
      </c>
      <c r="N3149" s="52" t="s">
        <v>2072</v>
      </c>
      <c r="O3149" s="52" t="s">
        <v>2073</v>
      </c>
      <c r="P3149" s="52"/>
      <c r="Q3149" s="52"/>
      <c r="R3149" s="52"/>
      <c r="S3149" s="52"/>
      <c r="T3149" s="52"/>
      <c r="U3149" s="52"/>
      <c r="V3149" s="52"/>
      <c r="W3149" s="52"/>
    </row>
    <row r="3150" spans="1:23" x14ac:dyDescent="0.35">
      <c r="A3150" s="52" t="s">
        <v>78</v>
      </c>
      <c r="B3150" s="52" t="s">
        <v>79</v>
      </c>
      <c r="C3150" s="3">
        <v>20</v>
      </c>
      <c r="D3150" s="52" t="s">
        <v>86</v>
      </c>
      <c r="E3150" s="52" t="s">
        <v>26</v>
      </c>
      <c r="F3150" s="52" t="s">
        <v>81</v>
      </c>
      <c r="G3150" s="52" t="s">
        <v>82</v>
      </c>
      <c r="H3150" s="4">
        <v>1</v>
      </c>
      <c r="I3150" s="2">
        <v>14.65</v>
      </c>
      <c r="J3150" s="52" t="s">
        <v>7898</v>
      </c>
      <c r="K3150" s="71" t="s">
        <v>7899</v>
      </c>
      <c r="L3150" s="52" t="s">
        <v>2063</v>
      </c>
      <c r="M3150" s="72">
        <v>4189</v>
      </c>
      <c r="N3150" s="52" t="s">
        <v>2259</v>
      </c>
      <c r="O3150" s="52" t="s">
        <v>2260</v>
      </c>
      <c r="P3150" s="52"/>
      <c r="Q3150" s="52"/>
      <c r="R3150" s="52"/>
      <c r="S3150" s="52"/>
      <c r="T3150" s="52"/>
      <c r="U3150" s="52"/>
      <c r="V3150" s="52"/>
      <c r="W3150" s="52"/>
    </row>
    <row r="3151" spans="1:23" hidden="1" x14ac:dyDescent="0.35">
      <c r="A3151" s="52" t="s">
        <v>78</v>
      </c>
      <c r="B3151" s="52" t="s">
        <v>79</v>
      </c>
      <c r="C3151" s="3">
        <v>20</v>
      </c>
      <c r="D3151" s="52" t="s">
        <v>2019</v>
      </c>
      <c r="E3151" s="52" t="s">
        <v>26</v>
      </c>
      <c r="F3151" s="52" t="s">
        <v>81</v>
      </c>
      <c r="G3151" s="52" t="s">
        <v>82</v>
      </c>
      <c r="H3151" s="4">
        <v>1</v>
      </c>
      <c r="I3151" s="2">
        <v>14.65</v>
      </c>
      <c r="J3151" s="52" t="s">
        <v>7900</v>
      </c>
      <c r="K3151" s="71" t="s">
        <v>7901</v>
      </c>
      <c r="L3151" s="52" t="s">
        <v>2063</v>
      </c>
      <c r="M3151" s="72">
        <v>6513</v>
      </c>
      <c r="N3151" s="52" t="s">
        <v>2072</v>
      </c>
      <c r="O3151" s="52" t="s">
        <v>2073</v>
      </c>
      <c r="P3151" s="52"/>
      <c r="Q3151" s="52"/>
      <c r="R3151" s="52"/>
      <c r="S3151" s="52"/>
      <c r="T3151" s="52"/>
      <c r="U3151" s="52"/>
      <c r="V3151" s="52"/>
      <c r="W3151" s="52"/>
    </row>
    <row r="3152" spans="1:23" hidden="1" x14ac:dyDescent="0.35">
      <c r="A3152" s="52" t="s">
        <v>78</v>
      </c>
      <c r="B3152" s="52" t="s">
        <v>79</v>
      </c>
      <c r="C3152" s="3">
        <v>10</v>
      </c>
      <c r="D3152" s="52" t="s">
        <v>83</v>
      </c>
      <c r="E3152" s="52" t="s">
        <v>26</v>
      </c>
      <c r="F3152" s="52" t="s">
        <v>81</v>
      </c>
      <c r="G3152" s="52" t="s">
        <v>82</v>
      </c>
      <c r="H3152" s="4">
        <v>1</v>
      </c>
      <c r="I3152" s="2">
        <v>14.65</v>
      </c>
      <c r="J3152" s="52" t="s">
        <v>7902</v>
      </c>
      <c r="K3152" s="71" t="s">
        <v>7903</v>
      </c>
      <c r="L3152" s="52" t="s">
        <v>2063</v>
      </c>
      <c r="M3152" s="72">
        <v>2510</v>
      </c>
      <c r="N3152" s="52" t="s">
        <v>2066</v>
      </c>
      <c r="O3152" s="52" t="s">
        <v>2067</v>
      </c>
      <c r="P3152" s="52"/>
      <c r="Q3152" s="52"/>
      <c r="R3152" s="52"/>
      <c r="S3152" s="52"/>
      <c r="T3152" s="52"/>
      <c r="U3152" s="52"/>
      <c r="V3152" s="52"/>
      <c r="W3152" s="52"/>
    </row>
    <row r="3153" spans="1:23" hidden="1" x14ac:dyDescent="0.35">
      <c r="A3153" s="52" t="s">
        <v>78</v>
      </c>
      <c r="B3153" s="52" t="s">
        <v>79</v>
      </c>
      <c r="C3153" s="3">
        <v>10</v>
      </c>
      <c r="D3153" s="52" t="s">
        <v>2022</v>
      </c>
      <c r="E3153" s="52" t="s">
        <v>26</v>
      </c>
      <c r="F3153" s="52" t="s">
        <v>81</v>
      </c>
      <c r="G3153" s="52" t="s">
        <v>82</v>
      </c>
      <c r="H3153" s="4">
        <v>1</v>
      </c>
      <c r="I3153" s="2">
        <v>14.65</v>
      </c>
      <c r="J3153" s="52" t="s">
        <v>7904</v>
      </c>
      <c r="K3153" s="71" t="s">
        <v>7905</v>
      </c>
      <c r="L3153" s="52" t="s">
        <v>2063</v>
      </c>
      <c r="M3153" s="72">
        <v>2060</v>
      </c>
      <c r="N3153" s="52" t="s">
        <v>2072</v>
      </c>
      <c r="O3153" s="52" t="s">
        <v>2073</v>
      </c>
      <c r="P3153" s="52"/>
      <c r="Q3153" s="52"/>
      <c r="R3153" s="52"/>
      <c r="S3153" s="52"/>
      <c r="T3153" s="52"/>
      <c r="U3153" s="52"/>
      <c r="V3153" s="52"/>
      <c r="W3153" s="52"/>
    </row>
    <row r="3154" spans="1:23" hidden="1" x14ac:dyDescent="0.35">
      <c r="A3154" s="52" t="s">
        <v>78</v>
      </c>
      <c r="B3154" s="52" t="s">
        <v>79</v>
      </c>
      <c r="C3154" s="3">
        <v>20</v>
      </c>
      <c r="D3154" s="52" t="s">
        <v>2024</v>
      </c>
      <c r="E3154" s="52" t="s">
        <v>26</v>
      </c>
      <c r="F3154" s="52" t="s">
        <v>81</v>
      </c>
      <c r="G3154" s="52" t="s">
        <v>82</v>
      </c>
      <c r="H3154" s="4">
        <v>1</v>
      </c>
      <c r="I3154" s="2">
        <v>14.65</v>
      </c>
      <c r="J3154" s="52" t="s">
        <v>7906</v>
      </c>
      <c r="K3154" s="71" t="s">
        <v>7907</v>
      </c>
      <c r="L3154" s="52" t="s">
        <v>2063</v>
      </c>
      <c r="M3154" s="72">
        <v>1448</v>
      </c>
      <c r="N3154" s="52"/>
      <c r="O3154" s="52"/>
      <c r="P3154" s="52"/>
      <c r="Q3154" s="52"/>
      <c r="R3154" s="52"/>
      <c r="S3154" s="52"/>
      <c r="T3154" s="52"/>
      <c r="U3154" s="52"/>
      <c r="V3154" s="52"/>
      <c r="W3154" s="52"/>
    </row>
    <row r="3155" spans="1:23" hidden="1" x14ac:dyDescent="0.35">
      <c r="A3155" s="52" t="s">
        <v>78</v>
      </c>
      <c r="B3155" s="52" t="s">
        <v>79</v>
      </c>
      <c r="C3155" s="3">
        <v>20</v>
      </c>
      <c r="D3155" s="52" t="s">
        <v>2021</v>
      </c>
      <c r="E3155" s="52" t="s">
        <v>26</v>
      </c>
      <c r="F3155" s="52" t="s">
        <v>81</v>
      </c>
      <c r="G3155" s="52" t="s">
        <v>82</v>
      </c>
      <c r="H3155" s="4">
        <v>1</v>
      </c>
      <c r="I3155" s="2">
        <v>14.65</v>
      </c>
      <c r="J3155" s="52" t="s">
        <v>7908</v>
      </c>
      <c r="K3155" s="71" t="s">
        <v>7909</v>
      </c>
      <c r="L3155" s="52" t="s">
        <v>2095</v>
      </c>
      <c r="M3155" s="72">
        <v>5974</v>
      </c>
      <c r="N3155" s="52" t="s">
        <v>2195</v>
      </c>
      <c r="O3155" s="52" t="s">
        <v>2196</v>
      </c>
      <c r="P3155" s="52"/>
      <c r="Q3155" s="52"/>
      <c r="R3155" s="52"/>
      <c r="S3155" s="52"/>
      <c r="T3155" s="52"/>
      <c r="U3155" s="52"/>
      <c r="V3155" s="52"/>
      <c r="W3155" s="52"/>
    </row>
    <row r="3156" spans="1:23" hidden="1" x14ac:dyDescent="0.35">
      <c r="A3156" s="52" t="s">
        <v>78</v>
      </c>
      <c r="B3156" s="52" t="s">
        <v>79</v>
      </c>
      <c r="C3156" s="3">
        <v>20</v>
      </c>
      <c r="D3156" s="52" t="s">
        <v>80</v>
      </c>
      <c r="E3156" s="52" t="s">
        <v>26</v>
      </c>
      <c r="F3156" s="52" t="s">
        <v>81</v>
      </c>
      <c r="G3156" s="52" t="s">
        <v>82</v>
      </c>
      <c r="H3156" s="4">
        <v>1</v>
      </c>
      <c r="I3156" s="2">
        <v>14.65</v>
      </c>
      <c r="J3156" s="52" t="s">
        <v>7910</v>
      </c>
      <c r="K3156" s="71" t="s">
        <v>7911</v>
      </c>
      <c r="L3156" s="52" t="s">
        <v>2063</v>
      </c>
      <c r="M3156" s="72">
        <v>7346</v>
      </c>
      <c r="N3156" s="52"/>
      <c r="O3156" s="52"/>
      <c r="P3156" s="52"/>
      <c r="Q3156" s="52"/>
      <c r="R3156" s="52"/>
      <c r="S3156" s="52"/>
      <c r="T3156" s="52"/>
      <c r="U3156" s="52"/>
      <c r="V3156" s="52"/>
      <c r="W3156" s="52"/>
    </row>
    <row r="3157" spans="1:23" x14ac:dyDescent="0.35">
      <c r="A3157" s="52" t="s">
        <v>78</v>
      </c>
      <c r="B3157" s="52" t="s">
        <v>79</v>
      </c>
      <c r="C3157" s="3">
        <v>211</v>
      </c>
      <c r="D3157" s="52" t="s">
        <v>2022</v>
      </c>
      <c r="E3157" s="52" t="s">
        <v>26</v>
      </c>
      <c r="F3157" s="52" t="s">
        <v>81</v>
      </c>
      <c r="G3157" s="52" t="s">
        <v>82</v>
      </c>
      <c r="H3157" s="4">
        <v>1</v>
      </c>
      <c r="I3157" s="2">
        <v>14.65</v>
      </c>
      <c r="J3157" s="52" t="s">
        <v>7038</v>
      </c>
      <c r="K3157" s="71" t="s">
        <v>7912</v>
      </c>
      <c r="L3157" s="52" t="s">
        <v>2063</v>
      </c>
      <c r="M3157" s="72">
        <v>4774</v>
      </c>
      <c r="N3157" s="52" t="s">
        <v>2076</v>
      </c>
      <c r="O3157" s="52" t="s">
        <v>2077</v>
      </c>
      <c r="P3157" s="52"/>
      <c r="Q3157" s="52"/>
      <c r="R3157" s="52"/>
      <c r="S3157" s="52"/>
      <c r="T3157" s="52"/>
      <c r="U3157" s="52"/>
      <c r="V3157" s="52"/>
      <c r="W3157" s="52"/>
    </row>
    <row r="3158" spans="1:23" x14ac:dyDescent="0.35">
      <c r="A3158" s="52" t="s">
        <v>78</v>
      </c>
      <c r="B3158" s="52" t="s">
        <v>79</v>
      </c>
      <c r="C3158" s="3">
        <v>211</v>
      </c>
      <c r="D3158" s="52" t="s">
        <v>87</v>
      </c>
      <c r="E3158" s="52" t="s">
        <v>26</v>
      </c>
      <c r="F3158" s="52" t="s">
        <v>81</v>
      </c>
      <c r="G3158" s="52" t="s">
        <v>82</v>
      </c>
      <c r="H3158" s="4">
        <v>1</v>
      </c>
      <c r="I3158" s="2">
        <v>14.65</v>
      </c>
      <c r="J3158" s="52" t="s">
        <v>7913</v>
      </c>
      <c r="K3158" s="71" t="s">
        <v>7914</v>
      </c>
      <c r="L3158" s="52" t="s">
        <v>2063</v>
      </c>
      <c r="M3158" s="72">
        <v>3438</v>
      </c>
      <c r="N3158" s="52" t="s">
        <v>2259</v>
      </c>
      <c r="O3158" s="52" t="s">
        <v>2260</v>
      </c>
      <c r="P3158" s="52"/>
      <c r="Q3158" s="52"/>
      <c r="R3158" s="52"/>
      <c r="S3158" s="52"/>
      <c r="T3158" s="52"/>
      <c r="U3158" s="52"/>
      <c r="V3158" s="52"/>
      <c r="W3158" s="52"/>
    </row>
    <row r="3159" spans="1:23" hidden="1" x14ac:dyDescent="0.35">
      <c r="A3159" s="52" t="s">
        <v>78</v>
      </c>
      <c r="B3159" s="52" t="s">
        <v>79</v>
      </c>
      <c r="C3159" s="3">
        <v>20</v>
      </c>
      <c r="D3159" s="52" t="s">
        <v>2023</v>
      </c>
      <c r="E3159" s="52" t="s">
        <v>26</v>
      </c>
      <c r="F3159" s="52" t="s">
        <v>81</v>
      </c>
      <c r="G3159" s="52" t="s">
        <v>82</v>
      </c>
      <c r="H3159" s="4">
        <v>1</v>
      </c>
      <c r="I3159" s="2">
        <v>14.65</v>
      </c>
      <c r="J3159" s="52" t="s">
        <v>7915</v>
      </c>
      <c r="K3159" s="71" t="s">
        <v>7916</v>
      </c>
      <c r="L3159" s="52" t="s">
        <v>2063</v>
      </c>
      <c r="M3159" s="72">
        <v>8401</v>
      </c>
      <c r="N3159" s="52"/>
      <c r="O3159" s="52"/>
      <c r="P3159" s="52"/>
      <c r="Q3159" s="52"/>
      <c r="R3159" s="52"/>
      <c r="S3159" s="52"/>
      <c r="T3159" s="52"/>
      <c r="U3159" s="52"/>
      <c r="V3159" s="52"/>
      <c r="W3159" s="52"/>
    </row>
    <row r="3160" spans="1:23" hidden="1" x14ac:dyDescent="0.35">
      <c r="A3160" s="52" t="s">
        <v>78</v>
      </c>
      <c r="B3160" s="52" t="s">
        <v>79</v>
      </c>
      <c r="C3160" s="3">
        <v>0</v>
      </c>
      <c r="D3160" s="52" t="s">
        <v>83</v>
      </c>
      <c r="E3160" s="52" t="s">
        <v>26</v>
      </c>
      <c r="F3160" s="52" t="s">
        <v>81</v>
      </c>
      <c r="G3160" s="52" t="s">
        <v>82</v>
      </c>
      <c r="H3160" s="4">
        <v>1</v>
      </c>
      <c r="I3160" s="2">
        <v>14.65</v>
      </c>
      <c r="J3160" s="52" t="s">
        <v>7917</v>
      </c>
      <c r="K3160" s="71" t="s">
        <v>7918</v>
      </c>
      <c r="L3160" s="52" t="s">
        <v>2063</v>
      </c>
      <c r="M3160" s="72">
        <v>4378</v>
      </c>
      <c r="N3160" s="52" t="s">
        <v>2066</v>
      </c>
      <c r="O3160" s="52" t="s">
        <v>2067</v>
      </c>
      <c r="P3160" s="52"/>
      <c r="Q3160" s="52"/>
      <c r="R3160" s="52"/>
      <c r="S3160" s="52"/>
      <c r="T3160" s="52"/>
      <c r="U3160" s="52"/>
      <c r="V3160" s="52"/>
      <c r="W3160" s="52"/>
    </row>
    <row r="3161" spans="1:23" hidden="1" x14ac:dyDescent="0.35">
      <c r="A3161" s="52" t="s">
        <v>78</v>
      </c>
      <c r="B3161" s="52" t="s">
        <v>79</v>
      </c>
      <c r="C3161" s="3">
        <v>211</v>
      </c>
      <c r="D3161" s="52" t="s">
        <v>2022</v>
      </c>
      <c r="E3161" s="52" t="s">
        <v>26</v>
      </c>
      <c r="F3161" s="52" t="s">
        <v>81</v>
      </c>
      <c r="G3161" s="52" t="s">
        <v>82</v>
      </c>
      <c r="H3161" s="4">
        <v>1</v>
      </c>
      <c r="I3161" s="2">
        <v>14.65</v>
      </c>
      <c r="J3161" s="52" t="s">
        <v>7919</v>
      </c>
      <c r="K3161" s="71" t="s">
        <v>7920</v>
      </c>
      <c r="L3161" s="52" t="s">
        <v>2063</v>
      </c>
      <c r="M3161" s="72">
        <v>8240</v>
      </c>
      <c r="N3161" s="52"/>
      <c r="O3161" s="52"/>
      <c r="P3161" s="52"/>
      <c r="Q3161" s="52"/>
      <c r="R3161" s="52"/>
      <c r="S3161" s="52"/>
      <c r="T3161" s="52"/>
      <c r="U3161" s="52"/>
      <c r="V3161" s="52"/>
      <c r="W3161" s="52"/>
    </row>
    <row r="3162" spans="1:23" hidden="1" x14ac:dyDescent="0.35">
      <c r="A3162" s="52" t="s">
        <v>78</v>
      </c>
      <c r="B3162" s="52" t="s">
        <v>79</v>
      </c>
      <c r="C3162" s="3">
        <v>20</v>
      </c>
      <c r="D3162" s="52" t="s">
        <v>2024</v>
      </c>
      <c r="E3162" s="52" t="s">
        <v>26</v>
      </c>
      <c r="F3162" s="52" t="s">
        <v>81</v>
      </c>
      <c r="G3162" s="52" t="s">
        <v>82</v>
      </c>
      <c r="H3162" s="4">
        <v>1</v>
      </c>
      <c r="I3162" s="2">
        <v>14.65</v>
      </c>
      <c r="J3162" s="52" t="s">
        <v>7921</v>
      </c>
      <c r="K3162" s="71" t="s">
        <v>7922</v>
      </c>
      <c r="L3162" s="52" t="s">
        <v>2063</v>
      </c>
      <c r="M3162" s="72">
        <v>4002</v>
      </c>
      <c r="N3162" s="52" t="s">
        <v>2154</v>
      </c>
      <c r="O3162" s="52" t="s">
        <v>2155</v>
      </c>
      <c r="P3162" s="52"/>
      <c r="Q3162" s="52"/>
      <c r="R3162" s="52"/>
      <c r="S3162" s="52"/>
      <c r="T3162" s="52"/>
      <c r="U3162" s="52"/>
      <c r="V3162" s="52"/>
      <c r="W3162" s="52"/>
    </row>
    <row r="3163" spans="1:23" x14ac:dyDescent="0.35">
      <c r="A3163" s="52" t="s">
        <v>78</v>
      </c>
      <c r="B3163" s="52" t="s">
        <v>79</v>
      </c>
      <c r="C3163" s="3">
        <v>211</v>
      </c>
      <c r="D3163" s="52" t="s">
        <v>87</v>
      </c>
      <c r="E3163" s="52" t="s">
        <v>26</v>
      </c>
      <c r="F3163" s="52" t="s">
        <v>81</v>
      </c>
      <c r="G3163" s="52" t="s">
        <v>82</v>
      </c>
      <c r="H3163" s="4">
        <v>1</v>
      </c>
      <c r="I3163" s="2">
        <v>14.65</v>
      </c>
      <c r="J3163" s="52" t="s">
        <v>7923</v>
      </c>
      <c r="K3163" s="71" t="s">
        <v>7924</v>
      </c>
      <c r="L3163" s="52" t="s">
        <v>2063</v>
      </c>
      <c r="M3163" s="72">
        <v>6539</v>
      </c>
      <c r="N3163" s="52" t="s">
        <v>2076</v>
      </c>
      <c r="O3163" s="52" t="s">
        <v>2077</v>
      </c>
      <c r="P3163" s="52"/>
      <c r="Q3163" s="52"/>
      <c r="R3163" s="52"/>
      <c r="S3163" s="52"/>
      <c r="T3163" s="52"/>
      <c r="U3163" s="52"/>
      <c r="V3163" s="52"/>
      <c r="W3163" s="52"/>
    </row>
    <row r="3164" spans="1:23" hidden="1" x14ac:dyDescent="0.35">
      <c r="A3164" s="52" t="s">
        <v>78</v>
      </c>
      <c r="B3164" s="52" t="s">
        <v>79</v>
      </c>
      <c r="C3164" s="3">
        <v>10</v>
      </c>
      <c r="D3164" s="52" t="s">
        <v>86</v>
      </c>
      <c r="E3164" s="52" t="s">
        <v>26</v>
      </c>
      <c r="F3164" s="52" t="s">
        <v>81</v>
      </c>
      <c r="G3164" s="52" t="s">
        <v>82</v>
      </c>
      <c r="H3164" s="4">
        <v>1</v>
      </c>
      <c r="I3164" s="2">
        <v>14.65</v>
      </c>
      <c r="J3164" s="52" t="s">
        <v>7925</v>
      </c>
      <c r="K3164" s="71" t="s">
        <v>7926</v>
      </c>
      <c r="L3164" s="52" t="s">
        <v>2063</v>
      </c>
      <c r="M3164" s="72">
        <v>4719</v>
      </c>
      <c r="N3164" s="52" t="s">
        <v>2066</v>
      </c>
      <c r="O3164" s="52" t="s">
        <v>2067</v>
      </c>
      <c r="P3164" s="52"/>
      <c r="Q3164" s="52"/>
      <c r="R3164" s="52"/>
      <c r="S3164" s="52"/>
      <c r="T3164" s="52"/>
      <c r="U3164" s="52"/>
      <c r="V3164" s="52"/>
      <c r="W3164" s="52"/>
    </row>
    <row r="3165" spans="1:23" hidden="1" x14ac:dyDescent="0.35">
      <c r="A3165" s="52" t="s">
        <v>78</v>
      </c>
      <c r="B3165" s="52" t="s">
        <v>79</v>
      </c>
      <c r="C3165" s="3">
        <v>10</v>
      </c>
      <c r="D3165" s="52" t="s">
        <v>87</v>
      </c>
      <c r="E3165" s="52" t="s">
        <v>26</v>
      </c>
      <c r="F3165" s="52" t="s">
        <v>81</v>
      </c>
      <c r="G3165" s="52" t="s">
        <v>82</v>
      </c>
      <c r="H3165" s="4">
        <v>1</v>
      </c>
      <c r="I3165" s="2">
        <v>14.65</v>
      </c>
      <c r="J3165" s="52" t="s">
        <v>7927</v>
      </c>
      <c r="K3165" s="71" t="s">
        <v>7928</v>
      </c>
      <c r="L3165" s="52" t="s">
        <v>2063</v>
      </c>
      <c r="M3165" s="72">
        <v>9284</v>
      </c>
      <c r="N3165" s="52"/>
      <c r="O3165" s="52"/>
      <c r="P3165" s="52"/>
      <c r="Q3165" s="52"/>
      <c r="R3165" s="52"/>
      <c r="S3165" s="52"/>
      <c r="T3165" s="52"/>
      <c r="U3165" s="52"/>
      <c r="V3165" s="52"/>
      <c r="W3165" s="52"/>
    </row>
    <row r="3166" spans="1:23" hidden="1" x14ac:dyDescent="0.35">
      <c r="A3166" s="52" t="s">
        <v>78</v>
      </c>
      <c r="B3166" s="52" t="s">
        <v>79</v>
      </c>
      <c r="C3166" s="3">
        <v>10</v>
      </c>
      <c r="D3166" s="52" t="s">
        <v>87</v>
      </c>
      <c r="E3166" s="52" t="s">
        <v>26</v>
      </c>
      <c r="F3166" s="52" t="s">
        <v>81</v>
      </c>
      <c r="G3166" s="52" t="s">
        <v>82</v>
      </c>
      <c r="H3166" s="4">
        <v>1</v>
      </c>
      <c r="I3166" s="2">
        <v>14.65</v>
      </c>
      <c r="J3166" s="52" t="s">
        <v>7925</v>
      </c>
      <c r="K3166" s="71" t="s">
        <v>7929</v>
      </c>
      <c r="L3166" s="52" t="s">
        <v>2063</v>
      </c>
      <c r="M3166" s="72">
        <v>932</v>
      </c>
      <c r="N3166" s="52" t="s">
        <v>2066</v>
      </c>
      <c r="O3166" s="52" t="s">
        <v>2067</v>
      </c>
      <c r="P3166" s="52"/>
      <c r="Q3166" s="52"/>
      <c r="R3166" s="52"/>
      <c r="S3166" s="52"/>
      <c r="T3166" s="52"/>
      <c r="U3166" s="52"/>
      <c r="V3166" s="52"/>
      <c r="W3166" s="52"/>
    </row>
    <row r="3167" spans="1:23" hidden="1" x14ac:dyDescent="0.35">
      <c r="A3167" s="52" t="s">
        <v>78</v>
      </c>
      <c r="B3167" s="52" t="s">
        <v>79</v>
      </c>
      <c r="C3167" s="3">
        <v>20</v>
      </c>
      <c r="D3167" s="52" t="s">
        <v>2020</v>
      </c>
      <c r="E3167" s="52" t="s">
        <v>26</v>
      </c>
      <c r="F3167" s="52" t="s">
        <v>81</v>
      </c>
      <c r="G3167" s="52" t="s">
        <v>82</v>
      </c>
      <c r="H3167" s="4">
        <v>1</v>
      </c>
      <c r="I3167" s="2">
        <v>14.65</v>
      </c>
      <c r="J3167" s="52" t="s">
        <v>7930</v>
      </c>
      <c r="K3167" s="71" t="s">
        <v>7931</v>
      </c>
      <c r="L3167" s="52" t="s">
        <v>2063</v>
      </c>
      <c r="M3167" s="72">
        <v>1725</v>
      </c>
      <c r="N3167" s="52" t="s">
        <v>2072</v>
      </c>
      <c r="O3167" s="52" t="s">
        <v>2073</v>
      </c>
      <c r="P3167" s="52"/>
      <c r="Q3167" s="52"/>
      <c r="R3167" s="52"/>
      <c r="S3167" s="52"/>
      <c r="T3167" s="52"/>
      <c r="U3167" s="52"/>
      <c r="V3167" s="52"/>
      <c r="W3167" s="52"/>
    </row>
    <row r="3168" spans="1:23" hidden="1" x14ac:dyDescent="0.35">
      <c r="A3168" s="52" t="s">
        <v>78</v>
      </c>
      <c r="B3168" s="52" t="s">
        <v>79</v>
      </c>
      <c r="C3168" s="3">
        <v>10</v>
      </c>
      <c r="D3168" s="52" t="s">
        <v>2022</v>
      </c>
      <c r="E3168" s="52" t="s">
        <v>26</v>
      </c>
      <c r="F3168" s="52" t="s">
        <v>81</v>
      </c>
      <c r="G3168" s="52" t="s">
        <v>82</v>
      </c>
      <c r="H3168" s="4">
        <v>1</v>
      </c>
      <c r="I3168" s="2">
        <v>14.65</v>
      </c>
      <c r="J3168" s="52" t="s">
        <v>7212</v>
      </c>
      <c r="K3168" s="71" t="s">
        <v>7932</v>
      </c>
      <c r="L3168" s="52" t="s">
        <v>2063</v>
      </c>
      <c r="M3168" s="72">
        <v>1092</v>
      </c>
      <c r="N3168" s="52"/>
      <c r="O3168" s="52"/>
      <c r="P3168" s="52"/>
      <c r="Q3168" s="52"/>
      <c r="R3168" s="52"/>
      <c r="S3168" s="52"/>
      <c r="T3168" s="52"/>
      <c r="U3168" s="52"/>
      <c r="V3168" s="52"/>
      <c r="W3168" s="52"/>
    </row>
    <row r="3169" spans="1:23" hidden="1" x14ac:dyDescent="0.35">
      <c r="A3169" s="52" t="s">
        <v>78</v>
      </c>
      <c r="B3169" s="52" t="s">
        <v>79</v>
      </c>
      <c r="C3169" s="3">
        <v>211</v>
      </c>
      <c r="D3169" s="52" t="s">
        <v>87</v>
      </c>
      <c r="E3169" s="52" t="s">
        <v>26</v>
      </c>
      <c r="F3169" s="52" t="s">
        <v>81</v>
      </c>
      <c r="G3169" s="52" t="s">
        <v>82</v>
      </c>
      <c r="H3169" s="4">
        <v>1</v>
      </c>
      <c r="I3169" s="2">
        <v>14.65</v>
      </c>
      <c r="J3169" s="52" t="s">
        <v>7933</v>
      </c>
      <c r="K3169" s="71" t="s">
        <v>7934</v>
      </c>
      <c r="L3169" s="52" t="s">
        <v>2063</v>
      </c>
      <c r="M3169" s="72">
        <v>5340</v>
      </c>
      <c r="N3169" s="52" t="s">
        <v>2072</v>
      </c>
      <c r="O3169" s="52" t="s">
        <v>2073</v>
      </c>
      <c r="P3169" s="52"/>
      <c r="Q3169" s="52"/>
      <c r="R3169" s="52"/>
      <c r="S3169" s="52"/>
      <c r="T3169" s="52"/>
      <c r="U3169" s="52"/>
      <c r="V3169" s="52"/>
      <c r="W3169" s="52"/>
    </row>
    <row r="3170" spans="1:23" hidden="1" x14ac:dyDescent="0.35">
      <c r="A3170" s="52" t="s">
        <v>78</v>
      </c>
      <c r="B3170" s="52" t="s">
        <v>79</v>
      </c>
      <c r="C3170" s="3">
        <v>211</v>
      </c>
      <c r="D3170" s="52" t="s">
        <v>2024</v>
      </c>
      <c r="E3170" s="52" t="s">
        <v>26</v>
      </c>
      <c r="F3170" s="52" t="s">
        <v>81</v>
      </c>
      <c r="G3170" s="52" t="s">
        <v>82</v>
      </c>
      <c r="H3170" s="4">
        <v>1</v>
      </c>
      <c r="I3170" s="2">
        <v>14.65</v>
      </c>
      <c r="J3170" s="52" t="s">
        <v>7935</v>
      </c>
      <c r="K3170" s="71" t="s">
        <v>7936</v>
      </c>
      <c r="L3170" s="52" t="s">
        <v>2063</v>
      </c>
      <c r="M3170" s="72">
        <v>6721</v>
      </c>
      <c r="N3170" s="52" t="s">
        <v>2066</v>
      </c>
      <c r="O3170" s="52" t="s">
        <v>2067</v>
      </c>
      <c r="P3170" s="52"/>
      <c r="Q3170" s="52"/>
      <c r="R3170" s="52"/>
      <c r="S3170" s="52"/>
      <c r="T3170" s="52"/>
      <c r="U3170" s="52"/>
      <c r="V3170" s="52"/>
      <c r="W3170" s="52"/>
    </row>
    <row r="3171" spans="1:23" hidden="1" x14ac:dyDescent="0.35">
      <c r="A3171" s="52" t="s">
        <v>78</v>
      </c>
      <c r="B3171" s="52" t="s">
        <v>79</v>
      </c>
      <c r="C3171" s="3">
        <v>20</v>
      </c>
      <c r="D3171" s="52" t="s">
        <v>80</v>
      </c>
      <c r="E3171" s="52" t="s">
        <v>26</v>
      </c>
      <c r="F3171" s="52" t="s">
        <v>81</v>
      </c>
      <c r="G3171" s="52" t="s">
        <v>82</v>
      </c>
      <c r="H3171" s="4">
        <v>1</v>
      </c>
      <c r="I3171" s="2">
        <v>14.65</v>
      </c>
      <c r="J3171" s="52" t="s">
        <v>7937</v>
      </c>
      <c r="K3171" s="71" t="s">
        <v>7938</v>
      </c>
      <c r="L3171" s="52" t="s">
        <v>2095</v>
      </c>
      <c r="M3171" s="72">
        <v>5925</v>
      </c>
      <c r="N3171" s="52" t="s">
        <v>2072</v>
      </c>
      <c r="O3171" s="52" t="s">
        <v>2073</v>
      </c>
      <c r="P3171" s="52"/>
      <c r="Q3171" s="52"/>
      <c r="R3171" s="52"/>
      <c r="S3171" s="52"/>
      <c r="T3171" s="52"/>
      <c r="U3171" s="52"/>
      <c r="V3171" s="52"/>
      <c r="W3171" s="52"/>
    </row>
    <row r="3172" spans="1:23" hidden="1" x14ac:dyDescent="0.35">
      <c r="A3172" s="52" t="s">
        <v>78</v>
      </c>
      <c r="B3172" s="52" t="s">
        <v>79</v>
      </c>
      <c r="C3172" s="3">
        <v>10</v>
      </c>
      <c r="D3172" s="52" t="s">
        <v>86</v>
      </c>
      <c r="E3172" s="52" t="s">
        <v>26</v>
      </c>
      <c r="F3172" s="52" t="s">
        <v>81</v>
      </c>
      <c r="G3172" s="52" t="s">
        <v>82</v>
      </c>
      <c r="H3172" s="4">
        <v>1</v>
      </c>
      <c r="I3172" s="2">
        <v>14.65</v>
      </c>
      <c r="J3172" s="52" t="s">
        <v>7798</v>
      </c>
      <c r="K3172" s="71" t="s">
        <v>7939</v>
      </c>
      <c r="L3172" s="52" t="s">
        <v>2063</v>
      </c>
      <c r="M3172" s="72">
        <v>2897</v>
      </c>
      <c r="N3172" s="52" t="s">
        <v>2072</v>
      </c>
      <c r="O3172" s="52" t="s">
        <v>2073</v>
      </c>
      <c r="P3172" s="52"/>
      <c r="Q3172" s="52"/>
      <c r="R3172" s="52"/>
      <c r="S3172" s="52"/>
      <c r="T3172" s="52"/>
      <c r="U3172" s="52"/>
      <c r="V3172" s="52"/>
      <c r="W3172" s="52"/>
    </row>
    <row r="3173" spans="1:23" hidden="1" x14ac:dyDescent="0.35">
      <c r="A3173" s="52" t="s">
        <v>78</v>
      </c>
      <c r="B3173" s="52" t="s">
        <v>79</v>
      </c>
      <c r="C3173" s="3">
        <v>20</v>
      </c>
      <c r="D3173" s="52" t="s">
        <v>86</v>
      </c>
      <c r="E3173" s="52" t="s">
        <v>26</v>
      </c>
      <c r="F3173" s="52" t="s">
        <v>81</v>
      </c>
      <c r="G3173" s="52" t="s">
        <v>82</v>
      </c>
      <c r="H3173" s="4">
        <v>1</v>
      </c>
      <c r="I3173" s="2">
        <v>14.65</v>
      </c>
      <c r="J3173" s="52" t="s">
        <v>7554</v>
      </c>
      <c r="K3173" s="71" t="s">
        <v>7940</v>
      </c>
      <c r="L3173" s="52" t="s">
        <v>2063</v>
      </c>
      <c r="M3173" s="72">
        <v>7850</v>
      </c>
      <c r="N3173" s="52" t="s">
        <v>2072</v>
      </c>
      <c r="O3173" s="52" t="s">
        <v>2073</v>
      </c>
      <c r="P3173" s="52"/>
      <c r="Q3173" s="52"/>
      <c r="R3173" s="52"/>
      <c r="S3173" s="52"/>
      <c r="T3173" s="52"/>
      <c r="U3173" s="52"/>
      <c r="V3173" s="52"/>
      <c r="W3173" s="52"/>
    </row>
    <row r="3174" spans="1:23" hidden="1" x14ac:dyDescent="0.35">
      <c r="A3174" s="52" t="s">
        <v>78</v>
      </c>
      <c r="B3174" s="52" t="s">
        <v>79</v>
      </c>
      <c r="C3174" s="3">
        <v>212</v>
      </c>
      <c r="D3174" s="52" t="s">
        <v>2021</v>
      </c>
      <c r="E3174" s="52" t="s">
        <v>26</v>
      </c>
      <c r="F3174" s="52" t="s">
        <v>81</v>
      </c>
      <c r="G3174" s="52" t="s">
        <v>82</v>
      </c>
      <c r="H3174" s="4">
        <v>1</v>
      </c>
      <c r="I3174" s="2">
        <v>14.65</v>
      </c>
      <c r="J3174" s="52" t="s">
        <v>7941</v>
      </c>
      <c r="K3174" s="71" t="s">
        <v>7942</v>
      </c>
      <c r="L3174" s="52" t="s">
        <v>2063</v>
      </c>
      <c r="M3174" s="72">
        <v>7790</v>
      </c>
      <c r="N3174" s="52" t="s">
        <v>2066</v>
      </c>
      <c r="O3174" s="52" t="s">
        <v>2067</v>
      </c>
      <c r="P3174" s="52"/>
      <c r="Q3174" s="52"/>
      <c r="R3174" s="52"/>
      <c r="S3174" s="52"/>
      <c r="T3174" s="52"/>
      <c r="U3174" s="52"/>
      <c r="V3174" s="52"/>
      <c r="W3174" s="52"/>
    </row>
    <row r="3175" spans="1:23" hidden="1" x14ac:dyDescent="0.35">
      <c r="A3175" s="52" t="s">
        <v>78</v>
      </c>
      <c r="B3175" s="52" t="s">
        <v>79</v>
      </c>
      <c r="C3175" s="3">
        <v>10</v>
      </c>
      <c r="D3175" s="52" t="s">
        <v>83</v>
      </c>
      <c r="E3175" s="52" t="s">
        <v>26</v>
      </c>
      <c r="F3175" s="52" t="s">
        <v>81</v>
      </c>
      <c r="G3175" s="52" t="s">
        <v>82</v>
      </c>
      <c r="H3175" s="4">
        <v>1</v>
      </c>
      <c r="I3175" s="2">
        <v>14.65</v>
      </c>
      <c r="J3175" s="52" t="s">
        <v>7943</v>
      </c>
      <c r="K3175" s="71" t="s">
        <v>7944</v>
      </c>
      <c r="L3175" s="52" t="s">
        <v>2063</v>
      </c>
      <c r="M3175" s="72">
        <v>7069</v>
      </c>
      <c r="N3175" s="52"/>
      <c r="O3175" s="52"/>
      <c r="P3175" s="52"/>
      <c r="Q3175" s="52"/>
      <c r="R3175" s="52"/>
      <c r="S3175" s="52"/>
      <c r="T3175" s="52"/>
      <c r="U3175" s="52"/>
      <c r="V3175" s="52"/>
      <c r="W3175" s="52"/>
    </row>
    <row r="3176" spans="1:23" hidden="1" x14ac:dyDescent="0.35">
      <c r="A3176" s="52" t="s">
        <v>78</v>
      </c>
      <c r="B3176" s="52" t="s">
        <v>79</v>
      </c>
      <c r="C3176" s="3">
        <v>20</v>
      </c>
      <c r="D3176" s="52" t="s">
        <v>2021</v>
      </c>
      <c r="E3176" s="52" t="s">
        <v>26</v>
      </c>
      <c r="F3176" s="52" t="s">
        <v>81</v>
      </c>
      <c r="G3176" s="52" t="s">
        <v>82</v>
      </c>
      <c r="H3176" s="4">
        <v>1</v>
      </c>
      <c r="I3176" s="2">
        <v>14.65</v>
      </c>
      <c r="J3176" s="52" t="s">
        <v>7945</v>
      </c>
      <c r="K3176" s="71" t="s">
        <v>7946</v>
      </c>
      <c r="L3176" s="52" t="s">
        <v>2063</v>
      </c>
      <c r="M3176" s="72">
        <v>1912</v>
      </c>
      <c r="N3176" s="52" t="s">
        <v>2072</v>
      </c>
      <c r="O3176" s="52" t="s">
        <v>2073</v>
      </c>
      <c r="P3176" s="52"/>
      <c r="Q3176" s="52"/>
      <c r="R3176" s="52"/>
      <c r="S3176" s="52"/>
      <c r="T3176" s="52"/>
      <c r="U3176" s="52"/>
      <c r="V3176" s="52"/>
      <c r="W3176" s="52"/>
    </row>
    <row r="3177" spans="1:23" hidden="1" x14ac:dyDescent="0.35">
      <c r="A3177" s="52" t="s">
        <v>78</v>
      </c>
      <c r="B3177" s="52" t="s">
        <v>79</v>
      </c>
      <c r="C3177" s="3">
        <v>10</v>
      </c>
      <c r="D3177" s="52" t="s">
        <v>2023</v>
      </c>
      <c r="E3177" s="52" t="s">
        <v>26</v>
      </c>
      <c r="F3177" s="52" t="s">
        <v>81</v>
      </c>
      <c r="G3177" s="52" t="s">
        <v>82</v>
      </c>
      <c r="H3177" s="4">
        <v>1</v>
      </c>
      <c r="I3177" s="2">
        <v>14.65</v>
      </c>
      <c r="J3177" s="52" t="s">
        <v>7947</v>
      </c>
      <c r="K3177" s="71" t="s">
        <v>7948</v>
      </c>
      <c r="L3177" s="52" t="s">
        <v>2063</v>
      </c>
      <c r="M3177" s="72">
        <v>9628</v>
      </c>
      <c r="N3177" s="52" t="s">
        <v>2072</v>
      </c>
      <c r="O3177" s="52" t="s">
        <v>2073</v>
      </c>
      <c r="P3177" s="52"/>
      <c r="Q3177" s="52"/>
      <c r="R3177" s="52"/>
      <c r="S3177" s="52"/>
      <c r="T3177" s="52"/>
      <c r="U3177" s="52"/>
      <c r="V3177" s="52"/>
      <c r="W3177" s="52"/>
    </row>
    <row r="3178" spans="1:23" hidden="1" x14ac:dyDescent="0.35">
      <c r="A3178" s="52" t="s">
        <v>78</v>
      </c>
      <c r="B3178" s="52" t="s">
        <v>79</v>
      </c>
      <c r="C3178" s="3">
        <v>20</v>
      </c>
      <c r="D3178" s="52" t="s">
        <v>87</v>
      </c>
      <c r="E3178" s="52" t="s">
        <v>26</v>
      </c>
      <c r="F3178" s="52" t="s">
        <v>81</v>
      </c>
      <c r="G3178" s="52" t="s">
        <v>82</v>
      </c>
      <c r="H3178" s="4">
        <v>1</v>
      </c>
      <c r="I3178" s="2">
        <v>14.65</v>
      </c>
      <c r="J3178" s="52" t="s">
        <v>7949</v>
      </c>
      <c r="K3178" s="71" t="s">
        <v>7950</v>
      </c>
      <c r="L3178" s="52" t="s">
        <v>2063</v>
      </c>
      <c r="M3178" s="72">
        <v>6158</v>
      </c>
      <c r="N3178" s="52" t="s">
        <v>2072</v>
      </c>
      <c r="O3178" s="52" t="s">
        <v>2073</v>
      </c>
      <c r="P3178" s="52"/>
      <c r="Q3178" s="52"/>
      <c r="R3178" s="52"/>
      <c r="S3178" s="52"/>
      <c r="T3178" s="52"/>
      <c r="U3178" s="52"/>
      <c r="V3178" s="52"/>
      <c r="W3178" s="52"/>
    </row>
    <row r="3179" spans="1:23" hidden="1" x14ac:dyDescent="0.35">
      <c r="A3179" s="52" t="s">
        <v>78</v>
      </c>
      <c r="B3179" s="52" t="s">
        <v>79</v>
      </c>
      <c r="C3179" s="3">
        <v>20</v>
      </c>
      <c r="D3179" s="52" t="s">
        <v>85</v>
      </c>
      <c r="E3179" s="52" t="s">
        <v>26</v>
      </c>
      <c r="F3179" s="52" t="s">
        <v>81</v>
      </c>
      <c r="G3179" s="52" t="s">
        <v>82</v>
      </c>
      <c r="H3179" s="4">
        <v>1</v>
      </c>
      <c r="I3179" s="2">
        <v>14.65</v>
      </c>
      <c r="J3179" s="52" t="s">
        <v>7951</v>
      </c>
      <c r="K3179" s="71" t="s">
        <v>7952</v>
      </c>
      <c r="L3179" s="52" t="s">
        <v>2063</v>
      </c>
      <c r="M3179" s="72">
        <v>5087</v>
      </c>
      <c r="N3179" s="52" t="s">
        <v>2072</v>
      </c>
      <c r="O3179" s="52" t="s">
        <v>2073</v>
      </c>
      <c r="P3179" s="52"/>
      <c r="Q3179" s="52"/>
      <c r="R3179" s="52"/>
      <c r="S3179" s="52"/>
      <c r="T3179" s="52"/>
      <c r="U3179" s="52"/>
      <c r="V3179" s="52"/>
      <c r="W3179" s="52"/>
    </row>
    <row r="3180" spans="1:23" hidden="1" x14ac:dyDescent="0.35">
      <c r="A3180" s="52" t="s">
        <v>78</v>
      </c>
      <c r="B3180" s="52" t="s">
        <v>79</v>
      </c>
      <c r="C3180" s="3">
        <v>20</v>
      </c>
      <c r="D3180" s="52" t="s">
        <v>2019</v>
      </c>
      <c r="E3180" s="52" t="s">
        <v>26</v>
      </c>
      <c r="F3180" s="52" t="s">
        <v>81</v>
      </c>
      <c r="G3180" s="52" t="s">
        <v>82</v>
      </c>
      <c r="H3180" s="4">
        <v>1</v>
      </c>
      <c r="I3180" s="2">
        <v>14.65</v>
      </c>
      <c r="J3180" s="52" t="s">
        <v>7953</v>
      </c>
      <c r="K3180" s="71" t="s">
        <v>7954</v>
      </c>
      <c r="L3180" s="52" t="s">
        <v>2063</v>
      </c>
      <c r="M3180" s="72">
        <v>6754</v>
      </c>
      <c r="N3180" s="52" t="s">
        <v>2066</v>
      </c>
      <c r="O3180" s="52" t="s">
        <v>2067</v>
      </c>
      <c r="P3180" s="52"/>
      <c r="Q3180" s="52"/>
      <c r="R3180" s="52"/>
      <c r="S3180" s="52"/>
      <c r="T3180" s="52"/>
      <c r="U3180" s="52"/>
      <c r="V3180" s="52"/>
      <c r="W3180" s="52"/>
    </row>
    <row r="3181" spans="1:23" hidden="1" x14ac:dyDescent="0.35">
      <c r="A3181" s="52" t="s">
        <v>78</v>
      </c>
      <c r="B3181" s="52" t="s">
        <v>79</v>
      </c>
      <c r="C3181" s="3">
        <v>20</v>
      </c>
      <c r="D3181" s="52" t="s">
        <v>85</v>
      </c>
      <c r="E3181" s="52" t="s">
        <v>26</v>
      </c>
      <c r="F3181" s="52" t="s">
        <v>81</v>
      </c>
      <c r="G3181" s="52" t="s">
        <v>82</v>
      </c>
      <c r="H3181" s="4">
        <v>1</v>
      </c>
      <c r="I3181" s="2">
        <v>14.65</v>
      </c>
      <c r="J3181" s="52" t="s">
        <v>7955</v>
      </c>
      <c r="K3181" s="71" t="s">
        <v>7956</v>
      </c>
      <c r="L3181" s="52" t="s">
        <v>2063</v>
      </c>
      <c r="M3181" s="72">
        <v>3851</v>
      </c>
      <c r="N3181" s="52" t="s">
        <v>2072</v>
      </c>
      <c r="O3181" s="52" t="s">
        <v>2073</v>
      </c>
      <c r="P3181" s="52"/>
      <c r="Q3181" s="52"/>
      <c r="R3181" s="52"/>
      <c r="S3181" s="52"/>
      <c r="T3181" s="52"/>
      <c r="U3181" s="52"/>
      <c r="V3181" s="52"/>
      <c r="W3181" s="52"/>
    </row>
    <row r="3182" spans="1:23" hidden="1" x14ac:dyDescent="0.35">
      <c r="A3182" s="52" t="s">
        <v>78</v>
      </c>
      <c r="B3182" s="52" t="s">
        <v>79</v>
      </c>
      <c r="C3182" s="3">
        <v>211</v>
      </c>
      <c r="D3182" s="52" t="s">
        <v>2024</v>
      </c>
      <c r="E3182" s="52" t="s">
        <v>26</v>
      </c>
      <c r="F3182" s="52" t="s">
        <v>81</v>
      </c>
      <c r="G3182" s="52" t="s">
        <v>82</v>
      </c>
      <c r="H3182" s="4">
        <v>1</v>
      </c>
      <c r="I3182" s="2">
        <v>14.65</v>
      </c>
      <c r="J3182" s="52" t="s">
        <v>7538</v>
      </c>
      <c r="K3182" s="71" t="s">
        <v>7957</v>
      </c>
      <c r="L3182" s="52" t="s">
        <v>2063</v>
      </c>
      <c r="M3182" s="72">
        <v>2183</v>
      </c>
      <c r="N3182" s="52" t="s">
        <v>2072</v>
      </c>
      <c r="O3182" s="52" t="s">
        <v>2073</v>
      </c>
      <c r="P3182" s="52"/>
      <c r="Q3182" s="52"/>
      <c r="R3182" s="52"/>
      <c r="S3182" s="52"/>
      <c r="T3182" s="52"/>
      <c r="U3182" s="52"/>
      <c r="V3182" s="52"/>
      <c r="W3182" s="52"/>
    </row>
    <row r="3183" spans="1:23" hidden="1" x14ac:dyDescent="0.35">
      <c r="A3183" s="52" t="s">
        <v>78</v>
      </c>
      <c r="B3183" s="52" t="s">
        <v>79</v>
      </c>
      <c r="C3183" s="3">
        <v>20</v>
      </c>
      <c r="D3183" s="52" t="s">
        <v>2021</v>
      </c>
      <c r="E3183" s="52" t="s">
        <v>26</v>
      </c>
      <c r="F3183" s="52" t="s">
        <v>81</v>
      </c>
      <c r="G3183" s="52" t="s">
        <v>82</v>
      </c>
      <c r="H3183" s="4">
        <v>1</v>
      </c>
      <c r="I3183" s="2">
        <v>14.65</v>
      </c>
      <c r="J3183" s="52" t="s">
        <v>7958</v>
      </c>
      <c r="K3183" s="71" t="s">
        <v>7959</v>
      </c>
      <c r="L3183" s="52" t="s">
        <v>2063</v>
      </c>
      <c r="M3183" s="72">
        <v>490</v>
      </c>
      <c r="N3183" s="52" t="s">
        <v>2072</v>
      </c>
      <c r="O3183" s="52" t="s">
        <v>2073</v>
      </c>
      <c r="P3183" s="52"/>
      <c r="Q3183" s="52"/>
      <c r="R3183" s="52"/>
      <c r="S3183" s="52"/>
      <c r="T3183" s="52"/>
      <c r="U3183" s="52"/>
      <c r="V3183" s="52"/>
      <c r="W3183" s="52"/>
    </row>
    <row r="3184" spans="1:23" hidden="1" x14ac:dyDescent="0.35">
      <c r="A3184" s="52" t="s">
        <v>78</v>
      </c>
      <c r="B3184" s="52" t="s">
        <v>79</v>
      </c>
      <c r="C3184" s="3">
        <v>20</v>
      </c>
      <c r="D3184" s="52" t="s">
        <v>2019</v>
      </c>
      <c r="E3184" s="52" t="s">
        <v>26</v>
      </c>
      <c r="F3184" s="52" t="s">
        <v>81</v>
      </c>
      <c r="G3184" s="52" t="s">
        <v>82</v>
      </c>
      <c r="H3184" s="4">
        <v>1</v>
      </c>
      <c r="I3184" s="2">
        <v>14.65</v>
      </c>
      <c r="J3184" s="52" t="s">
        <v>7960</v>
      </c>
      <c r="K3184" s="71" t="s">
        <v>7961</v>
      </c>
      <c r="L3184" s="52" t="s">
        <v>2063</v>
      </c>
      <c r="M3184" s="72">
        <v>2013</v>
      </c>
      <c r="N3184" s="52" t="s">
        <v>2066</v>
      </c>
      <c r="O3184" s="52" t="s">
        <v>2067</v>
      </c>
      <c r="P3184" s="52"/>
      <c r="Q3184" s="52"/>
      <c r="R3184" s="52"/>
      <c r="S3184" s="52"/>
      <c r="T3184" s="52"/>
      <c r="U3184" s="52"/>
      <c r="V3184" s="52"/>
      <c r="W3184" s="52"/>
    </row>
    <row r="3185" spans="1:23" hidden="1" x14ac:dyDescent="0.35">
      <c r="A3185" s="52" t="s">
        <v>78</v>
      </c>
      <c r="B3185" s="52" t="s">
        <v>79</v>
      </c>
      <c r="C3185" s="3">
        <v>20</v>
      </c>
      <c r="D3185" s="52" t="s">
        <v>84</v>
      </c>
      <c r="E3185" s="52" t="s">
        <v>26</v>
      </c>
      <c r="F3185" s="52" t="s">
        <v>81</v>
      </c>
      <c r="G3185" s="52" t="s">
        <v>82</v>
      </c>
      <c r="H3185" s="4">
        <v>1</v>
      </c>
      <c r="I3185" s="2">
        <v>14.65</v>
      </c>
      <c r="J3185" s="52" t="s">
        <v>7115</v>
      </c>
      <c r="K3185" s="71" t="s">
        <v>7962</v>
      </c>
      <c r="L3185" s="52" t="s">
        <v>2063</v>
      </c>
      <c r="M3185" s="72">
        <v>6693</v>
      </c>
      <c r="N3185" s="52" t="s">
        <v>2066</v>
      </c>
      <c r="O3185" s="52" t="s">
        <v>2067</v>
      </c>
      <c r="P3185" s="52"/>
      <c r="Q3185" s="52"/>
      <c r="R3185" s="52"/>
      <c r="S3185" s="52"/>
      <c r="T3185" s="52"/>
      <c r="U3185" s="52"/>
      <c r="V3185" s="52"/>
      <c r="W3185" s="52"/>
    </row>
    <row r="3186" spans="1:23" hidden="1" x14ac:dyDescent="0.35">
      <c r="A3186" s="52" t="s">
        <v>78</v>
      </c>
      <c r="B3186" s="52" t="s">
        <v>79</v>
      </c>
      <c r="C3186" s="3">
        <v>211</v>
      </c>
      <c r="D3186" s="52" t="s">
        <v>2024</v>
      </c>
      <c r="E3186" s="52" t="s">
        <v>26</v>
      </c>
      <c r="F3186" s="52" t="s">
        <v>81</v>
      </c>
      <c r="G3186" s="52" t="s">
        <v>82</v>
      </c>
      <c r="H3186" s="4">
        <v>1</v>
      </c>
      <c r="I3186" s="2">
        <v>14.65</v>
      </c>
      <c r="J3186" s="52" t="s">
        <v>7963</v>
      </c>
      <c r="K3186" s="71" t="s">
        <v>7964</v>
      </c>
      <c r="L3186" s="52" t="s">
        <v>2063</v>
      </c>
      <c r="M3186" s="72">
        <v>4585</v>
      </c>
      <c r="N3186" s="52" t="s">
        <v>2066</v>
      </c>
      <c r="O3186" s="52" t="s">
        <v>2067</v>
      </c>
      <c r="P3186" s="52"/>
      <c r="Q3186" s="52"/>
      <c r="R3186" s="52"/>
      <c r="S3186" s="52"/>
      <c r="T3186" s="52"/>
      <c r="U3186" s="52"/>
      <c r="V3186" s="52"/>
      <c r="W3186" s="52"/>
    </row>
    <row r="3187" spans="1:23" hidden="1" x14ac:dyDescent="0.35">
      <c r="A3187" s="52" t="s">
        <v>78</v>
      </c>
      <c r="B3187" s="52" t="s">
        <v>79</v>
      </c>
      <c r="C3187" s="3">
        <v>20</v>
      </c>
      <c r="D3187" s="52" t="s">
        <v>87</v>
      </c>
      <c r="E3187" s="52" t="s">
        <v>26</v>
      </c>
      <c r="F3187" s="52" t="s">
        <v>81</v>
      </c>
      <c r="G3187" s="52" t="s">
        <v>82</v>
      </c>
      <c r="H3187" s="4">
        <v>1</v>
      </c>
      <c r="I3187" s="2">
        <v>14.65</v>
      </c>
      <c r="J3187" s="52" t="s">
        <v>7949</v>
      </c>
      <c r="K3187" s="71" t="s">
        <v>7965</v>
      </c>
      <c r="L3187" s="52" t="s">
        <v>2063</v>
      </c>
      <c r="M3187" s="72">
        <v>8468</v>
      </c>
      <c r="N3187" s="52" t="s">
        <v>2072</v>
      </c>
      <c r="O3187" s="52" t="s">
        <v>2073</v>
      </c>
      <c r="P3187" s="52"/>
      <c r="Q3187" s="52"/>
      <c r="R3187" s="52"/>
      <c r="S3187" s="52"/>
      <c r="T3187" s="52"/>
      <c r="U3187" s="52"/>
      <c r="V3187" s="52"/>
      <c r="W3187" s="52"/>
    </row>
    <row r="3188" spans="1:23" hidden="1" x14ac:dyDescent="0.35">
      <c r="A3188" s="52" t="s">
        <v>78</v>
      </c>
      <c r="B3188" s="52" t="s">
        <v>79</v>
      </c>
      <c r="C3188" s="3">
        <v>10</v>
      </c>
      <c r="D3188" s="52" t="s">
        <v>87</v>
      </c>
      <c r="E3188" s="52" t="s">
        <v>26</v>
      </c>
      <c r="F3188" s="52" t="s">
        <v>81</v>
      </c>
      <c r="G3188" s="52" t="s">
        <v>82</v>
      </c>
      <c r="H3188" s="4">
        <v>1</v>
      </c>
      <c r="I3188" s="2">
        <v>14.65</v>
      </c>
      <c r="J3188" s="52" t="s">
        <v>7966</v>
      </c>
      <c r="K3188" s="71" t="s">
        <v>7967</v>
      </c>
      <c r="L3188" s="52" t="s">
        <v>2063</v>
      </c>
      <c r="M3188" s="72">
        <v>3844</v>
      </c>
      <c r="N3188" s="52" t="s">
        <v>2072</v>
      </c>
      <c r="O3188" s="52" t="s">
        <v>2073</v>
      </c>
      <c r="P3188" s="52"/>
      <c r="Q3188" s="52"/>
      <c r="R3188" s="52"/>
      <c r="S3188" s="52"/>
      <c r="T3188" s="52"/>
      <c r="U3188" s="52"/>
      <c r="V3188" s="52"/>
      <c r="W3188" s="52"/>
    </row>
    <row r="3189" spans="1:23" hidden="1" x14ac:dyDescent="0.35">
      <c r="A3189" s="52" t="s">
        <v>78</v>
      </c>
      <c r="B3189" s="52" t="s">
        <v>79</v>
      </c>
      <c r="C3189" s="3">
        <v>211</v>
      </c>
      <c r="D3189" s="52" t="s">
        <v>80</v>
      </c>
      <c r="E3189" s="52" t="s">
        <v>26</v>
      </c>
      <c r="F3189" s="52" t="s">
        <v>81</v>
      </c>
      <c r="G3189" s="52" t="s">
        <v>82</v>
      </c>
      <c r="H3189" s="4">
        <v>1</v>
      </c>
      <c r="I3189" s="2">
        <v>14.65</v>
      </c>
      <c r="J3189" s="52" t="s">
        <v>7968</v>
      </c>
      <c r="K3189" s="71" t="s">
        <v>7969</v>
      </c>
      <c r="L3189" s="52" t="s">
        <v>2063</v>
      </c>
      <c r="M3189" s="72">
        <v>3132</v>
      </c>
      <c r="N3189" s="52"/>
      <c r="O3189" s="52"/>
      <c r="P3189" s="52"/>
      <c r="Q3189" s="52"/>
      <c r="R3189" s="52"/>
      <c r="S3189" s="52"/>
      <c r="T3189" s="52"/>
      <c r="U3189" s="52"/>
      <c r="V3189" s="52"/>
      <c r="W3189" s="52"/>
    </row>
    <row r="3190" spans="1:23" hidden="1" x14ac:dyDescent="0.35">
      <c r="A3190" s="52" t="s">
        <v>78</v>
      </c>
      <c r="B3190" s="52" t="s">
        <v>79</v>
      </c>
      <c r="C3190" s="3">
        <v>20</v>
      </c>
      <c r="D3190" s="52" t="s">
        <v>2022</v>
      </c>
      <c r="E3190" s="52" t="s">
        <v>26</v>
      </c>
      <c r="F3190" s="52" t="s">
        <v>81</v>
      </c>
      <c r="G3190" s="52" t="s">
        <v>82</v>
      </c>
      <c r="H3190" s="4">
        <v>1</v>
      </c>
      <c r="I3190" s="2">
        <v>14.65</v>
      </c>
      <c r="J3190" s="52" t="s">
        <v>7970</v>
      </c>
      <c r="K3190" s="71" t="s">
        <v>7971</v>
      </c>
      <c r="L3190" s="52" t="s">
        <v>2063</v>
      </c>
      <c r="M3190" s="72">
        <v>6593</v>
      </c>
      <c r="N3190" s="52" t="s">
        <v>2072</v>
      </c>
      <c r="O3190" s="52" t="s">
        <v>2073</v>
      </c>
      <c r="P3190" s="52"/>
      <c r="Q3190" s="52"/>
      <c r="R3190" s="52"/>
      <c r="S3190" s="52"/>
      <c r="T3190" s="52"/>
      <c r="U3190" s="52"/>
      <c r="V3190" s="52"/>
      <c r="W3190" s="52"/>
    </row>
    <row r="3191" spans="1:23" hidden="1" x14ac:dyDescent="0.35">
      <c r="A3191" s="52" t="s">
        <v>78</v>
      </c>
      <c r="B3191" s="52" t="s">
        <v>79</v>
      </c>
      <c r="C3191" s="3">
        <v>20</v>
      </c>
      <c r="D3191" s="52" t="s">
        <v>80</v>
      </c>
      <c r="E3191" s="52" t="s">
        <v>26</v>
      </c>
      <c r="F3191" s="52" t="s">
        <v>81</v>
      </c>
      <c r="G3191" s="52" t="s">
        <v>82</v>
      </c>
      <c r="H3191" s="4">
        <v>1</v>
      </c>
      <c r="I3191" s="2">
        <v>14.65</v>
      </c>
      <c r="J3191" s="52" t="s">
        <v>7937</v>
      </c>
      <c r="K3191" s="71" t="s">
        <v>7972</v>
      </c>
      <c r="L3191" s="52" t="s">
        <v>2063</v>
      </c>
      <c r="M3191" s="72">
        <v>9101</v>
      </c>
      <c r="N3191" s="52" t="s">
        <v>2072</v>
      </c>
      <c r="O3191" s="52" t="s">
        <v>2073</v>
      </c>
      <c r="P3191" s="52"/>
      <c r="Q3191" s="52"/>
      <c r="R3191" s="52"/>
      <c r="S3191" s="52"/>
      <c r="T3191" s="52"/>
      <c r="U3191" s="52"/>
      <c r="V3191" s="52"/>
      <c r="W3191" s="52"/>
    </row>
    <row r="3192" spans="1:23" hidden="1" x14ac:dyDescent="0.35">
      <c r="A3192" s="52" t="s">
        <v>78</v>
      </c>
      <c r="B3192" s="52" t="s">
        <v>79</v>
      </c>
      <c r="C3192" s="3">
        <v>20</v>
      </c>
      <c r="D3192" s="52" t="s">
        <v>2022</v>
      </c>
      <c r="E3192" s="52" t="s">
        <v>26</v>
      </c>
      <c r="F3192" s="52" t="s">
        <v>81</v>
      </c>
      <c r="G3192" s="52" t="s">
        <v>82</v>
      </c>
      <c r="H3192" s="4">
        <v>1</v>
      </c>
      <c r="I3192" s="2">
        <v>14.65</v>
      </c>
      <c r="J3192" s="52" t="s">
        <v>7973</v>
      </c>
      <c r="K3192" s="71" t="s">
        <v>7974</v>
      </c>
      <c r="L3192" s="52" t="s">
        <v>2063</v>
      </c>
      <c r="M3192" s="72">
        <v>6494</v>
      </c>
      <c r="N3192" s="52" t="s">
        <v>2072</v>
      </c>
      <c r="O3192" s="52" t="s">
        <v>2073</v>
      </c>
      <c r="P3192" s="52"/>
      <c r="Q3192" s="52"/>
      <c r="R3192" s="52"/>
      <c r="S3192" s="52"/>
      <c r="T3192" s="52"/>
      <c r="U3192" s="52"/>
      <c r="V3192" s="52"/>
      <c r="W3192" s="52"/>
    </row>
    <row r="3193" spans="1:23" hidden="1" x14ac:dyDescent="0.35">
      <c r="A3193" s="52" t="s">
        <v>78</v>
      </c>
      <c r="B3193" s="52" t="s">
        <v>79</v>
      </c>
      <c r="C3193" s="3">
        <v>20</v>
      </c>
      <c r="D3193" s="52" t="s">
        <v>2023</v>
      </c>
      <c r="E3193" s="52" t="s">
        <v>26</v>
      </c>
      <c r="F3193" s="52" t="s">
        <v>81</v>
      </c>
      <c r="G3193" s="52" t="s">
        <v>82</v>
      </c>
      <c r="H3193" s="4">
        <v>1</v>
      </c>
      <c r="I3193" s="2">
        <v>14.65</v>
      </c>
      <c r="J3193" s="52" t="s">
        <v>7975</v>
      </c>
      <c r="K3193" s="71" t="s">
        <v>7976</v>
      </c>
      <c r="L3193" s="52" t="s">
        <v>2063</v>
      </c>
      <c r="M3193" s="72">
        <v>8722</v>
      </c>
      <c r="N3193" s="52" t="s">
        <v>2072</v>
      </c>
      <c r="O3193" s="52" t="s">
        <v>2073</v>
      </c>
      <c r="P3193" s="52"/>
      <c r="Q3193" s="52"/>
      <c r="R3193" s="52"/>
      <c r="S3193" s="52"/>
      <c r="T3193" s="52"/>
      <c r="U3193" s="52"/>
      <c r="V3193" s="52"/>
      <c r="W3193" s="52"/>
    </row>
    <row r="3194" spans="1:23" hidden="1" x14ac:dyDescent="0.35">
      <c r="A3194" s="52" t="s">
        <v>78</v>
      </c>
      <c r="B3194" s="52" t="s">
        <v>79</v>
      </c>
      <c r="C3194" s="3">
        <v>20</v>
      </c>
      <c r="D3194" s="52" t="s">
        <v>87</v>
      </c>
      <c r="E3194" s="52" t="s">
        <v>26</v>
      </c>
      <c r="F3194" s="52" t="s">
        <v>81</v>
      </c>
      <c r="G3194" s="52" t="s">
        <v>82</v>
      </c>
      <c r="H3194" s="4">
        <v>1</v>
      </c>
      <c r="I3194" s="2">
        <v>14.65</v>
      </c>
      <c r="J3194" s="52" t="s">
        <v>7636</v>
      </c>
      <c r="K3194" s="71" t="s">
        <v>7977</v>
      </c>
      <c r="L3194" s="52" t="s">
        <v>2063</v>
      </c>
      <c r="M3194" s="72">
        <v>6080</v>
      </c>
      <c r="N3194" s="52" t="s">
        <v>2066</v>
      </c>
      <c r="O3194" s="52" t="s">
        <v>2067</v>
      </c>
      <c r="P3194" s="52"/>
      <c r="Q3194" s="52"/>
      <c r="R3194" s="52"/>
      <c r="S3194" s="52"/>
      <c r="T3194" s="52"/>
      <c r="U3194" s="52"/>
      <c r="V3194" s="52"/>
      <c r="W3194" s="52"/>
    </row>
    <row r="3195" spans="1:23" hidden="1" x14ac:dyDescent="0.35">
      <c r="A3195" s="52" t="s">
        <v>78</v>
      </c>
      <c r="B3195" s="52" t="s">
        <v>79</v>
      </c>
      <c r="C3195" s="3">
        <v>20</v>
      </c>
      <c r="D3195" s="52" t="s">
        <v>2021</v>
      </c>
      <c r="E3195" s="52" t="s">
        <v>26</v>
      </c>
      <c r="F3195" s="52" t="s">
        <v>81</v>
      </c>
      <c r="G3195" s="52" t="s">
        <v>82</v>
      </c>
      <c r="H3195" s="4">
        <v>1</v>
      </c>
      <c r="I3195" s="2">
        <v>14.65</v>
      </c>
      <c r="J3195" s="52" t="s">
        <v>7113</v>
      </c>
      <c r="K3195" s="71" t="s">
        <v>7978</v>
      </c>
      <c r="L3195" s="52" t="s">
        <v>2063</v>
      </c>
      <c r="M3195" s="72">
        <v>4471</v>
      </c>
      <c r="N3195" s="52" t="s">
        <v>2072</v>
      </c>
      <c r="O3195" s="52" t="s">
        <v>2073</v>
      </c>
      <c r="P3195" s="52"/>
      <c r="Q3195" s="52"/>
      <c r="R3195" s="52"/>
      <c r="S3195" s="52"/>
      <c r="T3195" s="52"/>
      <c r="U3195" s="52"/>
      <c r="V3195" s="52"/>
      <c r="W3195" s="52"/>
    </row>
    <row r="3196" spans="1:23" hidden="1" x14ac:dyDescent="0.35">
      <c r="A3196" s="52" t="s">
        <v>78</v>
      </c>
      <c r="B3196" s="52" t="s">
        <v>79</v>
      </c>
      <c r="C3196" s="3">
        <v>211</v>
      </c>
      <c r="D3196" s="52" t="s">
        <v>84</v>
      </c>
      <c r="E3196" s="52" t="s">
        <v>26</v>
      </c>
      <c r="F3196" s="52" t="s">
        <v>81</v>
      </c>
      <c r="G3196" s="52" t="s">
        <v>82</v>
      </c>
      <c r="H3196" s="4">
        <v>1</v>
      </c>
      <c r="I3196" s="2">
        <v>14.65</v>
      </c>
      <c r="J3196" s="52" t="s">
        <v>7979</v>
      </c>
      <c r="K3196" s="71" t="s">
        <v>7980</v>
      </c>
      <c r="L3196" s="52" t="s">
        <v>2063</v>
      </c>
      <c r="M3196" s="72">
        <v>6163</v>
      </c>
      <c r="N3196" s="52" t="s">
        <v>2158</v>
      </c>
      <c r="O3196" s="52" t="s">
        <v>2159</v>
      </c>
      <c r="P3196" s="52"/>
      <c r="Q3196" s="52"/>
      <c r="R3196" s="52"/>
      <c r="S3196" s="52"/>
      <c r="T3196" s="52"/>
      <c r="U3196" s="52"/>
      <c r="V3196" s="52"/>
      <c r="W3196" s="52"/>
    </row>
    <row r="3197" spans="1:23" hidden="1" x14ac:dyDescent="0.35">
      <c r="A3197" s="52" t="s">
        <v>78</v>
      </c>
      <c r="B3197" s="52" t="s">
        <v>79</v>
      </c>
      <c r="C3197" s="3">
        <v>10</v>
      </c>
      <c r="D3197" s="52" t="s">
        <v>83</v>
      </c>
      <c r="E3197" s="52" t="s">
        <v>26</v>
      </c>
      <c r="F3197" s="52" t="s">
        <v>81</v>
      </c>
      <c r="G3197" s="52" t="s">
        <v>82</v>
      </c>
      <c r="H3197" s="4">
        <v>1</v>
      </c>
      <c r="I3197" s="2">
        <v>14.65</v>
      </c>
      <c r="J3197" s="52" t="s">
        <v>7943</v>
      </c>
      <c r="K3197" s="71" t="s">
        <v>7981</v>
      </c>
      <c r="L3197" s="52" t="s">
        <v>2063</v>
      </c>
      <c r="M3197" s="72">
        <v>8381</v>
      </c>
      <c r="N3197" s="52"/>
      <c r="O3197" s="52"/>
      <c r="P3197" s="52"/>
      <c r="Q3197" s="52"/>
      <c r="R3197" s="52"/>
      <c r="S3197" s="52"/>
      <c r="T3197" s="52"/>
      <c r="U3197" s="52"/>
      <c r="V3197" s="52"/>
      <c r="W3197" s="52"/>
    </row>
    <row r="3198" spans="1:23" hidden="1" x14ac:dyDescent="0.35">
      <c r="A3198" s="52" t="s">
        <v>78</v>
      </c>
      <c r="B3198" s="52" t="s">
        <v>79</v>
      </c>
      <c r="C3198" s="3">
        <v>20</v>
      </c>
      <c r="D3198" s="52" t="s">
        <v>2024</v>
      </c>
      <c r="E3198" s="52" t="s">
        <v>26</v>
      </c>
      <c r="F3198" s="52" t="s">
        <v>81</v>
      </c>
      <c r="G3198" s="52" t="s">
        <v>82</v>
      </c>
      <c r="H3198" s="4">
        <v>1</v>
      </c>
      <c r="I3198" s="2">
        <v>14.65</v>
      </c>
      <c r="J3198" s="52" t="s">
        <v>7982</v>
      </c>
      <c r="K3198" s="71" t="s">
        <v>7983</v>
      </c>
      <c r="L3198" s="52" t="s">
        <v>2063</v>
      </c>
      <c r="M3198" s="72">
        <v>4250</v>
      </c>
      <c r="N3198" s="52" t="s">
        <v>2072</v>
      </c>
      <c r="O3198" s="52" t="s">
        <v>2073</v>
      </c>
      <c r="P3198" s="52"/>
      <c r="Q3198" s="52"/>
      <c r="R3198" s="52"/>
      <c r="S3198" s="52"/>
      <c r="T3198" s="52"/>
      <c r="U3198" s="52"/>
      <c r="V3198" s="52"/>
      <c r="W3198" s="52"/>
    </row>
    <row r="3199" spans="1:23" hidden="1" x14ac:dyDescent="0.35">
      <c r="A3199" s="52" t="s">
        <v>78</v>
      </c>
      <c r="B3199" s="52" t="s">
        <v>79</v>
      </c>
      <c r="C3199" s="3">
        <v>20</v>
      </c>
      <c r="D3199" s="52" t="s">
        <v>80</v>
      </c>
      <c r="E3199" s="52" t="s">
        <v>26</v>
      </c>
      <c r="F3199" s="52" t="s">
        <v>81</v>
      </c>
      <c r="G3199" s="52" t="s">
        <v>82</v>
      </c>
      <c r="H3199" s="4">
        <v>1</v>
      </c>
      <c r="I3199" s="2">
        <v>14.65</v>
      </c>
      <c r="J3199" s="52" t="s">
        <v>7984</v>
      </c>
      <c r="K3199" s="71" t="s">
        <v>7985</v>
      </c>
      <c r="L3199" s="52" t="s">
        <v>2063</v>
      </c>
      <c r="M3199" s="72">
        <v>742</v>
      </c>
      <c r="N3199" s="52" t="s">
        <v>2072</v>
      </c>
      <c r="O3199" s="52" t="s">
        <v>2073</v>
      </c>
      <c r="P3199" s="52"/>
      <c r="Q3199" s="52"/>
      <c r="R3199" s="52"/>
      <c r="S3199" s="52"/>
      <c r="T3199" s="52"/>
      <c r="U3199" s="52"/>
      <c r="V3199" s="52"/>
      <c r="W3199" s="52"/>
    </row>
    <row r="3200" spans="1:23" hidden="1" x14ac:dyDescent="0.35">
      <c r="A3200" s="52" t="s">
        <v>78</v>
      </c>
      <c r="B3200" s="52" t="s">
        <v>79</v>
      </c>
      <c r="C3200" s="3">
        <v>20</v>
      </c>
      <c r="D3200" s="52" t="s">
        <v>2021</v>
      </c>
      <c r="E3200" s="52" t="s">
        <v>26</v>
      </c>
      <c r="F3200" s="52" t="s">
        <v>81</v>
      </c>
      <c r="G3200" s="52" t="s">
        <v>82</v>
      </c>
      <c r="H3200" s="4">
        <v>1</v>
      </c>
      <c r="I3200" s="2">
        <v>14.65</v>
      </c>
      <c r="J3200" s="52" t="s">
        <v>7986</v>
      </c>
      <c r="K3200" s="71" t="s">
        <v>7987</v>
      </c>
      <c r="L3200" s="52" t="s">
        <v>2063</v>
      </c>
      <c r="M3200" s="72">
        <v>9633</v>
      </c>
      <c r="N3200" s="52" t="s">
        <v>2072</v>
      </c>
      <c r="O3200" s="52" t="s">
        <v>2073</v>
      </c>
      <c r="P3200" s="52"/>
      <c r="Q3200" s="52"/>
      <c r="R3200" s="52"/>
      <c r="S3200" s="52"/>
      <c r="T3200" s="52"/>
      <c r="U3200" s="52"/>
      <c r="V3200" s="52"/>
      <c r="W3200" s="52"/>
    </row>
    <row r="3201" spans="1:23" hidden="1" x14ac:dyDescent="0.35">
      <c r="A3201" s="52" t="s">
        <v>78</v>
      </c>
      <c r="B3201" s="52" t="s">
        <v>79</v>
      </c>
      <c r="C3201" s="3">
        <v>211</v>
      </c>
      <c r="D3201" s="52" t="s">
        <v>84</v>
      </c>
      <c r="E3201" s="52" t="s">
        <v>26</v>
      </c>
      <c r="F3201" s="52" t="s">
        <v>81</v>
      </c>
      <c r="G3201" s="52" t="s">
        <v>82</v>
      </c>
      <c r="H3201" s="4">
        <v>1</v>
      </c>
      <c r="I3201" s="2">
        <v>14.65</v>
      </c>
      <c r="J3201" s="52" t="s">
        <v>7442</v>
      </c>
      <c r="K3201" s="71" t="s">
        <v>7988</v>
      </c>
      <c r="L3201" s="52" t="s">
        <v>2063</v>
      </c>
      <c r="M3201" s="72">
        <v>6985</v>
      </c>
      <c r="N3201" s="52"/>
      <c r="O3201" s="52"/>
      <c r="P3201" s="52"/>
      <c r="Q3201" s="52"/>
      <c r="R3201" s="52"/>
      <c r="S3201" s="52"/>
      <c r="T3201" s="52"/>
      <c r="U3201" s="52"/>
      <c r="V3201" s="52"/>
      <c r="W3201" s="52"/>
    </row>
    <row r="3202" spans="1:23" hidden="1" x14ac:dyDescent="0.35">
      <c r="A3202" s="52" t="s">
        <v>78</v>
      </c>
      <c r="B3202" s="52" t="s">
        <v>79</v>
      </c>
      <c r="C3202" s="3">
        <v>10</v>
      </c>
      <c r="D3202" s="52" t="s">
        <v>85</v>
      </c>
      <c r="E3202" s="52" t="s">
        <v>26</v>
      </c>
      <c r="F3202" s="52" t="s">
        <v>81</v>
      </c>
      <c r="G3202" s="52" t="s">
        <v>82</v>
      </c>
      <c r="H3202" s="4">
        <v>1</v>
      </c>
      <c r="I3202" s="2">
        <v>14.65</v>
      </c>
      <c r="J3202" s="52" t="s">
        <v>7989</v>
      </c>
      <c r="K3202" s="71" t="s">
        <v>7990</v>
      </c>
      <c r="L3202" s="52" t="s">
        <v>2063</v>
      </c>
      <c r="M3202" s="72">
        <v>4175</v>
      </c>
      <c r="N3202" s="52"/>
      <c r="O3202" s="52"/>
      <c r="P3202" s="52"/>
      <c r="Q3202" s="52"/>
      <c r="R3202" s="52"/>
      <c r="S3202" s="52"/>
      <c r="T3202" s="52"/>
      <c r="U3202" s="52"/>
      <c r="V3202" s="52"/>
      <c r="W3202" s="52"/>
    </row>
    <row r="3203" spans="1:23" hidden="1" x14ac:dyDescent="0.35">
      <c r="A3203" s="52" t="s">
        <v>78</v>
      </c>
      <c r="B3203" s="52" t="s">
        <v>79</v>
      </c>
      <c r="C3203" s="3">
        <v>20</v>
      </c>
      <c r="D3203" s="52" t="s">
        <v>2023</v>
      </c>
      <c r="E3203" s="52" t="s">
        <v>26</v>
      </c>
      <c r="F3203" s="52" t="s">
        <v>81</v>
      </c>
      <c r="G3203" s="52" t="s">
        <v>82</v>
      </c>
      <c r="H3203" s="4">
        <v>1</v>
      </c>
      <c r="I3203" s="2">
        <v>14.65</v>
      </c>
      <c r="J3203" s="52" t="s">
        <v>7991</v>
      </c>
      <c r="K3203" s="71" t="s">
        <v>7992</v>
      </c>
      <c r="L3203" s="52" t="s">
        <v>2063</v>
      </c>
      <c r="M3203" s="72">
        <v>5629</v>
      </c>
      <c r="N3203" s="52" t="s">
        <v>2154</v>
      </c>
      <c r="O3203" s="52" t="s">
        <v>2155</v>
      </c>
      <c r="P3203" s="52"/>
      <c r="Q3203" s="52"/>
      <c r="R3203" s="52"/>
      <c r="S3203" s="52"/>
      <c r="T3203" s="52"/>
      <c r="U3203" s="52"/>
      <c r="V3203" s="52"/>
      <c r="W3203" s="52"/>
    </row>
    <row r="3204" spans="1:23" hidden="1" x14ac:dyDescent="0.35">
      <c r="A3204" s="52" t="s">
        <v>78</v>
      </c>
      <c r="B3204" s="52" t="s">
        <v>79</v>
      </c>
      <c r="C3204" s="3">
        <v>212</v>
      </c>
      <c r="D3204" s="52" t="s">
        <v>2022</v>
      </c>
      <c r="E3204" s="52" t="s">
        <v>26</v>
      </c>
      <c r="F3204" s="52" t="s">
        <v>81</v>
      </c>
      <c r="G3204" s="52" t="s">
        <v>82</v>
      </c>
      <c r="H3204" s="4">
        <v>1</v>
      </c>
      <c r="I3204" s="2">
        <v>14.65</v>
      </c>
      <c r="J3204" s="52" t="s">
        <v>7993</v>
      </c>
      <c r="K3204" s="71" t="s">
        <v>7994</v>
      </c>
      <c r="L3204" s="52" t="s">
        <v>2063</v>
      </c>
      <c r="M3204" s="72">
        <v>1177</v>
      </c>
      <c r="N3204" s="52" t="s">
        <v>2072</v>
      </c>
      <c r="O3204" s="52" t="s">
        <v>2073</v>
      </c>
      <c r="P3204" s="52"/>
      <c r="Q3204" s="52"/>
      <c r="R3204" s="52"/>
      <c r="S3204" s="52"/>
      <c r="T3204" s="52"/>
      <c r="U3204" s="52"/>
      <c r="V3204" s="52"/>
      <c r="W3204" s="52"/>
    </row>
    <row r="3205" spans="1:23" hidden="1" x14ac:dyDescent="0.35">
      <c r="A3205" s="52" t="s">
        <v>78</v>
      </c>
      <c r="B3205" s="52" t="s">
        <v>79</v>
      </c>
      <c r="C3205" s="3">
        <v>211</v>
      </c>
      <c r="D3205" s="52" t="s">
        <v>2021</v>
      </c>
      <c r="E3205" s="52" t="s">
        <v>26</v>
      </c>
      <c r="F3205" s="52" t="s">
        <v>81</v>
      </c>
      <c r="G3205" s="52" t="s">
        <v>82</v>
      </c>
      <c r="H3205" s="4">
        <v>1</v>
      </c>
      <c r="I3205" s="2">
        <v>14.65</v>
      </c>
      <c r="J3205" s="52" t="s">
        <v>7995</v>
      </c>
      <c r="K3205" s="71" t="s">
        <v>7996</v>
      </c>
      <c r="L3205" s="52" t="s">
        <v>2063</v>
      </c>
      <c r="M3205" s="72">
        <v>2452</v>
      </c>
      <c r="N3205" s="52" t="s">
        <v>2158</v>
      </c>
      <c r="O3205" s="52" t="s">
        <v>2159</v>
      </c>
      <c r="P3205" s="52"/>
      <c r="Q3205" s="52"/>
      <c r="R3205" s="52"/>
      <c r="S3205" s="52"/>
      <c r="T3205" s="52"/>
      <c r="U3205" s="52"/>
      <c r="V3205" s="52"/>
      <c r="W3205" s="52"/>
    </row>
    <row r="3206" spans="1:23" hidden="1" x14ac:dyDescent="0.35">
      <c r="A3206" s="52" t="s">
        <v>78</v>
      </c>
      <c r="B3206" s="52" t="s">
        <v>79</v>
      </c>
      <c r="C3206" s="3">
        <v>10</v>
      </c>
      <c r="D3206" s="52" t="s">
        <v>87</v>
      </c>
      <c r="E3206" s="52" t="s">
        <v>26</v>
      </c>
      <c r="F3206" s="52" t="s">
        <v>81</v>
      </c>
      <c r="G3206" s="52" t="s">
        <v>82</v>
      </c>
      <c r="H3206" s="4">
        <v>1</v>
      </c>
      <c r="I3206" s="2">
        <v>14.65</v>
      </c>
      <c r="J3206" s="52" t="s">
        <v>7429</v>
      </c>
      <c r="K3206" s="71" t="s">
        <v>7997</v>
      </c>
      <c r="L3206" s="52" t="s">
        <v>2063</v>
      </c>
      <c r="M3206" s="72">
        <v>6062</v>
      </c>
      <c r="N3206" s="52"/>
      <c r="O3206" s="52"/>
      <c r="P3206" s="52"/>
      <c r="Q3206" s="52"/>
      <c r="R3206" s="52"/>
      <c r="S3206" s="52"/>
      <c r="T3206" s="52"/>
      <c r="U3206" s="52"/>
      <c r="V3206" s="52"/>
      <c r="W3206" s="52"/>
    </row>
    <row r="3207" spans="1:23" hidden="1" x14ac:dyDescent="0.35">
      <c r="A3207" s="52" t="s">
        <v>78</v>
      </c>
      <c r="B3207" s="52" t="s">
        <v>79</v>
      </c>
      <c r="C3207" s="3">
        <v>20</v>
      </c>
      <c r="D3207" s="52" t="s">
        <v>83</v>
      </c>
      <c r="E3207" s="52" t="s">
        <v>26</v>
      </c>
      <c r="F3207" s="52" t="s">
        <v>81</v>
      </c>
      <c r="G3207" s="52" t="s">
        <v>82</v>
      </c>
      <c r="H3207" s="4">
        <v>1</v>
      </c>
      <c r="I3207" s="2">
        <v>14.65</v>
      </c>
      <c r="J3207" s="52" t="s">
        <v>7998</v>
      </c>
      <c r="K3207" s="71" t="s">
        <v>7999</v>
      </c>
      <c r="L3207" s="52" t="s">
        <v>2063</v>
      </c>
      <c r="M3207" s="72">
        <v>1725</v>
      </c>
      <c r="N3207" s="52"/>
      <c r="O3207" s="52"/>
      <c r="P3207" s="52"/>
      <c r="Q3207" s="52"/>
      <c r="R3207" s="52"/>
      <c r="S3207" s="52"/>
      <c r="T3207" s="52"/>
      <c r="U3207" s="52"/>
      <c r="V3207" s="52"/>
      <c r="W3207" s="52"/>
    </row>
    <row r="3208" spans="1:23" hidden="1" x14ac:dyDescent="0.35">
      <c r="A3208" s="52" t="s">
        <v>78</v>
      </c>
      <c r="B3208" s="52" t="s">
        <v>79</v>
      </c>
      <c r="C3208" s="3">
        <v>20</v>
      </c>
      <c r="D3208" s="52" t="s">
        <v>84</v>
      </c>
      <c r="E3208" s="52" t="s">
        <v>26</v>
      </c>
      <c r="F3208" s="52" t="s">
        <v>81</v>
      </c>
      <c r="G3208" s="52" t="s">
        <v>82</v>
      </c>
      <c r="H3208" s="4">
        <v>1</v>
      </c>
      <c r="I3208" s="2">
        <v>14.65</v>
      </c>
      <c r="J3208" s="52" t="s">
        <v>7235</v>
      </c>
      <c r="K3208" s="71" t="s">
        <v>8000</v>
      </c>
      <c r="L3208" s="52" t="s">
        <v>2063</v>
      </c>
      <c r="M3208" s="72">
        <v>8322</v>
      </c>
      <c r="N3208" s="52" t="s">
        <v>2072</v>
      </c>
      <c r="O3208" s="52" t="s">
        <v>2073</v>
      </c>
      <c r="P3208" s="52"/>
      <c r="Q3208" s="52"/>
      <c r="R3208" s="52"/>
      <c r="S3208" s="52"/>
      <c r="T3208" s="52"/>
      <c r="U3208" s="52"/>
      <c r="V3208" s="52"/>
      <c r="W3208" s="52"/>
    </row>
    <row r="3209" spans="1:23" hidden="1" x14ac:dyDescent="0.35">
      <c r="A3209" s="52" t="s">
        <v>78</v>
      </c>
      <c r="B3209" s="52" t="s">
        <v>79</v>
      </c>
      <c r="C3209" s="3">
        <v>20</v>
      </c>
      <c r="D3209" s="52" t="s">
        <v>2022</v>
      </c>
      <c r="E3209" s="52" t="s">
        <v>26</v>
      </c>
      <c r="F3209" s="52" t="s">
        <v>81</v>
      </c>
      <c r="G3209" s="52" t="s">
        <v>82</v>
      </c>
      <c r="H3209" s="4">
        <v>1</v>
      </c>
      <c r="I3209" s="2">
        <v>14.65</v>
      </c>
      <c r="J3209" s="52" t="s">
        <v>7793</v>
      </c>
      <c r="K3209" s="71" t="s">
        <v>8001</v>
      </c>
      <c r="L3209" s="52" t="s">
        <v>2063</v>
      </c>
      <c r="M3209" s="72">
        <v>1929</v>
      </c>
      <c r="N3209" s="52" t="s">
        <v>2158</v>
      </c>
      <c r="O3209" s="52" t="s">
        <v>2159</v>
      </c>
      <c r="P3209" s="52"/>
      <c r="Q3209" s="52"/>
      <c r="R3209" s="52"/>
      <c r="S3209" s="52"/>
      <c r="T3209" s="52"/>
      <c r="U3209" s="52"/>
      <c r="V3209" s="52"/>
      <c r="W3209" s="52"/>
    </row>
    <row r="3210" spans="1:23" hidden="1" x14ac:dyDescent="0.35">
      <c r="A3210" s="52" t="s">
        <v>78</v>
      </c>
      <c r="B3210" s="52" t="s">
        <v>79</v>
      </c>
      <c r="C3210" s="3">
        <v>20</v>
      </c>
      <c r="D3210" s="52" t="s">
        <v>2022</v>
      </c>
      <c r="E3210" s="52" t="s">
        <v>26</v>
      </c>
      <c r="F3210" s="52" t="s">
        <v>81</v>
      </c>
      <c r="G3210" s="52" t="s">
        <v>82</v>
      </c>
      <c r="H3210" s="4">
        <v>1</v>
      </c>
      <c r="I3210" s="2">
        <v>14.65</v>
      </c>
      <c r="J3210" s="52" t="s">
        <v>8002</v>
      </c>
      <c r="K3210" s="71" t="s">
        <v>8003</v>
      </c>
      <c r="L3210" s="52" t="s">
        <v>2063</v>
      </c>
      <c r="M3210" s="72">
        <v>8092</v>
      </c>
      <c r="N3210" s="52"/>
      <c r="O3210" s="52"/>
      <c r="P3210" s="52"/>
      <c r="Q3210" s="52"/>
      <c r="R3210" s="52"/>
      <c r="S3210" s="52"/>
      <c r="T3210" s="52"/>
      <c r="U3210" s="52"/>
      <c r="V3210" s="52"/>
      <c r="W3210" s="52"/>
    </row>
    <row r="3211" spans="1:23" x14ac:dyDescent="0.35">
      <c r="A3211" s="52" t="s">
        <v>78</v>
      </c>
      <c r="B3211" s="52" t="s">
        <v>79</v>
      </c>
      <c r="C3211" s="3">
        <v>20</v>
      </c>
      <c r="D3211" s="52" t="s">
        <v>2021</v>
      </c>
      <c r="E3211" s="52" t="s">
        <v>26</v>
      </c>
      <c r="F3211" s="52" t="s">
        <v>81</v>
      </c>
      <c r="G3211" s="52" t="s">
        <v>82</v>
      </c>
      <c r="H3211" s="4">
        <v>1</v>
      </c>
      <c r="I3211" s="2">
        <v>14.65</v>
      </c>
      <c r="J3211" s="52" t="s">
        <v>8004</v>
      </c>
      <c r="K3211" s="71" t="s">
        <v>8005</v>
      </c>
      <c r="L3211" s="52" t="s">
        <v>2063</v>
      </c>
      <c r="M3211" s="72">
        <v>7803</v>
      </c>
      <c r="N3211" s="52" t="s">
        <v>2259</v>
      </c>
      <c r="O3211" s="52" t="s">
        <v>2260</v>
      </c>
      <c r="P3211" s="52"/>
      <c r="Q3211" s="52"/>
      <c r="R3211" s="52"/>
      <c r="S3211" s="52"/>
      <c r="T3211" s="52"/>
      <c r="U3211" s="52"/>
      <c r="V3211" s="52"/>
      <c r="W3211" s="52"/>
    </row>
    <row r="3212" spans="1:23" hidden="1" x14ac:dyDescent="0.35">
      <c r="A3212" s="52" t="s">
        <v>78</v>
      </c>
      <c r="B3212" s="52" t="s">
        <v>79</v>
      </c>
      <c r="C3212" s="3">
        <v>211</v>
      </c>
      <c r="D3212" s="52" t="s">
        <v>2023</v>
      </c>
      <c r="E3212" s="52" t="s">
        <v>26</v>
      </c>
      <c r="F3212" s="52" t="s">
        <v>81</v>
      </c>
      <c r="G3212" s="52" t="s">
        <v>82</v>
      </c>
      <c r="H3212" s="4">
        <v>1</v>
      </c>
      <c r="I3212" s="2">
        <v>14.65</v>
      </c>
      <c r="J3212" s="52" t="s">
        <v>8006</v>
      </c>
      <c r="K3212" s="71" t="s">
        <v>8007</v>
      </c>
      <c r="L3212" s="52" t="s">
        <v>2063</v>
      </c>
      <c r="M3212" s="72">
        <v>2591</v>
      </c>
      <c r="N3212" s="52" t="s">
        <v>2066</v>
      </c>
      <c r="O3212" s="52" t="s">
        <v>2067</v>
      </c>
      <c r="P3212" s="52"/>
      <c r="Q3212" s="52"/>
      <c r="R3212" s="52"/>
      <c r="S3212" s="52"/>
      <c r="T3212" s="52"/>
      <c r="U3212" s="52"/>
      <c r="V3212" s="52"/>
      <c r="W3212" s="52"/>
    </row>
    <row r="3213" spans="1:23" hidden="1" x14ac:dyDescent="0.35">
      <c r="A3213" s="52" t="s">
        <v>78</v>
      </c>
      <c r="B3213" s="52" t="s">
        <v>79</v>
      </c>
      <c r="C3213" s="3">
        <v>10</v>
      </c>
      <c r="D3213" s="52" t="s">
        <v>80</v>
      </c>
      <c r="E3213" s="52" t="s">
        <v>26</v>
      </c>
      <c r="F3213" s="52" t="s">
        <v>81</v>
      </c>
      <c r="G3213" s="52" t="s">
        <v>82</v>
      </c>
      <c r="H3213" s="4">
        <v>1</v>
      </c>
      <c r="I3213" s="2">
        <v>14.65</v>
      </c>
      <c r="J3213" s="52" t="s">
        <v>6841</v>
      </c>
      <c r="K3213" s="71" t="s">
        <v>8008</v>
      </c>
      <c r="L3213" s="52" t="s">
        <v>2095</v>
      </c>
      <c r="M3213" s="72">
        <v>2310</v>
      </c>
      <c r="N3213" s="52"/>
      <c r="O3213" s="52"/>
      <c r="P3213" s="52"/>
      <c r="Q3213" s="52"/>
      <c r="R3213" s="52"/>
      <c r="S3213" s="52"/>
      <c r="T3213" s="52"/>
      <c r="U3213" s="52"/>
      <c r="V3213" s="52"/>
      <c r="W3213" s="52"/>
    </row>
    <row r="3214" spans="1:23" hidden="1" x14ac:dyDescent="0.35">
      <c r="A3214" s="52" t="s">
        <v>78</v>
      </c>
      <c r="B3214" s="52" t="s">
        <v>79</v>
      </c>
      <c r="C3214" s="3">
        <v>10</v>
      </c>
      <c r="D3214" s="52" t="s">
        <v>2022</v>
      </c>
      <c r="E3214" s="52" t="s">
        <v>26</v>
      </c>
      <c r="F3214" s="52" t="s">
        <v>81</v>
      </c>
      <c r="G3214" s="52" t="s">
        <v>82</v>
      </c>
      <c r="H3214" s="4">
        <v>1</v>
      </c>
      <c r="I3214" s="2">
        <v>14.65</v>
      </c>
      <c r="J3214" s="52" t="s">
        <v>8009</v>
      </c>
      <c r="K3214" s="71" t="s">
        <v>8010</v>
      </c>
      <c r="L3214" s="52" t="s">
        <v>2063</v>
      </c>
      <c r="M3214" s="72">
        <v>7103</v>
      </c>
      <c r="N3214" s="52" t="s">
        <v>2072</v>
      </c>
      <c r="O3214" s="52" t="s">
        <v>2073</v>
      </c>
      <c r="P3214" s="52"/>
      <c r="Q3214" s="52"/>
      <c r="R3214" s="52"/>
      <c r="S3214" s="52"/>
      <c r="T3214" s="52"/>
      <c r="U3214" s="52"/>
      <c r="V3214" s="52"/>
      <c r="W3214" s="52"/>
    </row>
    <row r="3215" spans="1:23" hidden="1" x14ac:dyDescent="0.35">
      <c r="A3215" s="52" t="s">
        <v>78</v>
      </c>
      <c r="B3215" s="52" t="s">
        <v>79</v>
      </c>
      <c r="C3215" s="3">
        <v>20</v>
      </c>
      <c r="D3215" s="52" t="s">
        <v>86</v>
      </c>
      <c r="E3215" s="52" t="s">
        <v>26</v>
      </c>
      <c r="F3215" s="52" t="s">
        <v>81</v>
      </c>
      <c r="G3215" s="52" t="s">
        <v>82</v>
      </c>
      <c r="H3215" s="4">
        <v>1</v>
      </c>
      <c r="I3215" s="2">
        <v>14.65</v>
      </c>
      <c r="J3215" s="52" t="s">
        <v>7115</v>
      </c>
      <c r="K3215" s="71" t="s">
        <v>8011</v>
      </c>
      <c r="L3215" s="52" t="s">
        <v>2063</v>
      </c>
      <c r="M3215" s="72">
        <v>7197</v>
      </c>
      <c r="N3215" s="52" t="s">
        <v>2066</v>
      </c>
      <c r="O3215" s="52" t="s">
        <v>2067</v>
      </c>
      <c r="P3215" s="52"/>
      <c r="Q3215" s="52"/>
      <c r="R3215" s="52"/>
      <c r="S3215" s="52"/>
      <c r="T3215" s="52"/>
      <c r="U3215" s="52"/>
      <c r="V3215" s="52"/>
      <c r="W3215" s="52"/>
    </row>
    <row r="3216" spans="1:23" hidden="1" x14ac:dyDescent="0.35">
      <c r="A3216" s="52" t="s">
        <v>78</v>
      </c>
      <c r="B3216" s="52" t="s">
        <v>79</v>
      </c>
      <c r="C3216" s="3">
        <v>10</v>
      </c>
      <c r="D3216" s="52" t="s">
        <v>85</v>
      </c>
      <c r="E3216" s="52" t="s">
        <v>26</v>
      </c>
      <c r="F3216" s="52" t="s">
        <v>81</v>
      </c>
      <c r="G3216" s="52" t="s">
        <v>82</v>
      </c>
      <c r="H3216" s="4">
        <v>1</v>
      </c>
      <c r="I3216" s="2">
        <v>14.65</v>
      </c>
      <c r="J3216" s="52" t="s">
        <v>8012</v>
      </c>
      <c r="K3216" s="71" t="s">
        <v>8013</v>
      </c>
      <c r="L3216" s="52" t="s">
        <v>2063</v>
      </c>
      <c r="M3216" s="72">
        <v>453</v>
      </c>
      <c r="N3216" s="52" t="s">
        <v>2072</v>
      </c>
      <c r="O3216" s="52" t="s">
        <v>2073</v>
      </c>
      <c r="P3216" s="52"/>
      <c r="Q3216" s="52"/>
      <c r="R3216" s="52"/>
      <c r="S3216" s="52"/>
      <c r="T3216" s="52"/>
      <c r="U3216" s="52"/>
      <c r="V3216" s="52"/>
      <c r="W3216" s="52"/>
    </row>
    <row r="3217" spans="1:23" hidden="1" x14ac:dyDescent="0.35">
      <c r="A3217" s="52" t="s">
        <v>78</v>
      </c>
      <c r="B3217" s="52" t="s">
        <v>79</v>
      </c>
      <c r="C3217" s="3">
        <v>20</v>
      </c>
      <c r="D3217" s="52" t="s">
        <v>87</v>
      </c>
      <c r="E3217" s="52" t="s">
        <v>26</v>
      </c>
      <c r="F3217" s="52" t="s">
        <v>81</v>
      </c>
      <c r="G3217" s="52" t="s">
        <v>82</v>
      </c>
      <c r="H3217" s="4">
        <v>1</v>
      </c>
      <c r="I3217" s="2">
        <v>14.65</v>
      </c>
      <c r="J3217" s="52" t="s">
        <v>7636</v>
      </c>
      <c r="K3217" s="71" t="s">
        <v>8014</v>
      </c>
      <c r="L3217" s="52" t="s">
        <v>2063</v>
      </c>
      <c r="M3217" s="72">
        <v>282</v>
      </c>
      <c r="N3217" s="52" t="s">
        <v>2066</v>
      </c>
      <c r="O3217" s="52" t="s">
        <v>2067</v>
      </c>
      <c r="P3217" s="52"/>
      <c r="Q3217" s="52"/>
      <c r="R3217" s="52"/>
      <c r="S3217" s="52"/>
      <c r="T3217" s="52"/>
      <c r="U3217" s="52"/>
      <c r="V3217" s="52"/>
      <c r="W3217" s="52"/>
    </row>
    <row r="3218" spans="1:23" hidden="1" x14ac:dyDescent="0.35">
      <c r="A3218" s="52" t="s">
        <v>78</v>
      </c>
      <c r="B3218" s="52" t="s">
        <v>79</v>
      </c>
      <c r="C3218" s="3">
        <v>211</v>
      </c>
      <c r="D3218" s="52" t="s">
        <v>2020</v>
      </c>
      <c r="E3218" s="52" t="s">
        <v>26</v>
      </c>
      <c r="F3218" s="52" t="s">
        <v>81</v>
      </c>
      <c r="G3218" s="52" t="s">
        <v>82</v>
      </c>
      <c r="H3218" s="4">
        <v>1</v>
      </c>
      <c r="I3218" s="2">
        <v>14.65</v>
      </c>
      <c r="J3218" s="52" t="s">
        <v>8015</v>
      </c>
      <c r="K3218" s="71" t="s">
        <v>8016</v>
      </c>
      <c r="L3218" s="52" t="s">
        <v>2063</v>
      </c>
      <c r="M3218" s="72">
        <v>3492</v>
      </c>
      <c r="N3218" s="52" t="s">
        <v>2072</v>
      </c>
      <c r="O3218" s="52" t="s">
        <v>2073</v>
      </c>
      <c r="P3218" s="52"/>
      <c r="Q3218" s="52"/>
      <c r="R3218" s="52"/>
      <c r="S3218" s="52"/>
      <c r="T3218" s="52"/>
      <c r="U3218" s="52"/>
      <c r="V3218" s="52"/>
      <c r="W3218" s="52"/>
    </row>
    <row r="3219" spans="1:23" hidden="1" x14ac:dyDescent="0.35">
      <c r="A3219" s="52" t="s">
        <v>78</v>
      </c>
      <c r="B3219" s="52" t="s">
        <v>79</v>
      </c>
      <c r="C3219" s="3">
        <v>20</v>
      </c>
      <c r="D3219" s="52" t="s">
        <v>2024</v>
      </c>
      <c r="E3219" s="52" t="s">
        <v>26</v>
      </c>
      <c r="F3219" s="52" t="s">
        <v>81</v>
      </c>
      <c r="G3219" s="52" t="s">
        <v>82</v>
      </c>
      <c r="H3219" s="4">
        <v>1</v>
      </c>
      <c r="I3219" s="2">
        <v>14.65</v>
      </c>
      <c r="J3219" s="52" t="s">
        <v>8017</v>
      </c>
      <c r="K3219" s="71" t="s">
        <v>8018</v>
      </c>
      <c r="L3219" s="52" t="s">
        <v>2063</v>
      </c>
      <c r="M3219" s="72">
        <v>3056</v>
      </c>
      <c r="N3219" s="52"/>
      <c r="O3219" s="52"/>
      <c r="P3219" s="52"/>
      <c r="Q3219" s="52"/>
      <c r="R3219" s="52"/>
      <c r="S3219" s="52"/>
      <c r="T3219" s="52"/>
      <c r="U3219" s="52"/>
      <c r="V3219" s="52"/>
      <c r="W3219" s="52"/>
    </row>
    <row r="3220" spans="1:23" hidden="1" x14ac:dyDescent="0.35">
      <c r="A3220" s="52" t="s">
        <v>78</v>
      </c>
      <c r="B3220" s="52" t="s">
        <v>79</v>
      </c>
      <c r="C3220" s="3">
        <v>20</v>
      </c>
      <c r="D3220" s="52" t="s">
        <v>86</v>
      </c>
      <c r="E3220" s="52" t="s">
        <v>26</v>
      </c>
      <c r="F3220" s="52" t="s">
        <v>81</v>
      </c>
      <c r="G3220" s="52" t="s">
        <v>82</v>
      </c>
      <c r="H3220" s="4">
        <v>1</v>
      </c>
      <c r="I3220" s="2">
        <v>14.65</v>
      </c>
      <c r="J3220" s="52" t="s">
        <v>8019</v>
      </c>
      <c r="K3220" s="71" t="s">
        <v>8020</v>
      </c>
      <c r="L3220" s="52" t="s">
        <v>2063</v>
      </c>
      <c r="M3220" s="72">
        <v>3712</v>
      </c>
      <c r="N3220" s="52" t="s">
        <v>2072</v>
      </c>
      <c r="O3220" s="52" t="s">
        <v>2073</v>
      </c>
      <c r="P3220" s="52"/>
      <c r="Q3220" s="52"/>
      <c r="R3220" s="52"/>
      <c r="S3220" s="52"/>
      <c r="T3220" s="52"/>
      <c r="U3220" s="52"/>
      <c r="V3220" s="52"/>
      <c r="W3220" s="52"/>
    </row>
    <row r="3221" spans="1:23" hidden="1" x14ac:dyDescent="0.35">
      <c r="A3221" s="52" t="s">
        <v>78</v>
      </c>
      <c r="B3221" s="52" t="s">
        <v>79</v>
      </c>
      <c r="C3221" s="3">
        <v>20</v>
      </c>
      <c r="D3221" s="52" t="s">
        <v>2022</v>
      </c>
      <c r="E3221" s="52" t="s">
        <v>26</v>
      </c>
      <c r="F3221" s="52" t="s">
        <v>81</v>
      </c>
      <c r="G3221" s="52" t="s">
        <v>82</v>
      </c>
      <c r="H3221" s="4">
        <v>1</v>
      </c>
      <c r="I3221" s="2">
        <v>14.65</v>
      </c>
      <c r="J3221" s="52" t="s">
        <v>8021</v>
      </c>
      <c r="K3221" s="71" t="s">
        <v>8022</v>
      </c>
      <c r="L3221" s="52" t="s">
        <v>2063</v>
      </c>
      <c r="M3221" s="72">
        <v>4334</v>
      </c>
      <c r="N3221" s="52" t="s">
        <v>2072</v>
      </c>
      <c r="O3221" s="52" t="s">
        <v>2073</v>
      </c>
      <c r="P3221" s="52"/>
      <c r="Q3221" s="52"/>
      <c r="R3221" s="52"/>
      <c r="S3221" s="52"/>
      <c r="T3221" s="52"/>
      <c r="U3221" s="52"/>
      <c r="V3221" s="52"/>
      <c r="W3221" s="52"/>
    </row>
    <row r="3222" spans="1:23" hidden="1" x14ac:dyDescent="0.35">
      <c r="A3222" s="52" t="s">
        <v>78</v>
      </c>
      <c r="B3222" s="52" t="s">
        <v>79</v>
      </c>
      <c r="C3222" s="3">
        <v>10</v>
      </c>
      <c r="D3222" s="52" t="s">
        <v>83</v>
      </c>
      <c r="E3222" s="52" t="s">
        <v>26</v>
      </c>
      <c r="F3222" s="52" t="s">
        <v>81</v>
      </c>
      <c r="G3222" s="52" t="s">
        <v>82</v>
      </c>
      <c r="H3222" s="4">
        <v>1</v>
      </c>
      <c r="I3222" s="2">
        <v>14.65</v>
      </c>
      <c r="J3222" s="52" t="s">
        <v>8023</v>
      </c>
      <c r="K3222" s="71" t="s">
        <v>8024</v>
      </c>
      <c r="L3222" s="52" t="s">
        <v>2063</v>
      </c>
      <c r="M3222" s="72">
        <v>6147</v>
      </c>
      <c r="N3222" s="52" t="s">
        <v>2072</v>
      </c>
      <c r="O3222" s="52" t="s">
        <v>2073</v>
      </c>
      <c r="P3222" s="52"/>
      <c r="Q3222" s="52"/>
      <c r="R3222" s="52"/>
      <c r="S3222" s="52"/>
      <c r="T3222" s="52"/>
      <c r="U3222" s="52"/>
      <c r="V3222" s="52"/>
      <c r="W3222" s="52"/>
    </row>
    <row r="3223" spans="1:23" hidden="1" x14ac:dyDescent="0.35">
      <c r="A3223" s="52" t="s">
        <v>78</v>
      </c>
      <c r="B3223" s="52" t="s">
        <v>79</v>
      </c>
      <c r="C3223" s="3">
        <v>10</v>
      </c>
      <c r="D3223" s="52" t="s">
        <v>87</v>
      </c>
      <c r="E3223" s="52" t="s">
        <v>26</v>
      </c>
      <c r="F3223" s="52" t="s">
        <v>81</v>
      </c>
      <c r="G3223" s="52" t="s">
        <v>82</v>
      </c>
      <c r="H3223" s="4">
        <v>1</v>
      </c>
      <c r="I3223" s="2">
        <v>14.65</v>
      </c>
      <c r="J3223" s="52" t="s">
        <v>8025</v>
      </c>
      <c r="K3223" s="71" t="s">
        <v>8026</v>
      </c>
      <c r="L3223" s="52" t="s">
        <v>2063</v>
      </c>
      <c r="M3223" s="72">
        <v>6480</v>
      </c>
      <c r="N3223" s="52" t="s">
        <v>2066</v>
      </c>
      <c r="O3223" s="52" t="s">
        <v>2067</v>
      </c>
      <c r="P3223" s="52"/>
      <c r="Q3223" s="52"/>
      <c r="R3223" s="52"/>
      <c r="S3223" s="52"/>
      <c r="T3223" s="52"/>
      <c r="U3223" s="52"/>
      <c r="V3223" s="52"/>
      <c r="W3223" s="52"/>
    </row>
    <row r="3224" spans="1:23" hidden="1" x14ac:dyDescent="0.35">
      <c r="A3224" s="52" t="s">
        <v>78</v>
      </c>
      <c r="B3224" s="52" t="s">
        <v>79</v>
      </c>
      <c r="C3224" s="3">
        <v>20</v>
      </c>
      <c r="D3224" s="52" t="s">
        <v>2019</v>
      </c>
      <c r="E3224" s="52" t="s">
        <v>26</v>
      </c>
      <c r="F3224" s="52" t="s">
        <v>81</v>
      </c>
      <c r="G3224" s="52" t="s">
        <v>82</v>
      </c>
      <c r="H3224" s="4">
        <v>1</v>
      </c>
      <c r="I3224" s="2">
        <v>14.65</v>
      </c>
      <c r="J3224" s="52" t="s">
        <v>6871</v>
      </c>
      <c r="K3224" s="71" t="s">
        <v>8027</v>
      </c>
      <c r="L3224" s="52" t="s">
        <v>2063</v>
      </c>
      <c r="M3224" s="72">
        <v>932</v>
      </c>
      <c r="N3224" s="52"/>
      <c r="O3224" s="52"/>
      <c r="P3224" s="52"/>
      <c r="Q3224" s="52"/>
      <c r="R3224" s="52"/>
      <c r="S3224" s="52"/>
      <c r="T3224" s="52"/>
      <c r="U3224" s="52"/>
      <c r="V3224" s="52"/>
      <c r="W3224" s="52"/>
    </row>
    <row r="3225" spans="1:23" hidden="1" x14ac:dyDescent="0.35">
      <c r="A3225" s="52" t="s">
        <v>78</v>
      </c>
      <c r="B3225" s="52" t="s">
        <v>79</v>
      </c>
      <c r="C3225" s="3">
        <v>20</v>
      </c>
      <c r="D3225" s="52" t="s">
        <v>86</v>
      </c>
      <c r="E3225" s="52" t="s">
        <v>26</v>
      </c>
      <c r="F3225" s="52" t="s">
        <v>81</v>
      </c>
      <c r="G3225" s="52" t="s">
        <v>82</v>
      </c>
      <c r="H3225" s="4">
        <v>1</v>
      </c>
      <c r="I3225" s="2">
        <v>14.65</v>
      </c>
      <c r="J3225" s="52" t="s">
        <v>8028</v>
      </c>
      <c r="K3225" s="71" t="s">
        <v>8029</v>
      </c>
      <c r="L3225" s="52" t="s">
        <v>2063</v>
      </c>
      <c r="M3225" s="72">
        <v>1231</v>
      </c>
      <c r="N3225" s="52"/>
      <c r="O3225" s="52"/>
      <c r="P3225" s="52"/>
      <c r="Q3225" s="52"/>
      <c r="R3225" s="52"/>
      <c r="S3225" s="52"/>
      <c r="T3225" s="52"/>
      <c r="U3225" s="52"/>
      <c r="V3225" s="52"/>
      <c r="W3225" s="52"/>
    </row>
    <row r="3226" spans="1:23" x14ac:dyDescent="0.35">
      <c r="A3226" s="52" t="s">
        <v>78</v>
      </c>
      <c r="B3226" s="52" t="s">
        <v>79</v>
      </c>
      <c r="C3226" s="3">
        <v>20</v>
      </c>
      <c r="D3226" s="52" t="s">
        <v>85</v>
      </c>
      <c r="E3226" s="52" t="s">
        <v>26</v>
      </c>
      <c r="F3226" s="52" t="s">
        <v>81</v>
      </c>
      <c r="G3226" s="52" t="s">
        <v>82</v>
      </c>
      <c r="H3226" s="4">
        <v>1</v>
      </c>
      <c r="I3226" s="2">
        <v>14.65</v>
      </c>
      <c r="J3226" s="52" t="s">
        <v>7898</v>
      </c>
      <c r="K3226" s="71" t="s">
        <v>8030</v>
      </c>
      <c r="L3226" s="52" t="s">
        <v>2063</v>
      </c>
      <c r="M3226" s="72">
        <v>3716</v>
      </c>
      <c r="N3226" s="52" t="s">
        <v>2259</v>
      </c>
      <c r="O3226" s="52" t="s">
        <v>2260</v>
      </c>
      <c r="P3226" s="52"/>
      <c r="Q3226" s="52"/>
      <c r="R3226" s="52"/>
      <c r="S3226" s="52"/>
      <c r="T3226" s="52"/>
      <c r="U3226" s="52"/>
      <c r="V3226" s="52"/>
      <c r="W3226" s="52"/>
    </row>
    <row r="3227" spans="1:23" hidden="1" x14ac:dyDescent="0.35">
      <c r="A3227" s="52" t="s">
        <v>78</v>
      </c>
      <c r="B3227" s="52" t="s">
        <v>79</v>
      </c>
      <c r="C3227" s="3">
        <v>20</v>
      </c>
      <c r="D3227" s="52" t="s">
        <v>2023</v>
      </c>
      <c r="E3227" s="52" t="s">
        <v>26</v>
      </c>
      <c r="F3227" s="52" t="s">
        <v>81</v>
      </c>
      <c r="G3227" s="52" t="s">
        <v>82</v>
      </c>
      <c r="H3227" s="4">
        <v>1</v>
      </c>
      <c r="I3227" s="2">
        <v>14.65</v>
      </c>
      <c r="J3227" s="52" t="s">
        <v>8031</v>
      </c>
      <c r="K3227" s="71" t="s">
        <v>8032</v>
      </c>
      <c r="L3227" s="52" t="s">
        <v>2063</v>
      </c>
      <c r="M3227" s="72">
        <v>3125</v>
      </c>
      <c r="N3227" s="52"/>
      <c r="O3227" s="52"/>
      <c r="P3227" s="52"/>
      <c r="Q3227" s="52"/>
      <c r="R3227" s="52"/>
      <c r="S3227" s="52"/>
      <c r="T3227" s="52"/>
      <c r="U3227" s="52"/>
      <c r="V3227" s="52"/>
      <c r="W3227" s="52"/>
    </row>
    <row r="3228" spans="1:23" hidden="1" x14ac:dyDescent="0.35">
      <c r="A3228" s="52" t="s">
        <v>78</v>
      </c>
      <c r="B3228" s="52" t="s">
        <v>79</v>
      </c>
      <c r="C3228" s="3">
        <v>20</v>
      </c>
      <c r="D3228" s="52" t="s">
        <v>2022</v>
      </c>
      <c r="E3228" s="52" t="s">
        <v>26</v>
      </c>
      <c r="F3228" s="52" t="s">
        <v>81</v>
      </c>
      <c r="G3228" s="52" t="s">
        <v>82</v>
      </c>
      <c r="H3228" s="4">
        <v>1</v>
      </c>
      <c r="I3228" s="2">
        <v>14.65</v>
      </c>
      <c r="J3228" s="52" t="s">
        <v>8033</v>
      </c>
      <c r="K3228" s="71" t="s">
        <v>8034</v>
      </c>
      <c r="L3228" s="52" t="s">
        <v>2063</v>
      </c>
      <c r="M3228" s="72">
        <v>421</v>
      </c>
      <c r="N3228" s="52"/>
      <c r="O3228" s="52"/>
      <c r="P3228" s="52"/>
      <c r="Q3228" s="52"/>
      <c r="R3228" s="52"/>
      <c r="S3228" s="52"/>
      <c r="T3228" s="52"/>
      <c r="U3228" s="52"/>
      <c r="V3228" s="52"/>
      <c r="W3228" s="52"/>
    </row>
    <row r="3229" spans="1:23" hidden="1" x14ac:dyDescent="0.35">
      <c r="A3229" s="52" t="s">
        <v>78</v>
      </c>
      <c r="B3229" s="52" t="s">
        <v>79</v>
      </c>
      <c r="C3229" s="3">
        <v>20</v>
      </c>
      <c r="D3229" s="52" t="s">
        <v>86</v>
      </c>
      <c r="E3229" s="52" t="s">
        <v>26</v>
      </c>
      <c r="F3229" s="52" t="s">
        <v>81</v>
      </c>
      <c r="G3229" s="52" t="s">
        <v>82</v>
      </c>
      <c r="H3229" s="4">
        <v>1</v>
      </c>
      <c r="I3229" s="2">
        <v>14.65</v>
      </c>
      <c r="J3229" s="52" t="s">
        <v>8035</v>
      </c>
      <c r="K3229" s="71" t="s">
        <v>8036</v>
      </c>
      <c r="L3229" s="52" t="s">
        <v>2063</v>
      </c>
      <c r="M3229" s="72">
        <v>5836</v>
      </c>
      <c r="N3229" s="52" t="s">
        <v>2154</v>
      </c>
      <c r="O3229" s="52" t="s">
        <v>2155</v>
      </c>
      <c r="P3229" s="52"/>
      <c r="Q3229" s="52"/>
      <c r="R3229" s="52"/>
      <c r="S3229" s="52"/>
      <c r="T3229" s="52"/>
      <c r="U3229" s="52"/>
      <c r="V3229" s="52"/>
      <c r="W3229" s="52"/>
    </row>
    <row r="3230" spans="1:23" hidden="1" x14ac:dyDescent="0.35">
      <c r="A3230" s="52" t="s">
        <v>78</v>
      </c>
      <c r="B3230" s="52" t="s">
        <v>79</v>
      </c>
      <c r="C3230" s="3">
        <v>20</v>
      </c>
      <c r="D3230" s="52" t="s">
        <v>84</v>
      </c>
      <c r="E3230" s="52" t="s">
        <v>26</v>
      </c>
      <c r="F3230" s="52" t="s">
        <v>81</v>
      </c>
      <c r="G3230" s="52" t="s">
        <v>82</v>
      </c>
      <c r="H3230" s="4">
        <v>1</v>
      </c>
      <c r="I3230" s="2">
        <v>14.65</v>
      </c>
      <c r="J3230" s="52" t="s">
        <v>8037</v>
      </c>
      <c r="K3230" s="71" t="s">
        <v>8038</v>
      </c>
      <c r="L3230" s="52" t="s">
        <v>2063</v>
      </c>
      <c r="M3230" s="72">
        <v>1624</v>
      </c>
      <c r="N3230" s="52" t="s">
        <v>2072</v>
      </c>
      <c r="O3230" s="52" t="s">
        <v>2073</v>
      </c>
      <c r="P3230" s="52"/>
      <c r="Q3230" s="52"/>
      <c r="R3230" s="52"/>
      <c r="S3230" s="52"/>
      <c r="T3230" s="52"/>
      <c r="U3230" s="52"/>
      <c r="V3230" s="52"/>
      <c r="W3230" s="52"/>
    </row>
    <row r="3231" spans="1:23" hidden="1" x14ac:dyDescent="0.35">
      <c r="A3231" s="52" t="s">
        <v>78</v>
      </c>
      <c r="B3231" s="52" t="s">
        <v>79</v>
      </c>
      <c r="C3231" s="3">
        <v>10</v>
      </c>
      <c r="D3231" s="52" t="s">
        <v>2020</v>
      </c>
      <c r="E3231" s="52" t="s">
        <v>26</v>
      </c>
      <c r="F3231" s="52" t="s">
        <v>81</v>
      </c>
      <c r="G3231" s="52" t="s">
        <v>82</v>
      </c>
      <c r="H3231" s="4">
        <v>1</v>
      </c>
      <c r="I3231" s="2">
        <v>14.65</v>
      </c>
      <c r="J3231" s="52" t="s">
        <v>8039</v>
      </c>
      <c r="K3231" s="71" t="s">
        <v>8040</v>
      </c>
      <c r="L3231" s="52" t="s">
        <v>2063</v>
      </c>
      <c r="M3231" s="72">
        <v>9435</v>
      </c>
      <c r="N3231" s="52" t="s">
        <v>2066</v>
      </c>
      <c r="O3231" s="52" t="s">
        <v>2067</v>
      </c>
      <c r="P3231" s="52"/>
      <c r="Q3231" s="52"/>
      <c r="R3231" s="52"/>
      <c r="S3231" s="52"/>
      <c r="T3231" s="52"/>
      <c r="U3231" s="52"/>
      <c r="V3231" s="52"/>
      <c r="W3231" s="52"/>
    </row>
    <row r="3232" spans="1:23" x14ac:dyDescent="0.35">
      <c r="A3232" s="52" t="s">
        <v>78</v>
      </c>
      <c r="B3232" s="52" t="s">
        <v>79</v>
      </c>
      <c r="C3232" s="3">
        <v>211</v>
      </c>
      <c r="D3232" s="52" t="s">
        <v>2022</v>
      </c>
      <c r="E3232" s="52" t="s">
        <v>26</v>
      </c>
      <c r="F3232" s="52" t="s">
        <v>81</v>
      </c>
      <c r="G3232" s="52" t="s">
        <v>82</v>
      </c>
      <c r="H3232" s="4">
        <v>1</v>
      </c>
      <c r="I3232" s="2">
        <v>14.65</v>
      </c>
      <c r="J3232" s="52" t="s">
        <v>8041</v>
      </c>
      <c r="K3232" s="71" t="s">
        <v>8042</v>
      </c>
      <c r="L3232" s="52" t="s">
        <v>2095</v>
      </c>
      <c r="M3232" s="72">
        <v>5263</v>
      </c>
      <c r="N3232" s="52" t="s">
        <v>2076</v>
      </c>
      <c r="O3232" s="52" t="s">
        <v>2077</v>
      </c>
      <c r="P3232" s="52"/>
      <c r="Q3232" s="52"/>
      <c r="R3232" s="52"/>
      <c r="S3232" s="52"/>
      <c r="T3232" s="52"/>
      <c r="U3232" s="52"/>
      <c r="V3232" s="52"/>
      <c r="W3232" s="52"/>
    </row>
    <row r="3233" spans="1:23" hidden="1" x14ac:dyDescent="0.35">
      <c r="A3233" s="52" t="s">
        <v>78</v>
      </c>
      <c r="B3233" s="52" t="s">
        <v>79</v>
      </c>
      <c r="C3233" s="3">
        <v>10</v>
      </c>
      <c r="D3233" s="52" t="s">
        <v>2022</v>
      </c>
      <c r="E3233" s="52" t="s">
        <v>26</v>
      </c>
      <c r="F3233" s="52" t="s">
        <v>81</v>
      </c>
      <c r="G3233" s="52" t="s">
        <v>82</v>
      </c>
      <c r="H3233" s="4">
        <v>1</v>
      </c>
      <c r="I3233" s="2">
        <v>14.65</v>
      </c>
      <c r="J3233" s="52" t="s">
        <v>8043</v>
      </c>
      <c r="K3233" s="71" t="s">
        <v>8044</v>
      </c>
      <c r="L3233" s="52" t="s">
        <v>2063</v>
      </c>
      <c r="M3233" s="72">
        <v>1737</v>
      </c>
      <c r="N3233" s="52" t="s">
        <v>2072</v>
      </c>
      <c r="O3233" s="52" t="s">
        <v>2073</v>
      </c>
      <c r="P3233" s="52"/>
      <c r="Q3233" s="52"/>
      <c r="R3233" s="52"/>
      <c r="S3233" s="52"/>
      <c r="T3233" s="52"/>
      <c r="U3233" s="52"/>
      <c r="V3233" s="52"/>
      <c r="W3233" s="52"/>
    </row>
    <row r="3234" spans="1:23" hidden="1" x14ac:dyDescent="0.35">
      <c r="A3234" s="52" t="s">
        <v>78</v>
      </c>
      <c r="B3234" s="52" t="s">
        <v>79</v>
      </c>
      <c r="C3234" s="3">
        <v>20</v>
      </c>
      <c r="D3234" s="52" t="s">
        <v>2019</v>
      </c>
      <c r="E3234" s="52" t="s">
        <v>26</v>
      </c>
      <c r="F3234" s="52" t="s">
        <v>81</v>
      </c>
      <c r="G3234" s="52" t="s">
        <v>82</v>
      </c>
      <c r="H3234" s="4">
        <v>1</v>
      </c>
      <c r="I3234" s="2">
        <v>14.65</v>
      </c>
      <c r="J3234" s="52" t="s">
        <v>8045</v>
      </c>
      <c r="K3234" s="71" t="s">
        <v>8046</v>
      </c>
      <c r="L3234" s="52" t="s">
        <v>2063</v>
      </c>
      <c r="M3234" s="72">
        <v>4112</v>
      </c>
      <c r="N3234" s="52"/>
      <c r="O3234" s="52"/>
      <c r="P3234" s="52"/>
      <c r="Q3234" s="52"/>
      <c r="R3234" s="52"/>
      <c r="S3234" s="52"/>
      <c r="T3234" s="52"/>
      <c r="U3234" s="52"/>
      <c r="V3234" s="52"/>
      <c r="W3234" s="52"/>
    </row>
    <row r="3235" spans="1:23" hidden="1" x14ac:dyDescent="0.35">
      <c r="A3235" s="52" t="s">
        <v>78</v>
      </c>
      <c r="B3235" s="52" t="s">
        <v>79</v>
      </c>
      <c r="C3235" s="3">
        <v>20</v>
      </c>
      <c r="D3235" s="52" t="s">
        <v>2021</v>
      </c>
      <c r="E3235" s="52" t="s">
        <v>26</v>
      </c>
      <c r="F3235" s="52" t="s">
        <v>81</v>
      </c>
      <c r="G3235" s="52" t="s">
        <v>82</v>
      </c>
      <c r="H3235" s="4">
        <v>1</v>
      </c>
      <c r="I3235" s="2">
        <v>14.65</v>
      </c>
      <c r="J3235" s="52" t="s">
        <v>8047</v>
      </c>
      <c r="K3235" s="71" t="s">
        <v>8048</v>
      </c>
      <c r="L3235" s="52" t="s">
        <v>2063</v>
      </c>
      <c r="M3235" s="72">
        <v>9751</v>
      </c>
      <c r="N3235" s="52" t="s">
        <v>2066</v>
      </c>
      <c r="O3235" s="52" t="s">
        <v>2067</v>
      </c>
      <c r="P3235" s="52"/>
      <c r="Q3235" s="52"/>
      <c r="R3235" s="52"/>
      <c r="S3235" s="52"/>
      <c r="T3235" s="52"/>
      <c r="U3235" s="52"/>
      <c r="V3235" s="52"/>
      <c r="W3235" s="52"/>
    </row>
    <row r="3236" spans="1:23" hidden="1" x14ac:dyDescent="0.35">
      <c r="A3236" s="52" t="s">
        <v>78</v>
      </c>
      <c r="B3236" s="52" t="s">
        <v>79</v>
      </c>
      <c r="C3236" s="3">
        <v>20</v>
      </c>
      <c r="D3236" s="52" t="s">
        <v>86</v>
      </c>
      <c r="E3236" s="52" t="s">
        <v>26</v>
      </c>
      <c r="F3236" s="52" t="s">
        <v>81</v>
      </c>
      <c r="G3236" s="52" t="s">
        <v>82</v>
      </c>
      <c r="H3236" s="4">
        <v>1</v>
      </c>
      <c r="I3236" s="2">
        <v>14.65</v>
      </c>
      <c r="J3236" s="52" t="s">
        <v>7235</v>
      </c>
      <c r="K3236" s="71" t="s">
        <v>8049</v>
      </c>
      <c r="L3236" s="52" t="s">
        <v>2063</v>
      </c>
      <c r="M3236" s="72">
        <v>7259</v>
      </c>
      <c r="N3236" s="52" t="s">
        <v>2072</v>
      </c>
      <c r="O3236" s="52" t="s">
        <v>2073</v>
      </c>
      <c r="P3236" s="52"/>
      <c r="Q3236" s="52"/>
      <c r="R3236" s="52"/>
      <c r="S3236" s="52"/>
      <c r="T3236" s="52"/>
      <c r="U3236" s="52"/>
      <c r="V3236" s="52"/>
      <c r="W3236" s="52"/>
    </row>
    <row r="3237" spans="1:23" hidden="1" x14ac:dyDescent="0.35">
      <c r="A3237" s="52" t="s">
        <v>78</v>
      </c>
      <c r="B3237" s="52" t="s">
        <v>79</v>
      </c>
      <c r="C3237" s="3">
        <v>211</v>
      </c>
      <c r="D3237" s="52" t="s">
        <v>2024</v>
      </c>
      <c r="E3237" s="52" t="s">
        <v>26</v>
      </c>
      <c r="F3237" s="52" t="s">
        <v>81</v>
      </c>
      <c r="G3237" s="52" t="s">
        <v>82</v>
      </c>
      <c r="H3237" s="4">
        <v>1</v>
      </c>
      <c r="I3237" s="2">
        <v>14.65</v>
      </c>
      <c r="J3237" s="52" t="s">
        <v>8050</v>
      </c>
      <c r="K3237" s="71" t="s">
        <v>8051</v>
      </c>
      <c r="L3237" s="52" t="s">
        <v>2063</v>
      </c>
      <c r="M3237" s="72">
        <v>7251</v>
      </c>
      <c r="N3237" s="52" t="s">
        <v>2072</v>
      </c>
      <c r="O3237" s="52" t="s">
        <v>2073</v>
      </c>
      <c r="P3237" s="52"/>
      <c r="Q3237" s="52"/>
      <c r="R3237" s="52"/>
      <c r="S3237" s="52"/>
      <c r="T3237" s="52"/>
      <c r="U3237" s="52"/>
      <c r="V3237" s="52"/>
      <c r="W3237" s="52"/>
    </row>
    <row r="3238" spans="1:23" hidden="1" x14ac:dyDescent="0.35">
      <c r="A3238" s="52" t="s">
        <v>78</v>
      </c>
      <c r="B3238" s="52" t="s">
        <v>79</v>
      </c>
      <c r="C3238" s="3">
        <v>20</v>
      </c>
      <c r="D3238" s="52" t="s">
        <v>83</v>
      </c>
      <c r="E3238" s="52" t="s">
        <v>26</v>
      </c>
      <c r="F3238" s="52" t="s">
        <v>81</v>
      </c>
      <c r="G3238" s="52" t="s">
        <v>82</v>
      </c>
      <c r="H3238" s="4">
        <v>1</v>
      </c>
      <c r="I3238" s="2">
        <v>14.65</v>
      </c>
      <c r="J3238" s="52" t="s">
        <v>6995</v>
      </c>
      <c r="K3238" s="71" t="s">
        <v>8052</v>
      </c>
      <c r="L3238" s="52" t="s">
        <v>2063</v>
      </c>
      <c r="M3238" s="72">
        <v>626</v>
      </c>
      <c r="N3238" s="52" t="s">
        <v>2072</v>
      </c>
      <c r="O3238" s="52" t="s">
        <v>2073</v>
      </c>
      <c r="P3238" s="52"/>
      <c r="Q3238" s="52"/>
      <c r="R3238" s="52"/>
      <c r="S3238" s="52"/>
      <c r="T3238" s="52"/>
      <c r="U3238" s="52"/>
      <c r="V3238" s="52"/>
      <c r="W3238" s="52"/>
    </row>
    <row r="3239" spans="1:23" hidden="1" x14ac:dyDescent="0.35">
      <c r="A3239" s="52" t="s">
        <v>78</v>
      </c>
      <c r="B3239" s="52" t="s">
        <v>79</v>
      </c>
      <c r="C3239" s="3">
        <v>20</v>
      </c>
      <c r="D3239" s="52" t="s">
        <v>86</v>
      </c>
      <c r="E3239" s="52" t="s">
        <v>26</v>
      </c>
      <c r="F3239" s="52" t="s">
        <v>81</v>
      </c>
      <c r="G3239" s="52" t="s">
        <v>82</v>
      </c>
      <c r="H3239" s="4">
        <v>1</v>
      </c>
      <c r="I3239" s="2">
        <v>14.65</v>
      </c>
      <c r="J3239" s="52" t="s">
        <v>8053</v>
      </c>
      <c r="K3239" s="71" t="s">
        <v>8054</v>
      </c>
      <c r="L3239" s="52" t="s">
        <v>2063</v>
      </c>
      <c r="M3239" s="72">
        <v>3874</v>
      </c>
      <c r="N3239" s="52" t="s">
        <v>2072</v>
      </c>
      <c r="O3239" s="52" t="s">
        <v>2073</v>
      </c>
      <c r="P3239" s="52"/>
      <c r="Q3239" s="52"/>
      <c r="R3239" s="52"/>
      <c r="S3239" s="52"/>
      <c r="T3239" s="52"/>
      <c r="U3239" s="52"/>
      <c r="V3239" s="52"/>
      <c r="W3239" s="52"/>
    </row>
    <row r="3240" spans="1:23" hidden="1" x14ac:dyDescent="0.35">
      <c r="A3240" s="52" t="s">
        <v>78</v>
      </c>
      <c r="B3240" s="52" t="s">
        <v>79</v>
      </c>
      <c r="C3240" s="3">
        <v>20</v>
      </c>
      <c r="D3240" s="52" t="s">
        <v>80</v>
      </c>
      <c r="E3240" s="52" t="s">
        <v>26</v>
      </c>
      <c r="F3240" s="52" t="s">
        <v>81</v>
      </c>
      <c r="G3240" s="52" t="s">
        <v>82</v>
      </c>
      <c r="H3240" s="4">
        <v>1</v>
      </c>
      <c r="I3240" s="2">
        <v>14.65</v>
      </c>
      <c r="J3240" s="52" t="s">
        <v>7161</v>
      </c>
      <c r="K3240" s="71" t="s">
        <v>8055</v>
      </c>
      <c r="L3240" s="52" t="s">
        <v>2063</v>
      </c>
      <c r="M3240" s="72">
        <v>5202</v>
      </c>
      <c r="N3240" s="52"/>
      <c r="O3240" s="52"/>
      <c r="P3240" s="52"/>
      <c r="Q3240" s="52"/>
      <c r="R3240" s="52"/>
      <c r="S3240" s="52"/>
      <c r="T3240" s="52"/>
      <c r="U3240" s="52"/>
      <c r="V3240" s="52"/>
      <c r="W3240" s="52"/>
    </row>
    <row r="3241" spans="1:23" hidden="1" x14ac:dyDescent="0.35">
      <c r="A3241" s="52" t="s">
        <v>78</v>
      </c>
      <c r="B3241" s="52" t="s">
        <v>79</v>
      </c>
      <c r="C3241" s="3">
        <v>10</v>
      </c>
      <c r="D3241" s="52" t="s">
        <v>86</v>
      </c>
      <c r="E3241" s="52" t="s">
        <v>26</v>
      </c>
      <c r="F3241" s="52" t="s">
        <v>81</v>
      </c>
      <c r="G3241" s="52" t="s">
        <v>82</v>
      </c>
      <c r="H3241" s="4">
        <v>1</v>
      </c>
      <c r="I3241" s="2">
        <v>14.65</v>
      </c>
      <c r="J3241" s="52" t="s">
        <v>8056</v>
      </c>
      <c r="K3241" s="71" t="s">
        <v>8057</v>
      </c>
      <c r="L3241" s="52" t="s">
        <v>2063</v>
      </c>
      <c r="M3241" s="72">
        <v>4897</v>
      </c>
      <c r="N3241" s="52" t="s">
        <v>2072</v>
      </c>
      <c r="O3241" s="52" t="s">
        <v>2073</v>
      </c>
      <c r="P3241" s="52"/>
      <c r="Q3241" s="52"/>
      <c r="R3241" s="52"/>
      <c r="S3241" s="52"/>
      <c r="T3241" s="52"/>
      <c r="U3241" s="52"/>
      <c r="V3241" s="52"/>
      <c r="W3241" s="52"/>
    </row>
    <row r="3242" spans="1:23" hidden="1" x14ac:dyDescent="0.35">
      <c r="A3242" s="52" t="s">
        <v>78</v>
      </c>
      <c r="B3242" s="52" t="s">
        <v>79</v>
      </c>
      <c r="C3242" s="3">
        <v>20</v>
      </c>
      <c r="D3242" s="52" t="s">
        <v>80</v>
      </c>
      <c r="E3242" s="52" t="s">
        <v>26</v>
      </c>
      <c r="F3242" s="52" t="s">
        <v>81</v>
      </c>
      <c r="G3242" s="52" t="s">
        <v>82</v>
      </c>
      <c r="H3242" s="4">
        <v>1</v>
      </c>
      <c r="I3242" s="2">
        <v>14.65</v>
      </c>
      <c r="J3242" s="52" t="s">
        <v>8058</v>
      </c>
      <c r="K3242" s="71" t="s">
        <v>8059</v>
      </c>
      <c r="L3242" s="52" t="s">
        <v>2063</v>
      </c>
      <c r="M3242" s="72">
        <v>4285</v>
      </c>
      <c r="N3242" s="52"/>
      <c r="O3242" s="52"/>
      <c r="P3242" s="52"/>
      <c r="Q3242" s="52"/>
      <c r="R3242" s="52"/>
      <c r="S3242" s="52"/>
      <c r="T3242" s="52"/>
      <c r="U3242" s="52"/>
      <c r="V3242" s="52"/>
      <c r="W3242" s="52"/>
    </row>
    <row r="3243" spans="1:23" hidden="1" x14ac:dyDescent="0.35">
      <c r="A3243" s="52" t="s">
        <v>78</v>
      </c>
      <c r="B3243" s="52" t="s">
        <v>79</v>
      </c>
      <c r="C3243" s="3">
        <v>20</v>
      </c>
      <c r="D3243" s="52" t="s">
        <v>2019</v>
      </c>
      <c r="E3243" s="52" t="s">
        <v>26</v>
      </c>
      <c r="F3243" s="52" t="s">
        <v>81</v>
      </c>
      <c r="G3243" s="52" t="s">
        <v>82</v>
      </c>
      <c r="H3243" s="4">
        <v>1</v>
      </c>
      <c r="I3243" s="2">
        <v>14.65</v>
      </c>
      <c r="J3243" s="52" t="s">
        <v>8060</v>
      </c>
      <c r="K3243" s="71" t="s">
        <v>8061</v>
      </c>
      <c r="L3243" s="52" t="s">
        <v>2063</v>
      </c>
      <c r="M3243" s="72">
        <v>979</v>
      </c>
      <c r="N3243" s="52" t="s">
        <v>2304</v>
      </c>
      <c r="O3243" s="52" t="s">
        <v>2305</v>
      </c>
      <c r="P3243" s="52"/>
      <c r="Q3243" s="52"/>
      <c r="R3243" s="52"/>
      <c r="S3243" s="52"/>
      <c r="T3243" s="52"/>
      <c r="U3243" s="52"/>
      <c r="V3243" s="52"/>
      <c r="W3243" s="52"/>
    </row>
    <row r="3244" spans="1:23" hidden="1" x14ac:dyDescent="0.35">
      <c r="A3244" s="52" t="s">
        <v>78</v>
      </c>
      <c r="B3244" s="52" t="s">
        <v>79</v>
      </c>
      <c r="C3244" s="3">
        <v>20</v>
      </c>
      <c r="D3244" s="52" t="s">
        <v>80</v>
      </c>
      <c r="E3244" s="52" t="s">
        <v>26</v>
      </c>
      <c r="F3244" s="52" t="s">
        <v>81</v>
      </c>
      <c r="G3244" s="52" t="s">
        <v>82</v>
      </c>
      <c r="H3244" s="4">
        <v>1</v>
      </c>
      <c r="I3244" s="2">
        <v>14.65</v>
      </c>
      <c r="J3244" s="52" t="s">
        <v>6970</v>
      </c>
      <c r="K3244" s="71" t="s">
        <v>8062</v>
      </c>
      <c r="L3244" s="52" t="s">
        <v>2063</v>
      </c>
      <c r="M3244" s="72">
        <v>1494</v>
      </c>
      <c r="N3244" s="52" t="s">
        <v>2066</v>
      </c>
      <c r="O3244" s="52" t="s">
        <v>2067</v>
      </c>
      <c r="P3244" s="52"/>
      <c r="Q3244" s="52"/>
      <c r="R3244" s="52"/>
      <c r="S3244" s="52"/>
      <c r="T3244" s="52"/>
      <c r="U3244" s="52"/>
      <c r="V3244" s="52"/>
      <c r="W3244" s="52"/>
    </row>
    <row r="3245" spans="1:23" hidden="1" x14ac:dyDescent="0.35">
      <c r="A3245" s="52" t="s">
        <v>78</v>
      </c>
      <c r="B3245" s="52" t="s">
        <v>79</v>
      </c>
      <c r="C3245" s="3">
        <v>20</v>
      </c>
      <c r="D3245" s="52" t="s">
        <v>2022</v>
      </c>
      <c r="E3245" s="52" t="s">
        <v>26</v>
      </c>
      <c r="F3245" s="52" t="s">
        <v>81</v>
      </c>
      <c r="G3245" s="52" t="s">
        <v>82</v>
      </c>
      <c r="H3245" s="4">
        <v>1</v>
      </c>
      <c r="I3245" s="2">
        <v>14.65</v>
      </c>
      <c r="J3245" s="52" t="s">
        <v>8063</v>
      </c>
      <c r="K3245" s="71" t="s">
        <v>8064</v>
      </c>
      <c r="L3245" s="52" t="s">
        <v>2063</v>
      </c>
      <c r="M3245" s="72">
        <v>7712</v>
      </c>
      <c r="N3245" s="52" t="s">
        <v>2066</v>
      </c>
      <c r="O3245" s="52" t="s">
        <v>2067</v>
      </c>
      <c r="P3245" s="52"/>
      <c r="Q3245" s="52"/>
      <c r="R3245" s="52"/>
      <c r="S3245" s="52"/>
      <c r="T3245" s="52"/>
      <c r="U3245" s="52"/>
      <c r="V3245" s="52"/>
      <c r="W3245" s="52"/>
    </row>
    <row r="3246" spans="1:23" hidden="1" x14ac:dyDescent="0.35">
      <c r="A3246" s="52" t="s">
        <v>78</v>
      </c>
      <c r="B3246" s="52" t="s">
        <v>79</v>
      </c>
      <c r="C3246" s="3">
        <v>20</v>
      </c>
      <c r="D3246" s="52" t="s">
        <v>86</v>
      </c>
      <c r="E3246" s="52" t="s">
        <v>26</v>
      </c>
      <c r="F3246" s="52" t="s">
        <v>81</v>
      </c>
      <c r="G3246" s="52" t="s">
        <v>82</v>
      </c>
      <c r="H3246" s="4">
        <v>1</v>
      </c>
      <c r="I3246" s="2">
        <v>14.65</v>
      </c>
      <c r="J3246" s="52" t="s">
        <v>8065</v>
      </c>
      <c r="K3246" s="71" t="s">
        <v>8066</v>
      </c>
      <c r="L3246" s="52" t="s">
        <v>2063</v>
      </c>
      <c r="M3246" s="72">
        <v>4438</v>
      </c>
      <c r="N3246" s="52" t="s">
        <v>2072</v>
      </c>
      <c r="O3246" s="52" t="s">
        <v>2073</v>
      </c>
      <c r="P3246" s="52"/>
      <c r="Q3246" s="52"/>
      <c r="R3246" s="52"/>
      <c r="S3246" s="52"/>
      <c r="T3246" s="52"/>
      <c r="U3246" s="52"/>
      <c r="V3246" s="52"/>
      <c r="W3246" s="52"/>
    </row>
    <row r="3247" spans="1:23" hidden="1" x14ac:dyDescent="0.35">
      <c r="A3247" s="52" t="s">
        <v>78</v>
      </c>
      <c r="B3247" s="52" t="s">
        <v>79</v>
      </c>
      <c r="C3247" s="3">
        <v>10</v>
      </c>
      <c r="D3247" s="52" t="s">
        <v>85</v>
      </c>
      <c r="E3247" s="52" t="s">
        <v>26</v>
      </c>
      <c r="F3247" s="52" t="s">
        <v>81</v>
      </c>
      <c r="G3247" s="52" t="s">
        <v>82</v>
      </c>
      <c r="H3247" s="4">
        <v>1</v>
      </c>
      <c r="I3247" s="2">
        <v>14.65</v>
      </c>
      <c r="J3247" s="52" t="s">
        <v>8067</v>
      </c>
      <c r="K3247" s="71" t="s">
        <v>8068</v>
      </c>
      <c r="L3247" s="52" t="s">
        <v>2063</v>
      </c>
      <c r="M3247" s="72">
        <v>8250</v>
      </c>
      <c r="N3247" s="52" t="s">
        <v>2066</v>
      </c>
      <c r="O3247" s="52" t="s">
        <v>2067</v>
      </c>
      <c r="P3247" s="52"/>
      <c r="Q3247" s="52"/>
      <c r="R3247" s="52"/>
      <c r="S3247" s="52"/>
      <c r="T3247" s="52"/>
      <c r="U3247" s="52"/>
      <c r="V3247" s="52"/>
      <c r="W3247" s="52"/>
    </row>
    <row r="3248" spans="1:23" hidden="1" x14ac:dyDescent="0.35">
      <c r="A3248" s="52" t="s">
        <v>78</v>
      </c>
      <c r="B3248" s="52" t="s">
        <v>79</v>
      </c>
      <c r="C3248" s="3">
        <v>20</v>
      </c>
      <c r="D3248" s="52" t="s">
        <v>85</v>
      </c>
      <c r="E3248" s="52" t="s">
        <v>26</v>
      </c>
      <c r="F3248" s="52" t="s">
        <v>81</v>
      </c>
      <c r="G3248" s="52" t="s">
        <v>82</v>
      </c>
      <c r="H3248" s="4">
        <v>1</v>
      </c>
      <c r="I3248" s="2">
        <v>14.65</v>
      </c>
      <c r="J3248" s="52" t="s">
        <v>8069</v>
      </c>
      <c r="K3248" s="71" t="s">
        <v>8070</v>
      </c>
      <c r="L3248" s="52" t="s">
        <v>2063</v>
      </c>
      <c r="M3248" s="72">
        <v>5460</v>
      </c>
      <c r="N3248" s="52"/>
      <c r="O3248" s="52"/>
      <c r="P3248" s="52"/>
      <c r="Q3248" s="52"/>
      <c r="R3248" s="52"/>
      <c r="S3248" s="52"/>
      <c r="T3248" s="52"/>
      <c r="U3248" s="52"/>
      <c r="V3248" s="52"/>
      <c r="W3248" s="52"/>
    </row>
    <row r="3249" spans="1:23" x14ac:dyDescent="0.35">
      <c r="A3249" s="52" t="s">
        <v>78</v>
      </c>
      <c r="B3249" s="52" t="s">
        <v>79</v>
      </c>
      <c r="C3249" s="3">
        <v>20</v>
      </c>
      <c r="D3249" s="52" t="s">
        <v>85</v>
      </c>
      <c r="E3249" s="52" t="s">
        <v>26</v>
      </c>
      <c r="F3249" s="52" t="s">
        <v>81</v>
      </c>
      <c r="G3249" s="52" t="s">
        <v>82</v>
      </c>
      <c r="H3249" s="4">
        <v>1</v>
      </c>
      <c r="I3249" s="2">
        <v>14.65</v>
      </c>
      <c r="J3249" s="52" t="s">
        <v>8071</v>
      </c>
      <c r="K3249" s="71" t="s">
        <v>8072</v>
      </c>
      <c r="L3249" s="52" t="s">
        <v>2063</v>
      </c>
      <c r="M3249" s="72">
        <v>2379</v>
      </c>
      <c r="N3249" s="52" t="s">
        <v>2259</v>
      </c>
      <c r="O3249" s="52" t="s">
        <v>2260</v>
      </c>
      <c r="P3249" s="52"/>
      <c r="Q3249" s="52"/>
      <c r="R3249" s="52"/>
      <c r="S3249" s="52"/>
      <c r="T3249" s="52"/>
      <c r="U3249" s="52"/>
      <c r="V3249" s="52"/>
      <c r="W3249" s="52"/>
    </row>
    <row r="3250" spans="1:23" hidden="1" x14ac:dyDescent="0.35">
      <c r="A3250" s="52" t="s">
        <v>78</v>
      </c>
      <c r="B3250" s="52" t="s">
        <v>79</v>
      </c>
      <c r="C3250" s="3">
        <v>10</v>
      </c>
      <c r="D3250" s="52" t="s">
        <v>2021</v>
      </c>
      <c r="E3250" s="52" t="s">
        <v>26</v>
      </c>
      <c r="F3250" s="52" t="s">
        <v>81</v>
      </c>
      <c r="G3250" s="52" t="s">
        <v>82</v>
      </c>
      <c r="H3250" s="4">
        <v>1</v>
      </c>
      <c r="I3250" s="2">
        <v>14.65</v>
      </c>
      <c r="J3250" s="52" t="s">
        <v>6908</v>
      </c>
      <c r="K3250" s="71" t="s">
        <v>8073</v>
      </c>
      <c r="L3250" s="52" t="s">
        <v>2063</v>
      </c>
      <c r="M3250" s="72">
        <v>8039</v>
      </c>
      <c r="N3250" s="52" t="s">
        <v>2304</v>
      </c>
      <c r="O3250" s="52" t="s">
        <v>2305</v>
      </c>
      <c r="P3250" s="52"/>
      <c r="Q3250" s="52"/>
      <c r="R3250" s="52"/>
      <c r="S3250" s="52"/>
      <c r="T3250" s="52"/>
      <c r="U3250" s="52"/>
      <c r="V3250" s="52"/>
      <c r="W3250" s="52"/>
    </row>
    <row r="3251" spans="1:23" hidden="1" x14ac:dyDescent="0.35">
      <c r="A3251" s="52" t="s">
        <v>78</v>
      </c>
      <c r="B3251" s="52" t="s">
        <v>79</v>
      </c>
      <c r="C3251" s="3">
        <v>20</v>
      </c>
      <c r="D3251" s="52" t="s">
        <v>83</v>
      </c>
      <c r="E3251" s="52" t="s">
        <v>26</v>
      </c>
      <c r="F3251" s="52" t="s">
        <v>81</v>
      </c>
      <c r="G3251" s="52" t="s">
        <v>82</v>
      </c>
      <c r="H3251" s="4">
        <v>1</v>
      </c>
      <c r="I3251" s="2">
        <v>14.65</v>
      </c>
      <c r="J3251" s="52" t="s">
        <v>8074</v>
      </c>
      <c r="K3251" s="71" t="s">
        <v>8075</v>
      </c>
      <c r="L3251" s="52" t="s">
        <v>2063</v>
      </c>
      <c r="M3251" s="72">
        <v>1787</v>
      </c>
      <c r="N3251" s="52" t="s">
        <v>2072</v>
      </c>
      <c r="O3251" s="52" t="s">
        <v>2073</v>
      </c>
      <c r="P3251" s="52"/>
      <c r="Q3251" s="52"/>
      <c r="R3251" s="52"/>
      <c r="S3251" s="52"/>
      <c r="T3251" s="52"/>
      <c r="U3251" s="52"/>
      <c r="V3251" s="52"/>
      <c r="W3251" s="52"/>
    </row>
    <row r="3252" spans="1:23" x14ac:dyDescent="0.35">
      <c r="A3252" s="52" t="s">
        <v>78</v>
      </c>
      <c r="B3252" s="52" t="s">
        <v>79</v>
      </c>
      <c r="C3252" s="3">
        <v>20</v>
      </c>
      <c r="D3252" s="52" t="s">
        <v>2021</v>
      </c>
      <c r="E3252" s="52" t="s">
        <v>26</v>
      </c>
      <c r="F3252" s="52" t="s">
        <v>81</v>
      </c>
      <c r="G3252" s="52" t="s">
        <v>82</v>
      </c>
      <c r="H3252" s="4">
        <v>1</v>
      </c>
      <c r="I3252" s="2">
        <v>14.65</v>
      </c>
      <c r="J3252" s="52" t="s">
        <v>8076</v>
      </c>
      <c r="K3252" s="71" t="s">
        <v>8077</v>
      </c>
      <c r="L3252" s="52" t="s">
        <v>2063</v>
      </c>
      <c r="M3252" s="72">
        <v>4498</v>
      </c>
      <c r="N3252" s="52" t="s">
        <v>2259</v>
      </c>
      <c r="O3252" s="52" t="s">
        <v>2260</v>
      </c>
      <c r="P3252" s="52"/>
      <c r="Q3252" s="52"/>
      <c r="R3252" s="52"/>
      <c r="S3252" s="52"/>
      <c r="T3252" s="52"/>
      <c r="U3252" s="52"/>
      <c r="V3252" s="52"/>
      <c r="W3252" s="52"/>
    </row>
    <row r="3253" spans="1:23" hidden="1" x14ac:dyDescent="0.35">
      <c r="A3253" s="52" t="s">
        <v>78</v>
      </c>
      <c r="B3253" s="52" t="s">
        <v>79</v>
      </c>
      <c r="C3253" s="3">
        <v>20</v>
      </c>
      <c r="D3253" s="52" t="s">
        <v>2024</v>
      </c>
      <c r="E3253" s="52" t="s">
        <v>26</v>
      </c>
      <c r="F3253" s="52" t="s">
        <v>81</v>
      </c>
      <c r="G3253" s="52" t="s">
        <v>82</v>
      </c>
      <c r="H3253" s="4">
        <v>1</v>
      </c>
      <c r="I3253" s="2">
        <v>14.65</v>
      </c>
      <c r="J3253" s="52" t="s">
        <v>8078</v>
      </c>
      <c r="K3253" s="71" t="s">
        <v>8079</v>
      </c>
      <c r="L3253" s="52" t="s">
        <v>2063</v>
      </c>
      <c r="M3253" s="72">
        <v>5561</v>
      </c>
      <c r="N3253" s="52"/>
      <c r="O3253" s="52"/>
      <c r="P3253" s="52"/>
      <c r="Q3253" s="52"/>
      <c r="R3253" s="52"/>
      <c r="S3253" s="52"/>
      <c r="T3253" s="52"/>
      <c r="U3253" s="52"/>
      <c r="V3253" s="52"/>
      <c r="W3253" s="52"/>
    </row>
    <row r="3254" spans="1:23" x14ac:dyDescent="0.35">
      <c r="A3254" s="52" t="s">
        <v>78</v>
      </c>
      <c r="B3254" s="52" t="s">
        <v>79</v>
      </c>
      <c r="C3254" s="3">
        <v>230</v>
      </c>
      <c r="D3254" s="52" t="s">
        <v>80</v>
      </c>
      <c r="E3254" s="52" t="s">
        <v>26</v>
      </c>
      <c r="F3254" s="52" t="s">
        <v>81</v>
      </c>
      <c r="G3254" s="52" t="s">
        <v>82</v>
      </c>
      <c r="H3254" s="4">
        <v>1</v>
      </c>
      <c r="I3254" s="2">
        <v>14.65</v>
      </c>
      <c r="J3254" s="52" t="s">
        <v>7254</v>
      </c>
      <c r="K3254" s="71" t="s">
        <v>8080</v>
      </c>
      <c r="L3254" s="52" t="s">
        <v>2063</v>
      </c>
      <c r="M3254" s="72">
        <v>9605</v>
      </c>
      <c r="N3254" s="52" t="s">
        <v>2259</v>
      </c>
      <c r="O3254" s="52" t="s">
        <v>2260</v>
      </c>
      <c r="P3254" s="52"/>
      <c r="Q3254" s="52"/>
      <c r="R3254" s="52"/>
      <c r="S3254" s="52"/>
      <c r="T3254" s="52"/>
      <c r="U3254" s="52"/>
      <c r="V3254" s="52"/>
      <c r="W3254" s="52"/>
    </row>
    <row r="3255" spans="1:23" hidden="1" x14ac:dyDescent="0.35">
      <c r="A3255" s="52" t="s">
        <v>78</v>
      </c>
      <c r="B3255" s="52" t="s">
        <v>79</v>
      </c>
      <c r="C3255" s="3">
        <v>20</v>
      </c>
      <c r="D3255" s="52" t="s">
        <v>86</v>
      </c>
      <c r="E3255" s="52" t="s">
        <v>26</v>
      </c>
      <c r="F3255" s="52" t="s">
        <v>81</v>
      </c>
      <c r="G3255" s="52" t="s">
        <v>82</v>
      </c>
      <c r="H3255" s="4">
        <v>1</v>
      </c>
      <c r="I3255" s="2">
        <v>14.65</v>
      </c>
      <c r="J3255" s="52" t="s">
        <v>8081</v>
      </c>
      <c r="K3255" s="71" t="s">
        <v>8082</v>
      </c>
      <c r="L3255" s="52" t="s">
        <v>2063</v>
      </c>
      <c r="M3255" s="72">
        <v>2158</v>
      </c>
      <c r="N3255" s="52" t="s">
        <v>2158</v>
      </c>
      <c r="O3255" s="52" t="s">
        <v>2159</v>
      </c>
      <c r="P3255" s="52"/>
      <c r="Q3255" s="52"/>
      <c r="R3255" s="52"/>
      <c r="S3255" s="52"/>
      <c r="T3255" s="52"/>
      <c r="U3255" s="52"/>
      <c r="V3255" s="52"/>
      <c r="W3255" s="52"/>
    </row>
    <row r="3256" spans="1:23" hidden="1" x14ac:dyDescent="0.35">
      <c r="A3256" s="52" t="s">
        <v>78</v>
      </c>
      <c r="B3256" s="52" t="s">
        <v>79</v>
      </c>
      <c r="C3256" s="3">
        <v>20</v>
      </c>
      <c r="D3256" s="52" t="s">
        <v>2022</v>
      </c>
      <c r="E3256" s="52" t="s">
        <v>26</v>
      </c>
      <c r="F3256" s="52" t="s">
        <v>81</v>
      </c>
      <c r="G3256" s="52" t="s">
        <v>82</v>
      </c>
      <c r="H3256" s="4">
        <v>1</v>
      </c>
      <c r="I3256" s="2">
        <v>14.65</v>
      </c>
      <c r="J3256" s="52" t="s">
        <v>8083</v>
      </c>
      <c r="K3256" s="71" t="s">
        <v>8084</v>
      </c>
      <c r="L3256" s="52" t="s">
        <v>2063</v>
      </c>
      <c r="M3256" s="72">
        <v>7197</v>
      </c>
      <c r="N3256" s="52" t="s">
        <v>2072</v>
      </c>
      <c r="O3256" s="52" t="s">
        <v>2073</v>
      </c>
      <c r="P3256" s="52"/>
      <c r="Q3256" s="52"/>
      <c r="R3256" s="52"/>
      <c r="S3256" s="52"/>
      <c r="T3256" s="52"/>
      <c r="U3256" s="52"/>
      <c r="V3256" s="52"/>
      <c r="W3256" s="52"/>
    </row>
    <row r="3257" spans="1:23" hidden="1" x14ac:dyDescent="0.35">
      <c r="A3257" s="52" t="s">
        <v>78</v>
      </c>
      <c r="B3257" s="52" t="s">
        <v>79</v>
      </c>
      <c r="C3257" s="3">
        <v>20</v>
      </c>
      <c r="D3257" s="52" t="s">
        <v>2024</v>
      </c>
      <c r="E3257" s="52" t="s">
        <v>26</v>
      </c>
      <c r="F3257" s="52" t="s">
        <v>81</v>
      </c>
      <c r="G3257" s="52" t="s">
        <v>82</v>
      </c>
      <c r="H3257" s="4">
        <v>1</v>
      </c>
      <c r="I3257" s="2">
        <v>14.65</v>
      </c>
      <c r="J3257" s="52" t="s">
        <v>8085</v>
      </c>
      <c r="K3257" s="71" t="s">
        <v>8086</v>
      </c>
      <c r="L3257" s="52" t="s">
        <v>2063</v>
      </c>
      <c r="M3257" s="72">
        <v>7138</v>
      </c>
      <c r="N3257" s="52"/>
      <c r="O3257" s="52"/>
      <c r="P3257" s="52"/>
      <c r="Q3257" s="52"/>
      <c r="R3257" s="52"/>
      <c r="S3257" s="52"/>
      <c r="T3257" s="52"/>
      <c r="U3257" s="52"/>
      <c r="V3257" s="52"/>
      <c r="W3257" s="52"/>
    </row>
    <row r="3258" spans="1:23" hidden="1" x14ac:dyDescent="0.35">
      <c r="A3258" s="52" t="s">
        <v>78</v>
      </c>
      <c r="B3258" s="52" t="s">
        <v>79</v>
      </c>
      <c r="C3258" s="3">
        <v>20</v>
      </c>
      <c r="D3258" s="52" t="s">
        <v>80</v>
      </c>
      <c r="E3258" s="52" t="s">
        <v>26</v>
      </c>
      <c r="F3258" s="52" t="s">
        <v>81</v>
      </c>
      <c r="G3258" s="52" t="s">
        <v>82</v>
      </c>
      <c r="H3258" s="4">
        <v>1</v>
      </c>
      <c r="I3258" s="2">
        <v>14.65</v>
      </c>
      <c r="J3258" s="52" t="s">
        <v>7161</v>
      </c>
      <c r="K3258" s="71" t="s">
        <v>8087</v>
      </c>
      <c r="L3258" s="52" t="s">
        <v>2063</v>
      </c>
      <c r="M3258" s="72">
        <v>157</v>
      </c>
      <c r="N3258" s="52"/>
      <c r="O3258" s="52"/>
      <c r="P3258" s="52"/>
      <c r="Q3258" s="52"/>
      <c r="R3258" s="52"/>
      <c r="S3258" s="52"/>
      <c r="T3258" s="52"/>
      <c r="U3258" s="52"/>
      <c r="V3258" s="52"/>
      <c r="W3258" s="52"/>
    </row>
    <row r="3259" spans="1:23" hidden="1" x14ac:dyDescent="0.35">
      <c r="A3259" s="52" t="s">
        <v>78</v>
      </c>
      <c r="B3259" s="52" t="s">
        <v>79</v>
      </c>
      <c r="C3259" s="3">
        <v>10</v>
      </c>
      <c r="D3259" s="52" t="s">
        <v>2023</v>
      </c>
      <c r="E3259" s="52" t="s">
        <v>26</v>
      </c>
      <c r="F3259" s="52" t="s">
        <v>81</v>
      </c>
      <c r="G3259" s="52" t="s">
        <v>82</v>
      </c>
      <c r="H3259" s="4">
        <v>1</v>
      </c>
      <c r="I3259" s="2">
        <v>14.65</v>
      </c>
      <c r="J3259" s="52" t="s">
        <v>8088</v>
      </c>
      <c r="K3259" s="71" t="s">
        <v>8089</v>
      </c>
      <c r="L3259" s="52" t="s">
        <v>2063</v>
      </c>
      <c r="M3259" s="72">
        <v>394</v>
      </c>
      <c r="N3259" s="52" t="s">
        <v>2158</v>
      </c>
      <c r="O3259" s="52" t="s">
        <v>2159</v>
      </c>
      <c r="P3259" s="52"/>
      <c r="Q3259" s="52"/>
      <c r="R3259" s="52"/>
      <c r="S3259" s="52"/>
      <c r="T3259" s="52"/>
      <c r="U3259" s="52"/>
      <c r="V3259" s="52"/>
      <c r="W3259" s="52"/>
    </row>
    <row r="3260" spans="1:23" hidden="1" x14ac:dyDescent="0.35">
      <c r="A3260" s="52" t="s">
        <v>78</v>
      </c>
      <c r="B3260" s="52" t="s">
        <v>79</v>
      </c>
      <c r="C3260" s="3">
        <v>20</v>
      </c>
      <c r="D3260" s="52" t="s">
        <v>2023</v>
      </c>
      <c r="E3260" s="52" t="s">
        <v>26</v>
      </c>
      <c r="F3260" s="52" t="s">
        <v>81</v>
      </c>
      <c r="G3260" s="52" t="s">
        <v>82</v>
      </c>
      <c r="H3260" s="4">
        <v>1</v>
      </c>
      <c r="I3260" s="2">
        <v>14.65</v>
      </c>
      <c r="J3260" s="52" t="s">
        <v>7036</v>
      </c>
      <c r="K3260" s="71" t="s">
        <v>8090</v>
      </c>
      <c r="L3260" s="52" t="s">
        <v>2063</v>
      </c>
      <c r="M3260" s="72">
        <v>8713</v>
      </c>
      <c r="N3260" s="52"/>
      <c r="O3260" s="52"/>
      <c r="P3260" s="52"/>
      <c r="Q3260" s="52"/>
      <c r="R3260" s="52"/>
      <c r="S3260" s="52"/>
      <c r="T3260" s="52"/>
      <c r="U3260" s="52"/>
      <c r="V3260" s="52"/>
      <c r="W3260" s="52"/>
    </row>
    <row r="3261" spans="1:23" hidden="1" x14ac:dyDescent="0.35">
      <c r="A3261" s="52" t="s">
        <v>78</v>
      </c>
      <c r="B3261" s="52" t="s">
        <v>79</v>
      </c>
      <c r="C3261" s="3">
        <v>20</v>
      </c>
      <c r="D3261" s="52" t="s">
        <v>83</v>
      </c>
      <c r="E3261" s="52" t="s">
        <v>26</v>
      </c>
      <c r="F3261" s="52" t="s">
        <v>81</v>
      </c>
      <c r="G3261" s="52" t="s">
        <v>82</v>
      </c>
      <c r="H3261" s="4">
        <v>1</v>
      </c>
      <c r="I3261" s="2">
        <v>14.65</v>
      </c>
      <c r="J3261" s="52" t="s">
        <v>7910</v>
      </c>
      <c r="K3261" s="71" t="s">
        <v>8091</v>
      </c>
      <c r="L3261" s="52" t="s">
        <v>2063</v>
      </c>
      <c r="M3261" s="72">
        <v>4593</v>
      </c>
      <c r="N3261" s="52"/>
      <c r="O3261" s="52"/>
      <c r="P3261" s="52"/>
      <c r="Q3261" s="52"/>
      <c r="R3261" s="52"/>
      <c r="S3261" s="52"/>
      <c r="T3261" s="52"/>
      <c r="U3261" s="52"/>
      <c r="V3261" s="52"/>
      <c r="W3261" s="52"/>
    </row>
    <row r="3262" spans="1:23" hidden="1" x14ac:dyDescent="0.35">
      <c r="A3262" s="52" t="s">
        <v>78</v>
      </c>
      <c r="B3262" s="52" t="s">
        <v>79</v>
      </c>
      <c r="C3262" s="3">
        <v>10</v>
      </c>
      <c r="D3262" s="52" t="s">
        <v>2020</v>
      </c>
      <c r="E3262" s="52" t="s">
        <v>26</v>
      </c>
      <c r="F3262" s="52" t="s">
        <v>81</v>
      </c>
      <c r="G3262" s="52" t="s">
        <v>82</v>
      </c>
      <c r="H3262" s="4">
        <v>1</v>
      </c>
      <c r="I3262" s="2">
        <v>14.65</v>
      </c>
      <c r="J3262" s="52" t="s">
        <v>8092</v>
      </c>
      <c r="K3262" s="71" t="s">
        <v>8093</v>
      </c>
      <c r="L3262" s="52" t="s">
        <v>2063</v>
      </c>
      <c r="M3262" s="72">
        <v>8315</v>
      </c>
      <c r="N3262" s="52" t="s">
        <v>2072</v>
      </c>
      <c r="O3262" s="52" t="s">
        <v>2073</v>
      </c>
      <c r="P3262" s="52"/>
      <c r="Q3262" s="52"/>
      <c r="R3262" s="52"/>
      <c r="S3262" s="52"/>
      <c r="T3262" s="52"/>
      <c r="U3262" s="52"/>
      <c r="V3262" s="52"/>
      <c r="W3262" s="52"/>
    </row>
    <row r="3263" spans="1:23" hidden="1" x14ac:dyDescent="0.35">
      <c r="A3263" s="52" t="s">
        <v>78</v>
      </c>
      <c r="B3263" s="52" t="s">
        <v>79</v>
      </c>
      <c r="C3263" s="3">
        <v>20</v>
      </c>
      <c r="D3263" s="52" t="s">
        <v>80</v>
      </c>
      <c r="E3263" s="52" t="s">
        <v>26</v>
      </c>
      <c r="F3263" s="52" t="s">
        <v>81</v>
      </c>
      <c r="G3263" s="52" t="s">
        <v>82</v>
      </c>
      <c r="H3263" s="4">
        <v>1</v>
      </c>
      <c r="I3263" s="2">
        <v>14.65</v>
      </c>
      <c r="J3263" s="52" t="s">
        <v>6970</v>
      </c>
      <c r="K3263" s="71" t="s">
        <v>8094</v>
      </c>
      <c r="L3263" s="52" t="s">
        <v>2063</v>
      </c>
      <c r="M3263" s="72">
        <v>3371</v>
      </c>
      <c r="N3263" s="52" t="s">
        <v>2066</v>
      </c>
      <c r="O3263" s="52" t="s">
        <v>2067</v>
      </c>
      <c r="P3263" s="52"/>
      <c r="Q3263" s="52"/>
      <c r="R3263" s="52"/>
      <c r="S3263" s="52"/>
      <c r="T3263" s="52"/>
      <c r="U3263" s="52"/>
      <c r="V3263" s="52"/>
      <c r="W3263" s="52"/>
    </row>
    <row r="3264" spans="1:23" hidden="1" x14ac:dyDescent="0.35">
      <c r="A3264" s="52" t="s">
        <v>78</v>
      </c>
      <c r="B3264" s="52" t="s">
        <v>79</v>
      </c>
      <c r="C3264" s="3">
        <v>10</v>
      </c>
      <c r="D3264" s="52" t="s">
        <v>2021</v>
      </c>
      <c r="E3264" s="52" t="s">
        <v>26</v>
      </c>
      <c r="F3264" s="52" t="s">
        <v>81</v>
      </c>
      <c r="G3264" s="52" t="s">
        <v>82</v>
      </c>
      <c r="H3264" s="4">
        <v>1</v>
      </c>
      <c r="I3264" s="2">
        <v>14.65</v>
      </c>
      <c r="J3264" s="52" t="s">
        <v>8095</v>
      </c>
      <c r="K3264" s="71" t="s">
        <v>8096</v>
      </c>
      <c r="L3264" s="52" t="s">
        <v>2063</v>
      </c>
      <c r="M3264" s="72">
        <v>8310</v>
      </c>
      <c r="N3264" s="52" t="s">
        <v>2072</v>
      </c>
      <c r="O3264" s="52" t="s">
        <v>2073</v>
      </c>
      <c r="P3264" s="52"/>
      <c r="Q3264" s="52"/>
      <c r="R3264" s="52"/>
      <c r="S3264" s="52"/>
      <c r="T3264" s="52"/>
      <c r="U3264" s="52"/>
      <c r="V3264" s="52"/>
      <c r="W3264" s="52"/>
    </row>
    <row r="3265" spans="1:23" hidden="1" x14ac:dyDescent="0.35">
      <c r="A3265" s="52" t="s">
        <v>78</v>
      </c>
      <c r="B3265" s="52" t="s">
        <v>79</v>
      </c>
      <c r="C3265" s="3">
        <v>20</v>
      </c>
      <c r="D3265" s="52" t="s">
        <v>80</v>
      </c>
      <c r="E3265" s="52" t="s">
        <v>26</v>
      </c>
      <c r="F3265" s="52" t="s">
        <v>81</v>
      </c>
      <c r="G3265" s="52" t="s">
        <v>82</v>
      </c>
      <c r="H3265" s="4">
        <v>1</v>
      </c>
      <c r="I3265" s="2">
        <v>14.65</v>
      </c>
      <c r="J3265" s="52" t="s">
        <v>8097</v>
      </c>
      <c r="K3265" s="71" t="s">
        <v>8098</v>
      </c>
      <c r="L3265" s="52" t="s">
        <v>2063</v>
      </c>
      <c r="M3265" s="72">
        <v>845</v>
      </c>
      <c r="N3265" s="52" t="s">
        <v>2072</v>
      </c>
      <c r="O3265" s="52" t="s">
        <v>2073</v>
      </c>
      <c r="P3265" s="52"/>
      <c r="Q3265" s="52"/>
      <c r="R3265" s="52"/>
      <c r="S3265" s="52"/>
      <c r="T3265" s="52"/>
      <c r="U3265" s="52"/>
      <c r="V3265" s="52"/>
      <c r="W3265" s="52"/>
    </row>
    <row r="3266" spans="1:23" hidden="1" x14ac:dyDescent="0.35">
      <c r="A3266" s="52" t="s">
        <v>78</v>
      </c>
      <c r="B3266" s="52" t="s">
        <v>79</v>
      </c>
      <c r="C3266" s="3">
        <v>20</v>
      </c>
      <c r="D3266" s="52" t="s">
        <v>80</v>
      </c>
      <c r="E3266" s="52" t="s">
        <v>26</v>
      </c>
      <c r="F3266" s="52" t="s">
        <v>81</v>
      </c>
      <c r="G3266" s="52" t="s">
        <v>82</v>
      </c>
      <c r="H3266" s="4">
        <v>1</v>
      </c>
      <c r="I3266" s="2">
        <v>14.65</v>
      </c>
      <c r="J3266" s="52" t="s">
        <v>8099</v>
      </c>
      <c r="K3266" s="71" t="s">
        <v>8100</v>
      </c>
      <c r="L3266" s="52" t="s">
        <v>2063</v>
      </c>
      <c r="M3266" s="72">
        <v>1659</v>
      </c>
      <c r="N3266" s="52"/>
      <c r="O3266" s="52"/>
      <c r="P3266" s="52"/>
      <c r="Q3266" s="52"/>
      <c r="R3266" s="52"/>
      <c r="S3266" s="52"/>
      <c r="T3266" s="52"/>
      <c r="U3266" s="52"/>
      <c r="V3266" s="52"/>
      <c r="W3266" s="52"/>
    </row>
    <row r="3267" spans="1:23" hidden="1" x14ac:dyDescent="0.35">
      <c r="A3267" s="52" t="s">
        <v>78</v>
      </c>
      <c r="B3267" s="52" t="s">
        <v>79</v>
      </c>
      <c r="C3267" s="3">
        <v>10</v>
      </c>
      <c r="D3267" s="52" t="s">
        <v>2020</v>
      </c>
      <c r="E3267" s="52" t="s">
        <v>26</v>
      </c>
      <c r="F3267" s="52" t="s">
        <v>81</v>
      </c>
      <c r="G3267" s="52" t="s">
        <v>82</v>
      </c>
      <c r="H3267" s="4">
        <v>1</v>
      </c>
      <c r="I3267" s="2">
        <v>14.65</v>
      </c>
      <c r="J3267" s="52" t="s">
        <v>8039</v>
      </c>
      <c r="K3267" s="71" t="s">
        <v>8101</v>
      </c>
      <c r="L3267" s="52" t="s">
        <v>2063</v>
      </c>
      <c r="M3267" s="72">
        <v>5672</v>
      </c>
      <c r="N3267" s="52" t="s">
        <v>2066</v>
      </c>
      <c r="O3267" s="52" t="s">
        <v>2067</v>
      </c>
      <c r="P3267" s="52"/>
      <c r="Q3267" s="52"/>
      <c r="R3267" s="52"/>
      <c r="S3267" s="52"/>
      <c r="T3267" s="52"/>
      <c r="U3267" s="52"/>
      <c r="V3267" s="52"/>
      <c r="W3267" s="52"/>
    </row>
    <row r="3268" spans="1:23" hidden="1" x14ac:dyDescent="0.35">
      <c r="A3268" s="52" t="s">
        <v>78</v>
      </c>
      <c r="B3268" s="52" t="s">
        <v>79</v>
      </c>
      <c r="C3268" s="3">
        <v>10</v>
      </c>
      <c r="D3268" s="52" t="s">
        <v>86</v>
      </c>
      <c r="E3268" s="52" t="s">
        <v>26</v>
      </c>
      <c r="F3268" s="52" t="s">
        <v>81</v>
      </c>
      <c r="G3268" s="52" t="s">
        <v>82</v>
      </c>
      <c r="H3268" s="4">
        <v>1</v>
      </c>
      <c r="I3268" s="2">
        <v>14.65</v>
      </c>
      <c r="J3268" s="52" t="s">
        <v>8102</v>
      </c>
      <c r="K3268" s="71" t="s">
        <v>8103</v>
      </c>
      <c r="L3268" s="52" t="s">
        <v>2063</v>
      </c>
      <c r="M3268" s="72">
        <v>1876</v>
      </c>
      <c r="N3268" s="52" t="s">
        <v>2066</v>
      </c>
      <c r="O3268" s="52" t="s">
        <v>2067</v>
      </c>
      <c r="P3268" s="52"/>
      <c r="Q3268" s="52"/>
      <c r="R3268" s="52"/>
      <c r="S3268" s="52"/>
      <c r="T3268" s="52"/>
      <c r="U3268" s="52"/>
      <c r="V3268" s="52"/>
      <c r="W3268" s="52"/>
    </row>
    <row r="3269" spans="1:23" hidden="1" x14ac:dyDescent="0.35">
      <c r="A3269" s="52" t="s">
        <v>78</v>
      </c>
      <c r="B3269" s="52" t="s">
        <v>79</v>
      </c>
      <c r="C3269" s="3">
        <v>20</v>
      </c>
      <c r="D3269" s="52" t="s">
        <v>2024</v>
      </c>
      <c r="E3269" s="52" t="s">
        <v>26</v>
      </c>
      <c r="F3269" s="52" t="s">
        <v>81</v>
      </c>
      <c r="G3269" s="52" t="s">
        <v>82</v>
      </c>
      <c r="H3269" s="4">
        <v>1</v>
      </c>
      <c r="I3269" s="2">
        <v>14.65</v>
      </c>
      <c r="J3269" s="52" t="s">
        <v>8104</v>
      </c>
      <c r="K3269" s="71" t="s">
        <v>8105</v>
      </c>
      <c r="L3269" s="52" t="s">
        <v>2063</v>
      </c>
      <c r="M3269" s="72">
        <v>686</v>
      </c>
      <c r="N3269" s="52" t="s">
        <v>2066</v>
      </c>
      <c r="O3269" s="52" t="s">
        <v>2067</v>
      </c>
      <c r="P3269" s="52"/>
      <c r="Q3269" s="52"/>
      <c r="R3269" s="52"/>
      <c r="S3269" s="52"/>
      <c r="T3269" s="52"/>
      <c r="U3269" s="52"/>
      <c r="V3269" s="52"/>
      <c r="W3269" s="52"/>
    </row>
    <row r="3270" spans="1:23" hidden="1" x14ac:dyDescent="0.35">
      <c r="A3270" s="52" t="s">
        <v>78</v>
      </c>
      <c r="B3270" s="52" t="s">
        <v>79</v>
      </c>
      <c r="C3270" s="3">
        <v>20</v>
      </c>
      <c r="D3270" s="52" t="s">
        <v>2020</v>
      </c>
      <c r="E3270" s="52" t="s">
        <v>26</v>
      </c>
      <c r="F3270" s="52" t="s">
        <v>81</v>
      </c>
      <c r="G3270" s="52" t="s">
        <v>82</v>
      </c>
      <c r="H3270" s="4">
        <v>1</v>
      </c>
      <c r="I3270" s="2">
        <v>14.65</v>
      </c>
      <c r="J3270" s="52" t="s">
        <v>8106</v>
      </c>
      <c r="K3270" s="71" t="s">
        <v>8107</v>
      </c>
      <c r="L3270" s="52" t="s">
        <v>2063</v>
      </c>
      <c r="M3270" s="72">
        <v>876</v>
      </c>
      <c r="N3270" s="52"/>
      <c r="O3270" s="52"/>
      <c r="P3270" s="52"/>
      <c r="Q3270" s="52"/>
      <c r="R3270" s="52"/>
      <c r="S3270" s="52"/>
      <c r="T3270" s="52"/>
      <c r="U3270" s="52"/>
      <c r="V3270" s="52"/>
      <c r="W3270" s="52"/>
    </row>
    <row r="3271" spans="1:23" hidden="1" x14ac:dyDescent="0.35">
      <c r="A3271" s="52" t="s">
        <v>78</v>
      </c>
      <c r="B3271" s="52" t="s">
        <v>79</v>
      </c>
      <c r="C3271" s="3">
        <v>20</v>
      </c>
      <c r="D3271" s="52" t="s">
        <v>80</v>
      </c>
      <c r="E3271" s="52" t="s">
        <v>26</v>
      </c>
      <c r="F3271" s="52" t="s">
        <v>81</v>
      </c>
      <c r="G3271" s="52" t="s">
        <v>82</v>
      </c>
      <c r="H3271" s="4">
        <v>1</v>
      </c>
      <c r="I3271" s="2">
        <v>14.65</v>
      </c>
      <c r="J3271" s="52" t="s">
        <v>7562</v>
      </c>
      <c r="K3271" s="71" t="s">
        <v>8108</v>
      </c>
      <c r="L3271" s="52" t="s">
        <v>2063</v>
      </c>
      <c r="M3271" s="72">
        <v>6372</v>
      </c>
      <c r="N3271" s="52" t="s">
        <v>2072</v>
      </c>
      <c r="O3271" s="52" t="s">
        <v>2073</v>
      </c>
      <c r="P3271" s="52"/>
      <c r="Q3271" s="52"/>
      <c r="R3271" s="52"/>
      <c r="S3271" s="52"/>
      <c r="T3271" s="52"/>
      <c r="U3271" s="52"/>
      <c r="V3271" s="52"/>
      <c r="W3271" s="52"/>
    </row>
    <row r="3272" spans="1:23" hidden="1" x14ac:dyDescent="0.35">
      <c r="A3272" s="52" t="s">
        <v>78</v>
      </c>
      <c r="B3272" s="52" t="s">
        <v>79</v>
      </c>
      <c r="C3272" s="3">
        <v>211</v>
      </c>
      <c r="D3272" s="52" t="s">
        <v>80</v>
      </c>
      <c r="E3272" s="52" t="s">
        <v>26</v>
      </c>
      <c r="F3272" s="52" t="s">
        <v>81</v>
      </c>
      <c r="G3272" s="52" t="s">
        <v>82</v>
      </c>
      <c r="H3272" s="4">
        <v>1</v>
      </c>
      <c r="I3272" s="2">
        <v>14.65</v>
      </c>
      <c r="J3272" s="52" t="s">
        <v>8109</v>
      </c>
      <c r="K3272" s="71" t="s">
        <v>8110</v>
      </c>
      <c r="L3272" s="52" t="s">
        <v>2063</v>
      </c>
      <c r="M3272" s="72">
        <v>9627</v>
      </c>
      <c r="N3272" s="52" t="s">
        <v>2066</v>
      </c>
      <c r="O3272" s="52" t="s">
        <v>2067</v>
      </c>
      <c r="P3272" s="52"/>
      <c r="Q3272" s="52"/>
      <c r="R3272" s="52"/>
      <c r="S3272" s="52"/>
      <c r="T3272" s="52"/>
      <c r="U3272" s="52"/>
      <c r="V3272" s="52"/>
      <c r="W3272" s="52"/>
    </row>
    <row r="3273" spans="1:23" x14ac:dyDescent="0.35">
      <c r="A3273" s="52" t="s">
        <v>78</v>
      </c>
      <c r="B3273" s="52" t="s">
        <v>79</v>
      </c>
      <c r="C3273" s="3">
        <v>10</v>
      </c>
      <c r="D3273" s="52" t="s">
        <v>2019</v>
      </c>
      <c r="E3273" s="52" t="s">
        <v>26</v>
      </c>
      <c r="F3273" s="52" t="s">
        <v>81</v>
      </c>
      <c r="G3273" s="52" t="s">
        <v>82</v>
      </c>
      <c r="H3273" s="4">
        <v>1</v>
      </c>
      <c r="I3273" s="2">
        <v>14.65</v>
      </c>
      <c r="J3273" s="52" t="s">
        <v>8111</v>
      </c>
      <c r="K3273" s="71" t="s">
        <v>8112</v>
      </c>
      <c r="L3273" s="52" t="s">
        <v>2095</v>
      </c>
      <c r="M3273" s="72">
        <v>4585</v>
      </c>
      <c r="N3273" s="52" t="s">
        <v>2076</v>
      </c>
      <c r="O3273" s="52" t="s">
        <v>2077</v>
      </c>
      <c r="P3273" s="52"/>
      <c r="Q3273" s="52"/>
      <c r="R3273" s="52"/>
      <c r="S3273" s="52"/>
      <c r="T3273" s="52"/>
      <c r="U3273" s="52"/>
      <c r="V3273" s="52"/>
      <c r="W3273" s="52"/>
    </row>
    <row r="3274" spans="1:23" hidden="1" x14ac:dyDescent="0.35">
      <c r="A3274" s="52" t="s">
        <v>78</v>
      </c>
      <c r="B3274" s="52" t="s">
        <v>79</v>
      </c>
      <c r="C3274" s="3">
        <v>10</v>
      </c>
      <c r="D3274" s="52" t="s">
        <v>2024</v>
      </c>
      <c r="E3274" s="52" t="s">
        <v>26</v>
      </c>
      <c r="F3274" s="52" t="s">
        <v>81</v>
      </c>
      <c r="G3274" s="52" t="s">
        <v>82</v>
      </c>
      <c r="H3274" s="4">
        <v>1</v>
      </c>
      <c r="I3274" s="2">
        <v>14.65</v>
      </c>
      <c r="J3274" s="52" t="s">
        <v>8113</v>
      </c>
      <c r="K3274" s="71" t="s">
        <v>8114</v>
      </c>
      <c r="L3274" s="52" t="s">
        <v>2063</v>
      </c>
      <c r="M3274" s="72">
        <v>392</v>
      </c>
      <c r="N3274" s="52" t="s">
        <v>2158</v>
      </c>
      <c r="O3274" s="52" t="s">
        <v>2159</v>
      </c>
      <c r="P3274" s="52"/>
      <c r="Q3274" s="52"/>
      <c r="R3274" s="52"/>
      <c r="S3274" s="52"/>
      <c r="T3274" s="52"/>
      <c r="U3274" s="52"/>
      <c r="V3274" s="52"/>
      <c r="W3274" s="52"/>
    </row>
    <row r="3275" spans="1:23" hidden="1" x14ac:dyDescent="0.35">
      <c r="A3275" s="52" t="s">
        <v>78</v>
      </c>
      <c r="B3275" s="52" t="s">
        <v>79</v>
      </c>
      <c r="C3275" s="3">
        <v>20</v>
      </c>
      <c r="D3275" s="52" t="s">
        <v>2022</v>
      </c>
      <c r="E3275" s="52" t="s">
        <v>26</v>
      </c>
      <c r="F3275" s="52" t="s">
        <v>81</v>
      </c>
      <c r="G3275" s="52" t="s">
        <v>82</v>
      </c>
      <c r="H3275" s="4">
        <v>1</v>
      </c>
      <c r="I3275" s="2">
        <v>14.65</v>
      </c>
      <c r="J3275" s="52" t="s">
        <v>8115</v>
      </c>
      <c r="K3275" s="71" t="s">
        <v>8116</v>
      </c>
      <c r="L3275" s="52" t="s">
        <v>2095</v>
      </c>
      <c r="M3275" s="72">
        <v>8997</v>
      </c>
      <c r="N3275" s="52" t="s">
        <v>2158</v>
      </c>
      <c r="O3275" s="52" t="s">
        <v>2159</v>
      </c>
      <c r="P3275" s="52"/>
      <c r="Q3275" s="52"/>
      <c r="R3275" s="52"/>
      <c r="S3275" s="52"/>
      <c r="T3275" s="52"/>
      <c r="U3275" s="52"/>
      <c r="V3275" s="52"/>
      <c r="W3275" s="52"/>
    </row>
    <row r="3276" spans="1:23" hidden="1" x14ac:dyDescent="0.35">
      <c r="A3276" s="52" t="s">
        <v>78</v>
      </c>
      <c r="B3276" s="52" t="s">
        <v>79</v>
      </c>
      <c r="C3276" s="3">
        <v>20</v>
      </c>
      <c r="D3276" s="52" t="s">
        <v>85</v>
      </c>
      <c r="E3276" s="52" t="s">
        <v>26</v>
      </c>
      <c r="F3276" s="52" t="s">
        <v>81</v>
      </c>
      <c r="G3276" s="52" t="s">
        <v>82</v>
      </c>
      <c r="H3276" s="4">
        <v>1</v>
      </c>
      <c r="I3276" s="2">
        <v>14.65</v>
      </c>
      <c r="J3276" s="52" t="s">
        <v>8117</v>
      </c>
      <c r="K3276" s="71" t="s">
        <v>8118</v>
      </c>
      <c r="L3276" s="52" t="s">
        <v>2063</v>
      </c>
      <c r="M3276" s="72">
        <v>1763</v>
      </c>
      <c r="N3276" s="52" t="s">
        <v>2072</v>
      </c>
      <c r="O3276" s="52" t="s">
        <v>2073</v>
      </c>
      <c r="P3276" s="52"/>
      <c r="Q3276" s="52"/>
      <c r="R3276" s="52"/>
      <c r="S3276" s="52"/>
      <c r="T3276" s="52"/>
      <c r="U3276" s="52"/>
      <c r="V3276" s="52"/>
      <c r="W3276" s="52"/>
    </row>
    <row r="3277" spans="1:23" hidden="1" x14ac:dyDescent="0.35">
      <c r="A3277" s="52" t="s">
        <v>78</v>
      </c>
      <c r="B3277" s="52" t="s">
        <v>79</v>
      </c>
      <c r="C3277" s="3">
        <v>20</v>
      </c>
      <c r="D3277" s="52" t="s">
        <v>2020</v>
      </c>
      <c r="E3277" s="52" t="s">
        <v>26</v>
      </c>
      <c r="F3277" s="52" t="s">
        <v>81</v>
      </c>
      <c r="G3277" s="52" t="s">
        <v>82</v>
      </c>
      <c r="H3277" s="4">
        <v>1</v>
      </c>
      <c r="I3277" s="2">
        <v>14.65</v>
      </c>
      <c r="J3277" s="52" t="s">
        <v>8119</v>
      </c>
      <c r="K3277" s="71" t="s">
        <v>8120</v>
      </c>
      <c r="L3277" s="52" t="s">
        <v>2063</v>
      </c>
      <c r="M3277" s="72">
        <v>4700</v>
      </c>
      <c r="N3277" s="52" t="s">
        <v>2072</v>
      </c>
      <c r="O3277" s="52" t="s">
        <v>2073</v>
      </c>
      <c r="P3277" s="52"/>
      <c r="Q3277" s="52"/>
      <c r="R3277" s="52"/>
      <c r="S3277" s="52"/>
      <c r="T3277" s="52"/>
      <c r="U3277" s="52"/>
      <c r="V3277" s="52"/>
      <c r="W3277" s="52"/>
    </row>
    <row r="3278" spans="1:23" hidden="1" x14ac:dyDescent="0.35">
      <c r="A3278" s="52" t="s">
        <v>78</v>
      </c>
      <c r="B3278" s="52" t="s">
        <v>79</v>
      </c>
      <c r="C3278" s="3">
        <v>20</v>
      </c>
      <c r="D3278" s="52" t="s">
        <v>86</v>
      </c>
      <c r="E3278" s="52" t="s">
        <v>26</v>
      </c>
      <c r="F3278" s="52" t="s">
        <v>81</v>
      </c>
      <c r="G3278" s="52" t="s">
        <v>82</v>
      </c>
      <c r="H3278" s="4">
        <v>1</v>
      </c>
      <c r="I3278" s="2">
        <v>14.65</v>
      </c>
      <c r="J3278" s="52" t="s">
        <v>8121</v>
      </c>
      <c r="K3278" s="71" t="s">
        <v>8122</v>
      </c>
      <c r="L3278" s="52" t="s">
        <v>2063</v>
      </c>
      <c r="M3278" s="72">
        <v>5112</v>
      </c>
      <c r="N3278" s="52" t="s">
        <v>2072</v>
      </c>
      <c r="O3278" s="52" t="s">
        <v>2073</v>
      </c>
      <c r="P3278" s="52"/>
      <c r="Q3278" s="52"/>
      <c r="R3278" s="52"/>
      <c r="S3278" s="52"/>
      <c r="T3278" s="52"/>
      <c r="U3278" s="52"/>
      <c r="V3278" s="52"/>
      <c r="W3278" s="52"/>
    </row>
    <row r="3279" spans="1:23" hidden="1" x14ac:dyDescent="0.35">
      <c r="A3279" s="52" t="s">
        <v>78</v>
      </c>
      <c r="B3279" s="52" t="s">
        <v>79</v>
      </c>
      <c r="C3279" s="3">
        <v>10</v>
      </c>
      <c r="D3279" s="52" t="s">
        <v>84</v>
      </c>
      <c r="E3279" s="52" t="s">
        <v>26</v>
      </c>
      <c r="F3279" s="52" t="s">
        <v>81</v>
      </c>
      <c r="G3279" s="52" t="s">
        <v>82</v>
      </c>
      <c r="H3279" s="4">
        <v>1</v>
      </c>
      <c r="I3279" s="2">
        <v>14.65</v>
      </c>
      <c r="J3279" s="52" t="s">
        <v>6938</v>
      </c>
      <c r="K3279" s="71" t="s">
        <v>8123</v>
      </c>
      <c r="L3279" s="52" t="s">
        <v>2095</v>
      </c>
      <c r="M3279" s="72">
        <v>9432</v>
      </c>
      <c r="N3279" s="52"/>
      <c r="O3279" s="52"/>
      <c r="P3279" s="52"/>
      <c r="Q3279" s="52"/>
      <c r="R3279" s="52"/>
      <c r="S3279" s="52"/>
      <c r="T3279" s="52"/>
      <c r="U3279" s="52"/>
      <c r="V3279" s="52"/>
      <c r="W3279" s="52"/>
    </row>
    <row r="3280" spans="1:23" hidden="1" x14ac:dyDescent="0.35">
      <c r="A3280" s="52" t="s">
        <v>78</v>
      </c>
      <c r="B3280" s="52" t="s">
        <v>79</v>
      </c>
      <c r="C3280" s="3">
        <v>20</v>
      </c>
      <c r="D3280" s="52" t="s">
        <v>2024</v>
      </c>
      <c r="E3280" s="52" t="s">
        <v>26</v>
      </c>
      <c r="F3280" s="52" t="s">
        <v>81</v>
      </c>
      <c r="G3280" s="52" t="s">
        <v>82</v>
      </c>
      <c r="H3280" s="4">
        <v>1</v>
      </c>
      <c r="I3280" s="2">
        <v>14.65</v>
      </c>
      <c r="J3280" s="52" t="s">
        <v>7179</v>
      </c>
      <c r="K3280" s="71" t="s">
        <v>8124</v>
      </c>
      <c r="L3280" s="52" t="s">
        <v>2063</v>
      </c>
      <c r="M3280" s="72">
        <v>6692</v>
      </c>
      <c r="N3280" s="52"/>
      <c r="O3280" s="52"/>
      <c r="P3280" s="52"/>
      <c r="Q3280" s="52"/>
      <c r="R3280" s="52"/>
      <c r="S3280" s="52"/>
      <c r="T3280" s="52"/>
      <c r="U3280" s="52"/>
      <c r="V3280" s="52"/>
      <c r="W3280" s="52"/>
    </row>
    <row r="3281" spans="1:23" hidden="1" x14ac:dyDescent="0.35">
      <c r="A3281" s="52" t="s">
        <v>78</v>
      </c>
      <c r="B3281" s="52" t="s">
        <v>79</v>
      </c>
      <c r="C3281" s="3">
        <v>20</v>
      </c>
      <c r="D3281" s="52" t="s">
        <v>2020</v>
      </c>
      <c r="E3281" s="52" t="s">
        <v>26</v>
      </c>
      <c r="F3281" s="52" t="s">
        <v>81</v>
      </c>
      <c r="G3281" s="52" t="s">
        <v>82</v>
      </c>
      <c r="H3281" s="4">
        <v>1</v>
      </c>
      <c r="I3281" s="2">
        <v>14.65</v>
      </c>
      <c r="J3281" s="52" t="s">
        <v>8125</v>
      </c>
      <c r="K3281" s="71" t="s">
        <v>8126</v>
      </c>
      <c r="L3281" s="52" t="s">
        <v>2063</v>
      </c>
      <c r="M3281" s="72">
        <v>7847</v>
      </c>
      <c r="N3281" s="52" t="s">
        <v>2072</v>
      </c>
      <c r="O3281" s="52" t="s">
        <v>2073</v>
      </c>
      <c r="P3281" s="52"/>
      <c r="Q3281" s="52"/>
      <c r="R3281" s="52"/>
      <c r="S3281" s="52"/>
      <c r="T3281" s="52"/>
      <c r="U3281" s="52"/>
      <c r="V3281" s="52"/>
      <c r="W3281" s="52"/>
    </row>
    <row r="3282" spans="1:23" x14ac:dyDescent="0.35">
      <c r="A3282" s="52" t="s">
        <v>78</v>
      </c>
      <c r="B3282" s="52" t="s">
        <v>79</v>
      </c>
      <c r="C3282" s="3">
        <v>211</v>
      </c>
      <c r="D3282" s="52" t="s">
        <v>2019</v>
      </c>
      <c r="E3282" s="52" t="s">
        <v>26</v>
      </c>
      <c r="F3282" s="52" t="s">
        <v>81</v>
      </c>
      <c r="G3282" s="52" t="s">
        <v>82</v>
      </c>
      <c r="H3282" s="4">
        <v>1</v>
      </c>
      <c r="I3282" s="2">
        <v>14.65</v>
      </c>
      <c r="J3282" s="52" t="s">
        <v>8127</v>
      </c>
      <c r="K3282" s="71" t="s">
        <v>8128</v>
      </c>
      <c r="L3282" s="52" t="s">
        <v>2063</v>
      </c>
      <c r="M3282" s="72">
        <v>9024</v>
      </c>
      <c r="N3282" s="52" t="s">
        <v>2076</v>
      </c>
      <c r="O3282" s="52" t="s">
        <v>2077</v>
      </c>
      <c r="P3282" s="52" t="s">
        <v>2066</v>
      </c>
      <c r="Q3282" s="52" t="s">
        <v>2067</v>
      </c>
      <c r="R3282" s="52"/>
      <c r="S3282" s="52"/>
      <c r="T3282" s="52"/>
      <c r="U3282" s="52"/>
      <c r="V3282" s="52"/>
      <c r="W3282" s="52"/>
    </row>
    <row r="3283" spans="1:23" x14ac:dyDescent="0.35">
      <c r="A3283" s="52" t="s">
        <v>78</v>
      </c>
      <c r="B3283" s="52" t="s">
        <v>79</v>
      </c>
      <c r="C3283" s="3">
        <v>20</v>
      </c>
      <c r="D3283" s="52" t="s">
        <v>2022</v>
      </c>
      <c r="E3283" s="52" t="s">
        <v>26</v>
      </c>
      <c r="F3283" s="52" t="s">
        <v>81</v>
      </c>
      <c r="G3283" s="52" t="s">
        <v>82</v>
      </c>
      <c r="H3283" s="4">
        <v>1</v>
      </c>
      <c r="I3283" s="2">
        <v>14.65</v>
      </c>
      <c r="J3283" s="52" t="s">
        <v>6865</v>
      </c>
      <c r="K3283" s="71" t="s">
        <v>8129</v>
      </c>
      <c r="L3283" s="52" t="s">
        <v>2063</v>
      </c>
      <c r="M3283" s="72">
        <v>4409</v>
      </c>
      <c r="N3283" s="52" t="s">
        <v>2076</v>
      </c>
      <c r="O3283" s="52" t="s">
        <v>2077</v>
      </c>
      <c r="P3283" s="52"/>
      <c r="Q3283" s="52"/>
      <c r="R3283" s="52"/>
      <c r="S3283" s="52"/>
      <c r="T3283" s="52"/>
      <c r="U3283" s="52"/>
      <c r="V3283" s="52"/>
      <c r="W3283" s="52"/>
    </row>
    <row r="3284" spans="1:23" hidden="1" x14ac:dyDescent="0.35">
      <c r="A3284" s="52" t="s">
        <v>78</v>
      </c>
      <c r="B3284" s="52" t="s">
        <v>79</v>
      </c>
      <c r="C3284" s="3">
        <v>20</v>
      </c>
      <c r="D3284" s="52" t="s">
        <v>2020</v>
      </c>
      <c r="E3284" s="52" t="s">
        <v>26</v>
      </c>
      <c r="F3284" s="52" t="s">
        <v>81</v>
      </c>
      <c r="G3284" s="52" t="s">
        <v>82</v>
      </c>
      <c r="H3284" s="4">
        <v>1</v>
      </c>
      <c r="I3284" s="2">
        <v>14.65</v>
      </c>
      <c r="J3284" s="52" t="s">
        <v>6849</v>
      </c>
      <c r="K3284" s="71" t="s">
        <v>8130</v>
      </c>
      <c r="L3284" s="52" t="s">
        <v>2063</v>
      </c>
      <c r="M3284" s="72">
        <v>2800</v>
      </c>
      <c r="N3284" s="52" t="s">
        <v>2066</v>
      </c>
      <c r="O3284" s="52" t="s">
        <v>2067</v>
      </c>
      <c r="P3284" s="52"/>
      <c r="Q3284" s="52"/>
      <c r="R3284" s="52"/>
      <c r="S3284" s="52"/>
      <c r="T3284" s="52"/>
      <c r="U3284" s="52"/>
      <c r="V3284" s="52"/>
      <c r="W3284" s="52"/>
    </row>
    <row r="3285" spans="1:23" hidden="1" x14ac:dyDescent="0.35">
      <c r="A3285" s="52" t="s">
        <v>78</v>
      </c>
      <c r="B3285" s="52" t="s">
        <v>79</v>
      </c>
      <c r="C3285" s="3">
        <v>20</v>
      </c>
      <c r="D3285" s="52" t="s">
        <v>80</v>
      </c>
      <c r="E3285" s="52" t="s">
        <v>26</v>
      </c>
      <c r="F3285" s="52" t="s">
        <v>81</v>
      </c>
      <c r="G3285" s="52" t="s">
        <v>82</v>
      </c>
      <c r="H3285" s="4">
        <v>1</v>
      </c>
      <c r="I3285" s="2">
        <v>14.65</v>
      </c>
      <c r="J3285" s="52" t="s">
        <v>8131</v>
      </c>
      <c r="K3285" s="71" t="s">
        <v>8132</v>
      </c>
      <c r="L3285" s="52" t="s">
        <v>2063</v>
      </c>
      <c r="M3285" s="72">
        <v>9384</v>
      </c>
      <c r="N3285" s="52" t="s">
        <v>2158</v>
      </c>
      <c r="O3285" s="52" t="s">
        <v>2159</v>
      </c>
      <c r="P3285" s="52"/>
      <c r="Q3285" s="52"/>
      <c r="R3285" s="52"/>
      <c r="S3285" s="52"/>
      <c r="T3285" s="52"/>
      <c r="U3285" s="52"/>
      <c r="V3285" s="52"/>
      <c r="W3285" s="52"/>
    </row>
    <row r="3286" spans="1:23" hidden="1" x14ac:dyDescent="0.35">
      <c r="A3286" s="52" t="s">
        <v>78</v>
      </c>
      <c r="B3286" s="52" t="s">
        <v>79</v>
      </c>
      <c r="C3286" s="3">
        <v>10</v>
      </c>
      <c r="D3286" s="52" t="s">
        <v>86</v>
      </c>
      <c r="E3286" s="52" t="s">
        <v>26</v>
      </c>
      <c r="F3286" s="52" t="s">
        <v>81</v>
      </c>
      <c r="G3286" s="52" t="s">
        <v>82</v>
      </c>
      <c r="H3286" s="4">
        <v>1</v>
      </c>
      <c r="I3286" s="2">
        <v>14.65</v>
      </c>
      <c r="J3286" s="52" t="s">
        <v>8133</v>
      </c>
      <c r="K3286" s="71" t="s">
        <v>8134</v>
      </c>
      <c r="L3286" s="52" t="s">
        <v>2063</v>
      </c>
      <c r="M3286" s="72">
        <v>8092</v>
      </c>
      <c r="N3286" s="52" t="s">
        <v>2158</v>
      </c>
      <c r="O3286" s="52" t="s">
        <v>2159</v>
      </c>
      <c r="P3286" s="52"/>
      <c r="Q3286" s="52"/>
      <c r="R3286" s="52"/>
      <c r="S3286" s="52"/>
      <c r="T3286" s="52"/>
      <c r="U3286" s="52"/>
      <c r="V3286" s="52"/>
      <c r="W3286" s="52"/>
    </row>
    <row r="3287" spans="1:23" hidden="1" x14ac:dyDescent="0.35">
      <c r="A3287" s="52" t="s">
        <v>78</v>
      </c>
      <c r="B3287" s="52" t="s">
        <v>79</v>
      </c>
      <c r="C3287" s="3">
        <v>20</v>
      </c>
      <c r="D3287" s="52" t="s">
        <v>84</v>
      </c>
      <c r="E3287" s="52" t="s">
        <v>26</v>
      </c>
      <c r="F3287" s="52" t="s">
        <v>81</v>
      </c>
      <c r="G3287" s="52" t="s">
        <v>82</v>
      </c>
      <c r="H3287" s="4">
        <v>1</v>
      </c>
      <c r="I3287" s="2">
        <v>14.65</v>
      </c>
      <c r="J3287" s="52" t="s">
        <v>8135</v>
      </c>
      <c r="K3287" s="71" t="s">
        <v>8136</v>
      </c>
      <c r="L3287" s="52" t="s">
        <v>2063</v>
      </c>
      <c r="M3287" s="72">
        <v>7706</v>
      </c>
      <c r="N3287" s="52" t="s">
        <v>2072</v>
      </c>
      <c r="O3287" s="52" t="s">
        <v>2073</v>
      </c>
      <c r="P3287" s="52"/>
      <c r="Q3287" s="52"/>
      <c r="R3287" s="52"/>
      <c r="S3287" s="52"/>
      <c r="T3287" s="52"/>
      <c r="U3287" s="52"/>
      <c r="V3287" s="52"/>
      <c r="W3287" s="52"/>
    </row>
    <row r="3288" spans="1:23" hidden="1" x14ac:dyDescent="0.35">
      <c r="A3288" s="52" t="s">
        <v>78</v>
      </c>
      <c r="B3288" s="52" t="s">
        <v>79</v>
      </c>
      <c r="C3288" s="3">
        <v>20</v>
      </c>
      <c r="D3288" s="52" t="s">
        <v>87</v>
      </c>
      <c r="E3288" s="52" t="s">
        <v>26</v>
      </c>
      <c r="F3288" s="52" t="s">
        <v>81</v>
      </c>
      <c r="G3288" s="52" t="s">
        <v>82</v>
      </c>
      <c r="H3288" s="4">
        <v>1</v>
      </c>
      <c r="I3288" s="2">
        <v>14.65</v>
      </c>
      <c r="J3288" s="52" t="s">
        <v>8137</v>
      </c>
      <c r="K3288" s="71" t="s">
        <v>8138</v>
      </c>
      <c r="L3288" s="52" t="s">
        <v>2063</v>
      </c>
      <c r="M3288" s="72">
        <v>7993</v>
      </c>
      <c r="N3288" s="52" t="s">
        <v>2195</v>
      </c>
      <c r="O3288" s="52" t="s">
        <v>2196</v>
      </c>
      <c r="P3288" s="52"/>
      <c r="Q3288" s="52"/>
      <c r="R3288" s="52"/>
      <c r="S3288" s="52"/>
      <c r="T3288" s="52"/>
      <c r="U3288" s="52"/>
      <c r="V3288" s="52"/>
      <c r="W3288" s="52"/>
    </row>
    <row r="3289" spans="1:23" x14ac:dyDescent="0.35">
      <c r="A3289" s="52" t="s">
        <v>78</v>
      </c>
      <c r="B3289" s="52" t="s">
        <v>79</v>
      </c>
      <c r="C3289" s="3">
        <v>221</v>
      </c>
      <c r="D3289" s="52" t="s">
        <v>2024</v>
      </c>
      <c r="E3289" s="52" t="s">
        <v>26</v>
      </c>
      <c r="F3289" s="52" t="s">
        <v>81</v>
      </c>
      <c r="G3289" s="52" t="s">
        <v>82</v>
      </c>
      <c r="H3289" s="4">
        <v>1</v>
      </c>
      <c r="I3289" s="2">
        <v>14.65</v>
      </c>
      <c r="J3289" s="52" t="s">
        <v>8139</v>
      </c>
      <c r="K3289" s="71" t="s">
        <v>8140</v>
      </c>
      <c r="L3289" s="52" t="s">
        <v>2063</v>
      </c>
      <c r="M3289" s="72">
        <v>7141</v>
      </c>
      <c r="N3289" s="52" t="s">
        <v>2076</v>
      </c>
      <c r="O3289" s="52" t="s">
        <v>2077</v>
      </c>
      <c r="P3289" s="52" t="s">
        <v>2076</v>
      </c>
      <c r="Q3289" s="52" t="s">
        <v>2077</v>
      </c>
      <c r="R3289" s="52"/>
      <c r="S3289" s="52"/>
      <c r="T3289" s="52"/>
      <c r="U3289" s="52"/>
      <c r="V3289" s="52"/>
      <c r="W3289" s="52"/>
    </row>
    <row r="3290" spans="1:23" hidden="1" x14ac:dyDescent="0.35">
      <c r="A3290" s="52" t="s">
        <v>78</v>
      </c>
      <c r="B3290" s="52" t="s">
        <v>79</v>
      </c>
      <c r="C3290" s="3">
        <v>20</v>
      </c>
      <c r="D3290" s="52" t="s">
        <v>86</v>
      </c>
      <c r="E3290" s="52" t="s">
        <v>26</v>
      </c>
      <c r="F3290" s="52" t="s">
        <v>81</v>
      </c>
      <c r="G3290" s="52" t="s">
        <v>82</v>
      </c>
      <c r="H3290" s="4">
        <v>1</v>
      </c>
      <c r="I3290" s="2">
        <v>14.65</v>
      </c>
      <c r="J3290" s="52" t="s">
        <v>8141</v>
      </c>
      <c r="K3290" s="71" t="s">
        <v>8142</v>
      </c>
      <c r="L3290" s="52" t="s">
        <v>2063</v>
      </c>
      <c r="M3290" s="72">
        <v>1373</v>
      </c>
      <c r="N3290" s="52"/>
      <c r="O3290" s="52"/>
      <c r="P3290" s="52"/>
      <c r="Q3290" s="52"/>
      <c r="R3290" s="52"/>
      <c r="S3290" s="52"/>
      <c r="T3290" s="52"/>
      <c r="U3290" s="52"/>
      <c r="V3290" s="52"/>
      <c r="W3290" s="52"/>
    </row>
    <row r="3291" spans="1:23" hidden="1" x14ac:dyDescent="0.35">
      <c r="A3291" s="52" t="s">
        <v>78</v>
      </c>
      <c r="B3291" s="52" t="s">
        <v>79</v>
      </c>
      <c r="C3291" s="3">
        <v>20</v>
      </c>
      <c r="D3291" s="52" t="s">
        <v>80</v>
      </c>
      <c r="E3291" s="52" t="s">
        <v>26</v>
      </c>
      <c r="F3291" s="52" t="s">
        <v>81</v>
      </c>
      <c r="G3291" s="52" t="s">
        <v>82</v>
      </c>
      <c r="H3291" s="4">
        <v>1</v>
      </c>
      <c r="I3291" s="2">
        <v>14.65</v>
      </c>
      <c r="J3291" s="52" t="s">
        <v>8143</v>
      </c>
      <c r="K3291" s="71" t="s">
        <v>8144</v>
      </c>
      <c r="L3291" s="52" t="s">
        <v>2063</v>
      </c>
      <c r="M3291" s="72">
        <v>2351</v>
      </c>
      <c r="N3291" s="52" t="s">
        <v>2072</v>
      </c>
      <c r="O3291" s="52" t="s">
        <v>2073</v>
      </c>
      <c r="P3291" s="52"/>
      <c r="Q3291" s="52"/>
      <c r="R3291" s="52"/>
      <c r="S3291" s="52"/>
      <c r="T3291" s="52"/>
      <c r="U3291" s="52"/>
      <c r="V3291" s="52"/>
      <c r="W3291" s="52"/>
    </row>
    <row r="3292" spans="1:23" x14ac:dyDescent="0.35">
      <c r="A3292" s="52" t="s">
        <v>78</v>
      </c>
      <c r="B3292" s="52" t="s">
        <v>79</v>
      </c>
      <c r="C3292" s="3">
        <v>20</v>
      </c>
      <c r="D3292" s="52" t="s">
        <v>2019</v>
      </c>
      <c r="E3292" s="52" t="s">
        <v>26</v>
      </c>
      <c r="F3292" s="52" t="s">
        <v>81</v>
      </c>
      <c r="G3292" s="52" t="s">
        <v>82</v>
      </c>
      <c r="H3292" s="4">
        <v>1</v>
      </c>
      <c r="I3292" s="2">
        <v>14.65</v>
      </c>
      <c r="J3292" s="52" t="s">
        <v>8145</v>
      </c>
      <c r="K3292" s="71" t="s">
        <v>8146</v>
      </c>
      <c r="L3292" s="52" t="s">
        <v>2063</v>
      </c>
      <c r="M3292" s="72">
        <v>7810</v>
      </c>
      <c r="N3292" s="52" t="s">
        <v>2076</v>
      </c>
      <c r="O3292" s="52" t="s">
        <v>2077</v>
      </c>
      <c r="P3292" s="52"/>
      <c r="Q3292" s="52"/>
      <c r="R3292" s="52"/>
      <c r="S3292" s="52"/>
      <c r="T3292" s="52"/>
      <c r="U3292" s="52"/>
      <c r="V3292" s="52"/>
      <c r="W3292" s="52"/>
    </row>
    <row r="3293" spans="1:23" hidden="1" x14ac:dyDescent="0.35">
      <c r="A3293" s="52" t="s">
        <v>78</v>
      </c>
      <c r="B3293" s="52" t="s">
        <v>79</v>
      </c>
      <c r="C3293" s="3">
        <v>20</v>
      </c>
      <c r="D3293" s="52" t="s">
        <v>80</v>
      </c>
      <c r="E3293" s="52" t="s">
        <v>26</v>
      </c>
      <c r="F3293" s="52" t="s">
        <v>81</v>
      </c>
      <c r="G3293" s="52" t="s">
        <v>82</v>
      </c>
      <c r="H3293" s="4">
        <v>1</v>
      </c>
      <c r="I3293" s="2">
        <v>14.65</v>
      </c>
      <c r="J3293" s="52" t="s">
        <v>8147</v>
      </c>
      <c r="K3293" s="71" t="s">
        <v>8148</v>
      </c>
      <c r="L3293" s="52" t="s">
        <v>2063</v>
      </c>
      <c r="M3293" s="72">
        <v>4375</v>
      </c>
      <c r="N3293" s="52" t="s">
        <v>2072</v>
      </c>
      <c r="O3293" s="52" t="s">
        <v>2073</v>
      </c>
      <c r="P3293" s="52"/>
      <c r="Q3293" s="52"/>
      <c r="R3293" s="52"/>
      <c r="S3293" s="52"/>
      <c r="T3293" s="52"/>
      <c r="U3293" s="52"/>
      <c r="V3293" s="52"/>
      <c r="W3293" s="52"/>
    </row>
    <row r="3294" spans="1:23" hidden="1" x14ac:dyDescent="0.35">
      <c r="A3294" s="52" t="s">
        <v>78</v>
      </c>
      <c r="B3294" s="52" t="s">
        <v>79</v>
      </c>
      <c r="C3294" s="3">
        <v>10</v>
      </c>
      <c r="D3294" s="52" t="s">
        <v>2024</v>
      </c>
      <c r="E3294" s="52" t="s">
        <v>26</v>
      </c>
      <c r="F3294" s="52" t="s">
        <v>81</v>
      </c>
      <c r="G3294" s="52" t="s">
        <v>82</v>
      </c>
      <c r="H3294" s="4">
        <v>1</v>
      </c>
      <c r="I3294" s="2">
        <v>14.65</v>
      </c>
      <c r="J3294" s="52" t="s">
        <v>8149</v>
      </c>
      <c r="K3294" s="71" t="s">
        <v>8150</v>
      </c>
      <c r="L3294" s="52" t="s">
        <v>2063</v>
      </c>
      <c r="M3294" s="72">
        <v>3405</v>
      </c>
      <c r="N3294" s="52" t="s">
        <v>2072</v>
      </c>
      <c r="O3294" s="52" t="s">
        <v>2073</v>
      </c>
      <c r="P3294" s="52"/>
      <c r="Q3294" s="52"/>
      <c r="R3294" s="52"/>
      <c r="S3294" s="52"/>
      <c r="T3294" s="52"/>
      <c r="U3294" s="52"/>
      <c r="V3294" s="52"/>
      <c r="W3294" s="52"/>
    </row>
    <row r="3295" spans="1:23" hidden="1" x14ac:dyDescent="0.35">
      <c r="A3295" s="52" t="s">
        <v>78</v>
      </c>
      <c r="B3295" s="52" t="s">
        <v>79</v>
      </c>
      <c r="C3295" s="3">
        <v>10</v>
      </c>
      <c r="D3295" s="52" t="s">
        <v>80</v>
      </c>
      <c r="E3295" s="52" t="s">
        <v>26</v>
      </c>
      <c r="F3295" s="52" t="s">
        <v>81</v>
      </c>
      <c r="G3295" s="52" t="s">
        <v>82</v>
      </c>
      <c r="H3295" s="4">
        <v>1</v>
      </c>
      <c r="I3295" s="2">
        <v>14.65</v>
      </c>
      <c r="J3295" s="52" t="s">
        <v>6841</v>
      </c>
      <c r="K3295" s="71" t="s">
        <v>8151</v>
      </c>
      <c r="L3295" s="52" t="s">
        <v>2063</v>
      </c>
      <c r="M3295" s="72">
        <v>5933</v>
      </c>
      <c r="N3295" s="52"/>
      <c r="O3295" s="52"/>
      <c r="P3295" s="52"/>
      <c r="Q3295" s="52"/>
      <c r="R3295" s="52"/>
      <c r="S3295" s="52"/>
      <c r="T3295" s="52"/>
      <c r="U3295" s="52"/>
      <c r="V3295" s="52"/>
      <c r="W3295" s="52"/>
    </row>
    <row r="3296" spans="1:23" hidden="1" x14ac:dyDescent="0.35">
      <c r="A3296" s="52" t="s">
        <v>78</v>
      </c>
      <c r="B3296" s="52" t="s">
        <v>79</v>
      </c>
      <c r="C3296" s="3">
        <v>211</v>
      </c>
      <c r="D3296" s="52" t="s">
        <v>87</v>
      </c>
      <c r="E3296" s="52" t="s">
        <v>26</v>
      </c>
      <c r="F3296" s="52" t="s">
        <v>81</v>
      </c>
      <c r="G3296" s="52" t="s">
        <v>82</v>
      </c>
      <c r="H3296" s="4">
        <v>1</v>
      </c>
      <c r="I3296" s="2">
        <v>14.65</v>
      </c>
      <c r="J3296" s="52" t="s">
        <v>8152</v>
      </c>
      <c r="K3296" s="71" t="s">
        <v>8153</v>
      </c>
      <c r="L3296" s="52" t="s">
        <v>2063</v>
      </c>
      <c r="M3296" s="72">
        <v>5835</v>
      </c>
      <c r="N3296" s="52" t="s">
        <v>2158</v>
      </c>
      <c r="O3296" s="52" t="s">
        <v>2159</v>
      </c>
      <c r="P3296" s="52"/>
      <c r="Q3296" s="52"/>
      <c r="R3296" s="52"/>
      <c r="S3296" s="52"/>
      <c r="T3296" s="52"/>
      <c r="U3296" s="52"/>
      <c r="V3296" s="52"/>
      <c r="W3296" s="52"/>
    </row>
    <row r="3297" spans="1:23" hidden="1" x14ac:dyDescent="0.35">
      <c r="A3297" s="52" t="s">
        <v>78</v>
      </c>
      <c r="B3297" s="52" t="s">
        <v>79</v>
      </c>
      <c r="C3297" s="3">
        <v>20</v>
      </c>
      <c r="D3297" s="52" t="s">
        <v>86</v>
      </c>
      <c r="E3297" s="52" t="s">
        <v>26</v>
      </c>
      <c r="F3297" s="52" t="s">
        <v>81</v>
      </c>
      <c r="G3297" s="52" t="s">
        <v>82</v>
      </c>
      <c r="H3297" s="4">
        <v>1</v>
      </c>
      <c r="I3297" s="2">
        <v>14.65</v>
      </c>
      <c r="J3297" s="52" t="s">
        <v>8154</v>
      </c>
      <c r="K3297" s="71" t="s">
        <v>8155</v>
      </c>
      <c r="L3297" s="52" t="s">
        <v>2063</v>
      </c>
      <c r="M3297" s="72">
        <v>3414</v>
      </c>
      <c r="N3297" s="52"/>
      <c r="O3297" s="52"/>
      <c r="P3297" s="52"/>
      <c r="Q3297" s="52"/>
      <c r="R3297" s="52"/>
      <c r="S3297" s="52"/>
      <c r="T3297" s="52"/>
      <c r="U3297" s="52"/>
      <c r="V3297" s="52"/>
      <c r="W3297" s="52"/>
    </row>
    <row r="3298" spans="1:23" hidden="1" x14ac:dyDescent="0.35">
      <c r="A3298" s="52" t="s">
        <v>78</v>
      </c>
      <c r="B3298" s="52" t="s">
        <v>79</v>
      </c>
      <c r="C3298" s="3">
        <v>10</v>
      </c>
      <c r="D3298" s="52" t="s">
        <v>83</v>
      </c>
      <c r="E3298" s="52" t="s">
        <v>26</v>
      </c>
      <c r="F3298" s="52" t="s">
        <v>81</v>
      </c>
      <c r="G3298" s="52" t="s">
        <v>82</v>
      </c>
      <c r="H3298" s="4">
        <v>1</v>
      </c>
      <c r="I3298" s="2">
        <v>14.65</v>
      </c>
      <c r="J3298" s="52" t="s">
        <v>8156</v>
      </c>
      <c r="K3298" s="71" t="s">
        <v>8157</v>
      </c>
      <c r="L3298" s="52" t="s">
        <v>2095</v>
      </c>
      <c r="M3298" s="72">
        <v>5362</v>
      </c>
      <c r="N3298" s="52"/>
      <c r="O3298" s="52"/>
      <c r="P3298" s="52"/>
      <c r="Q3298" s="52"/>
      <c r="R3298" s="52"/>
      <c r="S3298" s="52"/>
      <c r="T3298" s="52"/>
      <c r="U3298" s="52"/>
      <c r="V3298" s="52"/>
      <c r="W3298" s="52"/>
    </row>
    <row r="3299" spans="1:23" hidden="1" x14ac:dyDescent="0.35">
      <c r="A3299" s="52" t="s">
        <v>78</v>
      </c>
      <c r="B3299" s="52" t="s">
        <v>79</v>
      </c>
      <c r="C3299" s="3">
        <v>20</v>
      </c>
      <c r="D3299" s="52" t="s">
        <v>2019</v>
      </c>
      <c r="E3299" s="52" t="s">
        <v>26</v>
      </c>
      <c r="F3299" s="52" t="s">
        <v>81</v>
      </c>
      <c r="G3299" s="52" t="s">
        <v>82</v>
      </c>
      <c r="H3299" s="4">
        <v>1</v>
      </c>
      <c r="I3299" s="2">
        <v>14.65</v>
      </c>
      <c r="J3299" s="52" t="s">
        <v>6993</v>
      </c>
      <c r="K3299" s="71" t="s">
        <v>8158</v>
      </c>
      <c r="L3299" s="52" t="s">
        <v>2063</v>
      </c>
      <c r="M3299" s="72">
        <v>9180</v>
      </c>
      <c r="N3299" s="52" t="s">
        <v>2066</v>
      </c>
      <c r="O3299" s="52" t="s">
        <v>2067</v>
      </c>
      <c r="P3299" s="52"/>
      <c r="Q3299" s="52"/>
      <c r="R3299" s="52"/>
      <c r="S3299" s="52"/>
      <c r="T3299" s="52"/>
      <c r="U3299" s="52"/>
      <c r="V3299" s="52"/>
      <c r="W3299" s="52"/>
    </row>
    <row r="3300" spans="1:23" x14ac:dyDescent="0.35">
      <c r="A3300" s="52" t="s">
        <v>78</v>
      </c>
      <c r="B3300" s="52" t="s">
        <v>79</v>
      </c>
      <c r="C3300" s="3">
        <v>20</v>
      </c>
      <c r="D3300" s="52" t="s">
        <v>80</v>
      </c>
      <c r="E3300" s="52" t="s">
        <v>26</v>
      </c>
      <c r="F3300" s="52" t="s">
        <v>81</v>
      </c>
      <c r="G3300" s="52" t="s">
        <v>82</v>
      </c>
      <c r="H3300" s="4">
        <v>1</v>
      </c>
      <c r="I3300" s="2">
        <v>14.65</v>
      </c>
      <c r="J3300" s="52" t="s">
        <v>7467</v>
      </c>
      <c r="K3300" s="71" t="s">
        <v>8159</v>
      </c>
      <c r="L3300" s="52" t="s">
        <v>2063</v>
      </c>
      <c r="M3300" s="72">
        <v>2145</v>
      </c>
      <c r="N3300" s="52" t="s">
        <v>2076</v>
      </c>
      <c r="O3300" s="52" t="s">
        <v>2077</v>
      </c>
      <c r="P3300" s="52"/>
      <c r="Q3300" s="52"/>
      <c r="R3300" s="52"/>
      <c r="S3300" s="52"/>
      <c r="T3300" s="52"/>
      <c r="U3300" s="52"/>
      <c r="V3300" s="52"/>
      <c r="W3300" s="52"/>
    </row>
    <row r="3301" spans="1:23" hidden="1" x14ac:dyDescent="0.35">
      <c r="A3301" s="52" t="s">
        <v>78</v>
      </c>
      <c r="B3301" s="52" t="s">
        <v>79</v>
      </c>
      <c r="C3301" s="3">
        <v>20</v>
      </c>
      <c r="D3301" s="52" t="s">
        <v>85</v>
      </c>
      <c r="E3301" s="52" t="s">
        <v>26</v>
      </c>
      <c r="F3301" s="52" t="s">
        <v>81</v>
      </c>
      <c r="G3301" s="52" t="s">
        <v>82</v>
      </c>
      <c r="H3301" s="4">
        <v>1</v>
      </c>
      <c r="I3301" s="2">
        <v>14.65</v>
      </c>
      <c r="J3301" s="52" t="s">
        <v>7250</v>
      </c>
      <c r="K3301" s="71" t="s">
        <v>8160</v>
      </c>
      <c r="L3301" s="52" t="s">
        <v>2063</v>
      </c>
      <c r="M3301" s="72">
        <v>2051</v>
      </c>
      <c r="N3301" s="52" t="s">
        <v>2072</v>
      </c>
      <c r="O3301" s="52" t="s">
        <v>2073</v>
      </c>
      <c r="P3301" s="52"/>
      <c r="Q3301" s="52"/>
      <c r="R3301" s="52"/>
      <c r="S3301" s="52"/>
      <c r="T3301" s="52"/>
      <c r="U3301" s="52"/>
      <c r="V3301" s="52"/>
      <c r="W3301" s="52"/>
    </row>
    <row r="3302" spans="1:23" hidden="1" x14ac:dyDescent="0.35">
      <c r="A3302" s="52" t="s">
        <v>78</v>
      </c>
      <c r="B3302" s="52" t="s">
        <v>79</v>
      </c>
      <c r="C3302" s="3">
        <v>10</v>
      </c>
      <c r="D3302" s="52" t="s">
        <v>87</v>
      </c>
      <c r="E3302" s="52" t="s">
        <v>26</v>
      </c>
      <c r="F3302" s="52" t="s">
        <v>81</v>
      </c>
      <c r="G3302" s="52" t="s">
        <v>82</v>
      </c>
      <c r="H3302" s="4">
        <v>1</v>
      </c>
      <c r="I3302" s="2">
        <v>14.65</v>
      </c>
      <c r="J3302" s="52" t="s">
        <v>8161</v>
      </c>
      <c r="K3302" s="71" t="s">
        <v>8162</v>
      </c>
      <c r="L3302" s="52" t="s">
        <v>2063</v>
      </c>
      <c r="M3302" s="72">
        <v>379</v>
      </c>
      <c r="N3302" s="52" t="s">
        <v>2072</v>
      </c>
      <c r="O3302" s="52" t="s">
        <v>2073</v>
      </c>
      <c r="P3302" s="52"/>
      <c r="Q3302" s="52"/>
      <c r="R3302" s="52"/>
      <c r="S3302" s="52"/>
      <c r="T3302" s="52"/>
      <c r="U3302" s="52"/>
      <c r="V3302" s="52"/>
      <c r="W3302" s="52"/>
    </row>
    <row r="3303" spans="1:23" hidden="1" x14ac:dyDescent="0.35">
      <c r="A3303" s="52" t="s">
        <v>78</v>
      </c>
      <c r="B3303" s="52" t="s">
        <v>79</v>
      </c>
      <c r="C3303" s="3">
        <v>20</v>
      </c>
      <c r="D3303" s="52" t="s">
        <v>83</v>
      </c>
      <c r="E3303" s="52" t="s">
        <v>26</v>
      </c>
      <c r="F3303" s="52" t="s">
        <v>81</v>
      </c>
      <c r="G3303" s="52" t="s">
        <v>82</v>
      </c>
      <c r="H3303" s="4">
        <v>1</v>
      </c>
      <c r="I3303" s="2">
        <v>14.65</v>
      </c>
      <c r="J3303" s="52" t="s">
        <v>6871</v>
      </c>
      <c r="K3303" s="71" t="s">
        <v>8163</v>
      </c>
      <c r="L3303" s="52" t="s">
        <v>2063</v>
      </c>
      <c r="M3303" s="72">
        <v>2290</v>
      </c>
      <c r="N3303" s="52"/>
      <c r="O3303" s="52"/>
      <c r="P3303" s="52"/>
      <c r="Q3303" s="52"/>
      <c r="R3303" s="52"/>
      <c r="S3303" s="52"/>
      <c r="T3303" s="52"/>
      <c r="U3303" s="52"/>
      <c r="V3303" s="52"/>
      <c r="W3303" s="52"/>
    </row>
    <row r="3304" spans="1:23" hidden="1" x14ac:dyDescent="0.35">
      <c r="A3304" s="52" t="s">
        <v>78</v>
      </c>
      <c r="B3304" s="52" t="s">
        <v>79</v>
      </c>
      <c r="C3304" s="3">
        <v>10</v>
      </c>
      <c r="D3304" s="52" t="s">
        <v>83</v>
      </c>
      <c r="E3304" s="52" t="s">
        <v>26</v>
      </c>
      <c r="F3304" s="52" t="s">
        <v>81</v>
      </c>
      <c r="G3304" s="52" t="s">
        <v>82</v>
      </c>
      <c r="H3304" s="4">
        <v>1</v>
      </c>
      <c r="I3304" s="2">
        <v>14.65</v>
      </c>
      <c r="J3304" s="52" t="s">
        <v>8164</v>
      </c>
      <c r="K3304" s="71" t="s">
        <v>8165</v>
      </c>
      <c r="L3304" s="52" t="s">
        <v>2063</v>
      </c>
      <c r="M3304" s="72">
        <v>8926</v>
      </c>
      <c r="N3304" s="52" t="s">
        <v>2072</v>
      </c>
      <c r="O3304" s="52" t="s">
        <v>2073</v>
      </c>
      <c r="P3304" s="52"/>
      <c r="Q3304" s="52"/>
      <c r="R3304" s="52"/>
      <c r="S3304" s="52"/>
      <c r="T3304" s="52"/>
      <c r="U3304" s="52"/>
      <c r="V3304" s="52"/>
      <c r="W3304" s="52"/>
    </row>
    <row r="3305" spans="1:23" hidden="1" x14ac:dyDescent="0.35">
      <c r="A3305" s="52" t="s">
        <v>78</v>
      </c>
      <c r="B3305" s="52" t="s">
        <v>79</v>
      </c>
      <c r="C3305" s="3">
        <v>211</v>
      </c>
      <c r="D3305" s="52" t="s">
        <v>2020</v>
      </c>
      <c r="E3305" s="52" t="s">
        <v>26</v>
      </c>
      <c r="F3305" s="52" t="s">
        <v>81</v>
      </c>
      <c r="G3305" s="52" t="s">
        <v>82</v>
      </c>
      <c r="H3305" s="4">
        <v>1</v>
      </c>
      <c r="I3305" s="2">
        <v>14.65</v>
      </c>
      <c r="J3305" s="52" t="s">
        <v>8166</v>
      </c>
      <c r="K3305" s="71" t="s">
        <v>8167</v>
      </c>
      <c r="L3305" s="52" t="s">
        <v>2063</v>
      </c>
      <c r="M3305" s="72">
        <v>6900</v>
      </c>
      <c r="N3305" s="52" t="s">
        <v>2066</v>
      </c>
      <c r="O3305" s="52" t="s">
        <v>2067</v>
      </c>
      <c r="P3305" s="52"/>
      <c r="Q3305" s="52"/>
      <c r="R3305" s="52"/>
      <c r="S3305" s="52"/>
      <c r="T3305" s="52"/>
      <c r="U3305" s="52"/>
      <c r="V3305" s="52"/>
      <c r="W3305" s="52"/>
    </row>
    <row r="3306" spans="1:23" hidden="1" x14ac:dyDescent="0.35">
      <c r="A3306" s="52" t="s">
        <v>78</v>
      </c>
      <c r="B3306" s="52" t="s">
        <v>79</v>
      </c>
      <c r="C3306" s="3">
        <v>20</v>
      </c>
      <c r="D3306" s="52" t="s">
        <v>2019</v>
      </c>
      <c r="E3306" s="52" t="s">
        <v>26</v>
      </c>
      <c r="F3306" s="52" t="s">
        <v>81</v>
      </c>
      <c r="G3306" s="52" t="s">
        <v>82</v>
      </c>
      <c r="H3306" s="4">
        <v>1</v>
      </c>
      <c r="I3306" s="2">
        <v>14.65</v>
      </c>
      <c r="J3306" s="52" t="s">
        <v>8168</v>
      </c>
      <c r="K3306" s="71" t="s">
        <v>8169</v>
      </c>
      <c r="L3306" s="52" t="s">
        <v>2063</v>
      </c>
      <c r="M3306" s="72">
        <v>2544</v>
      </c>
      <c r="N3306" s="52"/>
      <c r="O3306" s="52"/>
      <c r="P3306" s="52"/>
      <c r="Q3306" s="52"/>
      <c r="R3306" s="52"/>
      <c r="S3306" s="52"/>
      <c r="T3306" s="52"/>
      <c r="U3306" s="52"/>
      <c r="V3306" s="52"/>
      <c r="W3306" s="52"/>
    </row>
    <row r="3307" spans="1:23" hidden="1" x14ac:dyDescent="0.35">
      <c r="A3307" s="52" t="s">
        <v>78</v>
      </c>
      <c r="B3307" s="52" t="s">
        <v>79</v>
      </c>
      <c r="C3307" s="3">
        <v>10</v>
      </c>
      <c r="D3307" s="52" t="s">
        <v>83</v>
      </c>
      <c r="E3307" s="52" t="s">
        <v>26</v>
      </c>
      <c r="F3307" s="52" t="s">
        <v>81</v>
      </c>
      <c r="G3307" s="52" t="s">
        <v>82</v>
      </c>
      <c r="H3307" s="4">
        <v>1</v>
      </c>
      <c r="I3307" s="2">
        <v>14.65</v>
      </c>
      <c r="J3307" s="52" t="s">
        <v>7811</v>
      </c>
      <c r="K3307" s="71" t="s">
        <v>8170</v>
      </c>
      <c r="L3307" s="52" t="s">
        <v>2063</v>
      </c>
      <c r="M3307" s="72">
        <v>4916</v>
      </c>
      <c r="N3307" s="52" t="s">
        <v>2158</v>
      </c>
      <c r="O3307" s="52" t="s">
        <v>2159</v>
      </c>
      <c r="P3307" s="52"/>
      <c r="Q3307" s="52"/>
      <c r="R3307" s="52"/>
      <c r="S3307" s="52"/>
      <c r="T3307" s="52"/>
      <c r="U3307" s="52"/>
      <c r="V3307" s="52"/>
      <c r="W3307" s="52"/>
    </row>
    <row r="3308" spans="1:23" hidden="1" x14ac:dyDescent="0.35">
      <c r="A3308" s="52" t="s">
        <v>78</v>
      </c>
      <c r="B3308" s="52" t="s">
        <v>79</v>
      </c>
      <c r="C3308" s="3">
        <v>10</v>
      </c>
      <c r="D3308" s="52" t="s">
        <v>80</v>
      </c>
      <c r="E3308" s="52" t="s">
        <v>26</v>
      </c>
      <c r="F3308" s="52" t="s">
        <v>81</v>
      </c>
      <c r="G3308" s="52" t="s">
        <v>82</v>
      </c>
      <c r="H3308" s="4">
        <v>1</v>
      </c>
      <c r="I3308" s="2">
        <v>14.65</v>
      </c>
      <c r="J3308" s="52" t="s">
        <v>7593</v>
      </c>
      <c r="K3308" s="71" t="s">
        <v>8171</v>
      </c>
      <c r="L3308" s="52" t="s">
        <v>2063</v>
      </c>
      <c r="M3308" s="72">
        <v>9668</v>
      </c>
      <c r="N3308" s="52" t="s">
        <v>2072</v>
      </c>
      <c r="O3308" s="52" t="s">
        <v>2073</v>
      </c>
      <c r="P3308" s="52"/>
      <c r="Q3308" s="52"/>
      <c r="R3308" s="52"/>
      <c r="S3308" s="52"/>
      <c r="T3308" s="52"/>
      <c r="U3308" s="52"/>
      <c r="V3308" s="52"/>
      <c r="W3308" s="52"/>
    </row>
    <row r="3309" spans="1:23" hidden="1" x14ac:dyDescent="0.35">
      <c r="A3309" s="52" t="s">
        <v>78</v>
      </c>
      <c r="B3309" s="52" t="s">
        <v>79</v>
      </c>
      <c r="C3309" s="3">
        <v>20</v>
      </c>
      <c r="D3309" s="52" t="s">
        <v>2021</v>
      </c>
      <c r="E3309" s="52" t="s">
        <v>26</v>
      </c>
      <c r="F3309" s="52" t="s">
        <v>81</v>
      </c>
      <c r="G3309" s="52" t="s">
        <v>82</v>
      </c>
      <c r="H3309" s="4">
        <v>1</v>
      </c>
      <c r="I3309" s="2">
        <v>14.65</v>
      </c>
      <c r="J3309" s="52" t="s">
        <v>8172</v>
      </c>
      <c r="K3309" s="71" t="s">
        <v>8173</v>
      </c>
      <c r="L3309" s="52" t="s">
        <v>2063</v>
      </c>
      <c r="M3309" s="72">
        <v>996</v>
      </c>
      <c r="N3309" s="52" t="s">
        <v>2066</v>
      </c>
      <c r="O3309" s="52" t="s">
        <v>2067</v>
      </c>
      <c r="P3309" s="52"/>
      <c r="Q3309" s="52"/>
      <c r="R3309" s="52"/>
      <c r="S3309" s="52"/>
      <c r="T3309" s="52"/>
      <c r="U3309" s="52"/>
      <c r="V3309" s="52"/>
      <c r="W3309" s="52"/>
    </row>
    <row r="3310" spans="1:23" hidden="1" x14ac:dyDescent="0.35">
      <c r="A3310" s="52" t="s">
        <v>78</v>
      </c>
      <c r="B3310" s="52" t="s">
        <v>79</v>
      </c>
      <c r="C3310" s="3">
        <v>20</v>
      </c>
      <c r="D3310" s="52" t="s">
        <v>2024</v>
      </c>
      <c r="E3310" s="52" t="s">
        <v>26</v>
      </c>
      <c r="F3310" s="52" t="s">
        <v>81</v>
      </c>
      <c r="G3310" s="52" t="s">
        <v>82</v>
      </c>
      <c r="H3310" s="4">
        <v>1</v>
      </c>
      <c r="I3310" s="2">
        <v>14.65</v>
      </c>
      <c r="J3310" s="52" t="s">
        <v>7800</v>
      </c>
      <c r="K3310" s="71" t="s">
        <v>8174</v>
      </c>
      <c r="L3310" s="52" t="s">
        <v>2063</v>
      </c>
      <c r="M3310" s="72">
        <v>8833</v>
      </c>
      <c r="N3310" s="52" t="s">
        <v>2072</v>
      </c>
      <c r="O3310" s="52" t="s">
        <v>2073</v>
      </c>
      <c r="P3310" s="52"/>
      <c r="Q3310" s="52"/>
      <c r="R3310" s="52"/>
      <c r="S3310" s="52"/>
      <c r="T3310" s="52"/>
      <c r="U3310" s="52"/>
      <c r="V3310" s="52"/>
      <c r="W3310" s="52"/>
    </row>
    <row r="3311" spans="1:23" hidden="1" x14ac:dyDescent="0.35">
      <c r="A3311" s="52" t="s">
        <v>78</v>
      </c>
      <c r="B3311" s="52" t="s">
        <v>79</v>
      </c>
      <c r="C3311" s="3">
        <v>20</v>
      </c>
      <c r="D3311" s="52" t="s">
        <v>2023</v>
      </c>
      <c r="E3311" s="52" t="s">
        <v>26</v>
      </c>
      <c r="F3311" s="52" t="s">
        <v>81</v>
      </c>
      <c r="G3311" s="52" t="s">
        <v>82</v>
      </c>
      <c r="H3311" s="4">
        <v>1</v>
      </c>
      <c r="I3311" s="2">
        <v>14.65</v>
      </c>
      <c r="J3311" s="52" t="s">
        <v>8175</v>
      </c>
      <c r="K3311" s="71" t="s">
        <v>8176</v>
      </c>
      <c r="L3311" s="52" t="s">
        <v>2063</v>
      </c>
      <c r="M3311" s="72">
        <v>1113</v>
      </c>
      <c r="N3311" s="52" t="s">
        <v>2066</v>
      </c>
      <c r="O3311" s="52" t="s">
        <v>2067</v>
      </c>
      <c r="P3311" s="52"/>
      <c r="Q3311" s="52"/>
      <c r="R3311" s="52"/>
      <c r="S3311" s="52"/>
      <c r="T3311" s="52"/>
      <c r="U3311" s="52"/>
      <c r="V3311" s="52"/>
      <c r="W3311" s="52"/>
    </row>
    <row r="3312" spans="1:23" hidden="1" x14ac:dyDescent="0.35">
      <c r="A3312" s="52" t="s">
        <v>78</v>
      </c>
      <c r="B3312" s="52" t="s">
        <v>79</v>
      </c>
      <c r="C3312" s="3">
        <v>20</v>
      </c>
      <c r="D3312" s="52" t="s">
        <v>2024</v>
      </c>
      <c r="E3312" s="52" t="s">
        <v>26</v>
      </c>
      <c r="F3312" s="52" t="s">
        <v>81</v>
      </c>
      <c r="G3312" s="52" t="s">
        <v>82</v>
      </c>
      <c r="H3312" s="4">
        <v>1</v>
      </c>
      <c r="I3312" s="2">
        <v>14.65</v>
      </c>
      <c r="J3312" s="52" t="s">
        <v>6904</v>
      </c>
      <c r="K3312" s="71" t="s">
        <v>8177</v>
      </c>
      <c r="L3312" s="52" t="s">
        <v>2063</v>
      </c>
      <c r="M3312" s="72">
        <v>7886</v>
      </c>
      <c r="N3312" s="52"/>
      <c r="O3312" s="52"/>
      <c r="P3312" s="52"/>
      <c r="Q3312" s="52"/>
      <c r="R3312" s="52"/>
      <c r="S3312" s="52"/>
      <c r="T3312" s="52"/>
      <c r="U3312" s="52"/>
      <c r="V3312" s="52"/>
      <c r="W3312" s="52"/>
    </row>
    <row r="3313" spans="1:23" hidden="1" x14ac:dyDescent="0.35">
      <c r="A3313" s="52" t="s">
        <v>78</v>
      </c>
      <c r="B3313" s="52" t="s">
        <v>79</v>
      </c>
      <c r="C3313" s="3">
        <v>10</v>
      </c>
      <c r="D3313" s="52" t="s">
        <v>2022</v>
      </c>
      <c r="E3313" s="52" t="s">
        <v>26</v>
      </c>
      <c r="F3313" s="52" t="s">
        <v>81</v>
      </c>
      <c r="G3313" s="52" t="s">
        <v>82</v>
      </c>
      <c r="H3313" s="4">
        <v>1</v>
      </c>
      <c r="I3313" s="2">
        <v>14.65</v>
      </c>
      <c r="J3313" s="52" t="s">
        <v>7461</v>
      </c>
      <c r="K3313" s="71" t="s">
        <v>8178</v>
      </c>
      <c r="L3313" s="52" t="s">
        <v>2063</v>
      </c>
      <c r="M3313" s="72">
        <v>6243</v>
      </c>
      <c r="N3313" s="52" t="s">
        <v>2158</v>
      </c>
      <c r="O3313" s="52" t="s">
        <v>2159</v>
      </c>
      <c r="P3313" s="52"/>
      <c r="Q3313" s="52"/>
      <c r="R3313" s="52"/>
      <c r="S3313" s="52"/>
      <c r="T3313" s="52"/>
      <c r="U3313" s="52"/>
      <c r="V3313" s="52"/>
      <c r="W3313" s="52"/>
    </row>
    <row r="3314" spans="1:23" hidden="1" x14ac:dyDescent="0.35">
      <c r="A3314" s="52" t="s">
        <v>78</v>
      </c>
      <c r="B3314" s="52" t="s">
        <v>79</v>
      </c>
      <c r="C3314" s="3">
        <v>20</v>
      </c>
      <c r="D3314" s="52" t="s">
        <v>2024</v>
      </c>
      <c r="E3314" s="52" t="s">
        <v>26</v>
      </c>
      <c r="F3314" s="52" t="s">
        <v>81</v>
      </c>
      <c r="G3314" s="52" t="s">
        <v>82</v>
      </c>
      <c r="H3314" s="4">
        <v>1</v>
      </c>
      <c r="I3314" s="2">
        <v>14.65</v>
      </c>
      <c r="J3314" s="52" t="s">
        <v>8179</v>
      </c>
      <c r="K3314" s="71" t="s">
        <v>8180</v>
      </c>
      <c r="L3314" s="52" t="s">
        <v>2063</v>
      </c>
      <c r="M3314" s="72">
        <v>1724</v>
      </c>
      <c r="N3314" s="52"/>
      <c r="O3314" s="52"/>
      <c r="P3314" s="52"/>
      <c r="Q3314" s="52"/>
      <c r="R3314" s="52"/>
      <c r="S3314" s="52"/>
      <c r="T3314" s="52"/>
      <c r="U3314" s="52"/>
      <c r="V3314" s="52"/>
      <c r="W3314" s="52"/>
    </row>
    <row r="3315" spans="1:23" hidden="1" x14ac:dyDescent="0.35">
      <c r="A3315" s="52" t="s">
        <v>78</v>
      </c>
      <c r="B3315" s="52" t="s">
        <v>79</v>
      </c>
      <c r="C3315" s="3">
        <v>10</v>
      </c>
      <c r="D3315" s="52" t="s">
        <v>87</v>
      </c>
      <c r="E3315" s="52" t="s">
        <v>26</v>
      </c>
      <c r="F3315" s="52" t="s">
        <v>81</v>
      </c>
      <c r="G3315" s="52" t="s">
        <v>82</v>
      </c>
      <c r="H3315" s="4">
        <v>1</v>
      </c>
      <c r="I3315" s="2">
        <v>14.65</v>
      </c>
      <c r="J3315" s="52" t="s">
        <v>8181</v>
      </c>
      <c r="K3315" s="71" t="s">
        <v>8182</v>
      </c>
      <c r="L3315" s="52" t="s">
        <v>2063</v>
      </c>
      <c r="M3315" s="72">
        <v>477</v>
      </c>
      <c r="N3315" s="52" t="s">
        <v>2066</v>
      </c>
      <c r="O3315" s="52" t="s">
        <v>2067</v>
      </c>
      <c r="P3315" s="52"/>
      <c r="Q3315" s="52"/>
      <c r="R3315" s="52"/>
      <c r="S3315" s="52"/>
      <c r="T3315" s="52"/>
      <c r="U3315" s="52"/>
      <c r="V3315" s="52"/>
      <c r="W3315" s="52"/>
    </row>
    <row r="3316" spans="1:23" hidden="1" x14ac:dyDescent="0.35">
      <c r="A3316" s="52" t="s">
        <v>78</v>
      </c>
      <c r="B3316" s="52" t="s">
        <v>79</v>
      </c>
      <c r="C3316" s="3">
        <v>10</v>
      </c>
      <c r="D3316" s="52" t="s">
        <v>2019</v>
      </c>
      <c r="E3316" s="52" t="s">
        <v>26</v>
      </c>
      <c r="F3316" s="52" t="s">
        <v>81</v>
      </c>
      <c r="G3316" s="52" t="s">
        <v>82</v>
      </c>
      <c r="H3316" s="4">
        <v>1</v>
      </c>
      <c r="I3316" s="2">
        <v>14.65</v>
      </c>
      <c r="J3316" s="52" t="s">
        <v>8183</v>
      </c>
      <c r="K3316" s="71" t="s">
        <v>8184</v>
      </c>
      <c r="L3316" s="52" t="s">
        <v>2063</v>
      </c>
      <c r="M3316" s="72">
        <v>3251</v>
      </c>
      <c r="N3316" s="52"/>
      <c r="O3316" s="52"/>
      <c r="P3316" s="52"/>
      <c r="Q3316" s="52"/>
      <c r="R3316" s="52"/>
      <c r="S3316" s="52"/>
      <c r="T3316" s="52"/>
      <c r="U3316" s="52"/>
      <c r="V3316" s="52"/>
      <c r="W3316" s="52"/>
    </row>
    <row r="3317" spans="1:23" hidden="1" x14ac:dyDescent="0.35">
      <c r="A3317" s="52" t="s">
        <v>78</v>
      </c>
      <c r="B3317" s="52" t="s">
        <v>79</v>
      </c>
      <c r="C3317" s="3">
        <v>20</v>
      </c>
      <c r="D3317" s="52" t="s">
        <v>87</v>
      </c>
      <c r="E3317" s="52" t="s">
        <v>26</v>
      </c>
      <c r="F3317" s="52" t="s">
        <v>81</v>
      </c>
      <c r="G3317" s="52" t="s">
        <v>82</v>
      </c>
      <c r="H3317" s="4">
        <v>1</v>
      </c>
      <c r="I3317" s="2">
        <v>14.65</v>
      </c>
      <c r="J3317" s="52" t="s">
        <v>8185</v>
      </c>
      <c r="K3317" s="71" t="s">
        <v>8186</v>
      </c>
      <c r="L3317" s="52" t="s">
        <v>2063</v>
      </c>
      <c r="M3317" s="72">
        <v>5332</v>
      </c>
      <c r="N3317" s="52" t="s">
        <v>2072</v>
      </c>
      <c r="O3317" s="52" t="s">
        <v>2073</v>
      </c>
      <c r="P3317" s="52"/>
      <c r="Q3317" s="52"/>
      <c r="R3317" s="52"/>
      <c r="S3317" s="52"/>
      <c r="T3317" s="52"/>
      <c r="U3317" s="52"/>
      <c r="V3317" s="52"/>
      <c r="W3317" s="52"/>
    </row>
    <row r="3318" spans="1:23" hidden="1" x14ac:dyDescent="0.35">
      <c r="A3318" s="52" t="s">
        <v>78</v>
      </c>
      <c r="B3318" s="52" t="s">
        <v>79</v>
      </c>
      <c r="C3318" s="3">
        <v>20</v>
      </c>
      <c r="D3318" s="52" t="s">
        <v>2022</v>
      </c>
      <c r="E3318" s="52" t="s">
        <v>26</v>
      </c>
      <c r="F3318" s="52" t="s">
        <v>81</v>
      </c>
      <c r="G3318" s="52" t="s">
        <v>82</v>
      </c>
      <c r="H3318" s="4">
        <v>1</v>
      </c>
      <c r="I3318" s="2">
        <v>14.65</v>
      </c>
      <c r="J3318" s="52" t="s">
        <v>7828</v>
      </c>
      <c r="K3318" s="71" t="s">
        <v>8187</v>
      </c>
      <c r="L3318" s="52" t="s">
        <v>2063</v>
      </c>
      <c r="M3318" s="72">
        <v>1636</v>
      </c>
      <c r="N3318" s="52" t="s">
        <v>2072</v>
      </c>
      <c r="O3318" s="52" t="s">
        <v>2073</v>
      </c>
      <c r="P3318" s="52"/>
      <c r="Q3318" s="52"/>
      <c r="R3318" s="52"/>
      <c r="S3318" s="52"/>
      <c r="T3318" s="52"/>
      <c r="U3318" s="52"/>
      <c r="V3318" s="52"/>
      <c r="W3318" s="52"/>
    </row>
    <row r="3319" spans="1:23" hidden="1" x14ac:dyDescent="0.35">
      <c r="A3319" s="52" t="s">
        <v>78</v>
      </c>
      <c r="B3319" s="52" t="s">
        <v>79</v>
      </c>
      <c r="C3319" s="3">
        <v>10</v>
      </c>
      <c r="D3319" s="52" t="s">
        <v>87</v>
      </c>
      <c r="E3319" s="52" t="s">
        <v>26</v>
      </c>
      <c r="F3319" s="52" t="s">
        <v>81</v>
      </c>
      <c r="G3319" s="52" t="s">
        <v>82</v>
      </c>
      <c r="H3319" s="4">
        <v>1</v>
      </c>
      <c r="I3319" s="2">
        <v>14.65</v>
      </c>
      <c r="J3319" s="52" t="s">
        <v>8188</v>
      </c>
      <c r="K3319" s="71" t="s">
        <v>8189</v>
      </c>
      <c r="L3319" s="52" t="s">
        <v>2063</v>
      </c>
      <c r="M3319" s="72">
        <v>7000</v>
      </c>
      <c r="N3319" s="52" t="s">
        <v>2072</v>
      </c>
      <c r="O3319" s="52" t="s">
        <v>2073</v>
      </c>
      <c r="P3319" s="52"/>
      <c r="Q3319" s="52"/>
      <c r="R3319" s="52"/>
      <c r="S3319" s="52"/>
      <c r="T3319" s="52"/>
      <c r="U3319" s="52"/>
      <c r="V3319" s="52"/>
      <c r="W3319" s="52"/>
    </row>
    <row r="3320" spans="1:23" hidden="1" x14ac:dyDescent="0.35">
      <c r="A3320" s="52" t="s">
        <v>78</v>
      </c>
      <c r="B3320" s="52" t="s">
        <v>79</v>
      </c>
      <c r="C3320" s="3">
        <v>20</v>
      </c>
      <c r="D3320" s="52" t="s">
        <v>86</v>
      </c>
      <c r="E3320" s="52" t="s">
        <v>26</v>
      </c>
      <c r="F3320" s="52" t="s">
        <v>81</v>
      </c>
      <c r="G3320" s="52" t="s">
        <v>82</v>
      </c>
      <c r="H3320" s="4">
        <v>1</v>
      </c>
      <c r="I3320" s="2">
        <v>14.65</v>
      </c>
      <c r="J3320" s="52" t="s">
        <v>8190</v>
      </c>
      <c r="K3320" s="71" t="s">
        <v>8191</v>
      </c>
      <c r="L3320" s="52" t="s">
        <v>2063</v>
      </c>
      <c r="M3320" s="72">
        <v>3993</v>
      </c>
      <c r="N3320" s="52" t="s">
        <v>2072</v>
      </c>
      <c r="O3320" s="52" t="s">
        <v>2073</v>
      </c>
      <c r="P3320" s="52"/>
      <c r="Q3320" s="52"/>
      <c r="R3320" s="52"/>
      <c r="S3320" s="52"/>
      <c r="T3320" s="52"/>
      <c r="U3320" s="52"/>
      <c r="V3320" s="52"/>
      <c r="W3320" s="52"/>
    </row>
    <row r="3321" spans="1:23" hidden="1" x14ac:dyDescent="0.35">
      <c r="A3321" s="52" t="s">
        <v>78</v>
      </c>
      <c r="B3321" s="52" t="s">
        <v>79</v>
      </c>
      <c r="C3321" s="3">
        <v>20</v>
      </c>
      <c r="D3321" s="52" t="s">
        <v>86</v>
      </c>
      <c r="E3321" s="52" t="s">
        <v>26</v>
      </c>
      <c r="F3321" s="52" t="s">
        <v>81</v>
      </c>
      <c r="G3321" s="52" t="s">
        <v>82</v>
      </c>
      <c r="H3321" s="4">
        <v>1</v>
      </c>
      <c r="I3321" s="2">
        <v>14.65</v>
      </c>
      <c r="J3321" s="52" t="s">
        <v>8192</v>
      </c>
      <c r="K3321" s="71" t="s">
        <v>8193</v>
      </c>
      <c r="L3321" s="52" t="s">
        <v>2063</v>
      </c>
      <c r="M3321" s="72">
        <v>7818</v>
      </c>
      <c r="N3321" s="52" t="s">
        <v>2072</v>
      </c>
      <c r="O3321" s="52" t="s">
        <v>2073</v>
      </c>
      <c r="P3321" s="52"/>
      <c r="Q3321" s="52"/>
      <c r="R3321" s="52"/>
      <c r="S3321" s="52"/>
      <c r="T3321" s="52"/>
      <c r="U3321" s="52"/>
      <c r="V3321" s="52"/>
      <c r="W3321" s="52"/>
    </row>
    <row r="3322" spans="1:23" hidden="1" x14ac:dyDescent="0.35">
      <c r="A3322" s="52" t="s">
        <v>78</v>
      </c>
      <c r="B3322" s="52" t="s">
        <v>79</v>
      </c>
      <c r="C3322" s="3">
        <v>211</v>
      </c>
      <c r="D3322" s="52" t="s">
        <v>2020</v>
      </c>
      <c r="E3322" s="52" t="s">
        <v>26</v>
      </c>
      <c r="F3322" s="52" t="s">
        <v>81</v>
      </c>
      <c r="G3322" s="52" t="s">
        <v>82</v>
      </c>
      <c r="H3322" s="4">
        <v>1</v>
      </c>
      <c r="I3322" s="2">
        <v>14.65</v>
      </c>
      <c r="J3322" s="52" t="s">
        <v>8194</v>
      </c>
      <c r="K3322" s="71" t="s">
        <v>8195</v>
      </c>
      <c r="L3322" s="52" t="s">
        <v>2063</v>
      </c>
      <c r="M3322" s="72">
        <v>1551</v>
      </c>
      <c r="N3322" s="52" t="s">
        <v>2066</v>
      </c>
      <c r="O3322" s="52" t="s">
        <v>2067</v>
      </c>
      <c r="P3322" s="52"/>
      <c r="Q3322" s="52"/>
      <c r="R3322" s="52"/>
      <c r="S3322" s="52"/>
      <c r="T3322" s="52"/>
      <c r="U3322" s="52"/>
      <c r="V3322" s="52"/>
      <c r="W3322" s="52"/>
    </row>
    <row r="3323" spans="1:23" hidden="1" x14ac:dyDescent="0.35">
      <c r="A3323" s="52" t="s">
        <v>78</v>
      </c>
      <c r="B3323" s="52" t="s">
        <v>79</v>
      </c>
      <c r="C3323" s="3">
        <v>20</v>
      </c>
      <c r="D3323" s="52" t="s">
        <v>2023</v>
      </c>
      <c r="E3323" s="52" t="s">
        <v>26</v>
      </c>
      <c r="F3323" s="52" t="s">
        <v>81</v>
      </c>
      <c r="G3323" s="52" t="s">
        <v>82</v>
      </c>
      <c r="H3323" s="4">
        <v>1</v>
      </c>
      <c r="I3323" s="2">
        <v>14.65</v>
      </c>
      <c r="J3323" s="52" t="s">
        <v>8196</v>
      </c>
      <c r="K3323" s="71" t="s">
        <v>8197</v>
      </c>
      <c r="L3323" s="52" t="s">
        <v>2063</v>
      </c>
      <c r="M3323" s="72">
        <v>63</v>
      </c>
      <c r="N3323" s="52" t="s">
        <v>2304</v>
      </c>
      <c r="O3323" s="52" t="s">
        <v>2305</v>
      </c>
      <c r="P3323" s="52"/>
      <c r="Q3323" s="52"/>
      <c r="R3323" s="52"/>
      <c r="S3323" s="52"/>
      <c r="T3323" s="52"/>
      <c r="U3323" s="52"/>
      <c r="V3323" s="52"/>
      <c r="W3323" s="52"/>
    </row>
    <row r="3324" spans="1:23" hidden="1" x14ac:dyDescent="0.35">
      <c r="A3324" s="52" t="s">
        <v>78</v>
      </c>
      <c r="B3324" s="52" t="s">
        <v>79</v>
      </c>
      <c r="C3324" s="3">
        <v>20</v>
      </c>
      <c r="D3324" s="52" t="s">
        <v>2022</v>
      </c>
      <c r="E3324" s="52" t="s">
        <v>26</v>
      </c>
      <c r="F3324" s="52" t="s">
        <v>81</v>
      </c>
      <c r="G3324" s="52" t="s">
        <v>82</v>
      </c>
      <c r="H3324" s="4">
        <v>1</v>
      </c>
      <c r="I3324" s="2">
        <v>14.65</v>
      </c>
      <c r="J3324" s="52" t="s">
        <v>8198</v>
      </c>
      <c r="K3324" s="71" t="s">
        <v>8199</v>
      </c>
      <c r="L3324" s="52" t="s">
        <v>2063</v>
      </c>
      <c r="M3324" s="72">
        <v>1976</v>
      </c>
      <c r="N3324" s="52" t="s">
        <v>2072</v>
      </c>
      <c r="O3324" s="52" t="s">
        <v>2073</v>
      </c>
      <c r="P3324" s="52"/>
      <c r="Q3324" s="52"/>
      <c r="R3324" s="52"/>
      <c r="S3324" s="52"/>
      <c r="T3324" s="52"/>
      <c r="U3324" s="52"/>
      <c r="V3324" s="52"/>
      <c r="W3324" s="52"/>
    </row>
    <row r="3325" spans="1:23" hidden="1" x14ac:dyDescent="0.35">
      <c r="A3325" s="52" t="s">
        <v>78</v>
      </c>
      <c r="B3325" s="52" t="s">
        <v>79</v>
      </c>
      <c r="C3325" s="3">
        <v>20</v>
      </c>
      <c r="D3325" s="52" t="s">
        <v>2019</v>
      </c>
      <c r="E3325" s="52" t="s">
        <v>26</v>
      </c>
      <c r="F3325" s="52" t="s">
        <v>81</v>
      </c>
      <c r="G3325" s="52" t="s">
        <v>82</v>
      </c>
      <c r="H3325" s="4">
        <v>1</v>
      </c>
      <c r="I3325" s="2">
        <v>14.65</v>
      </c>
      <c r="J3325" s="52" t="s">
        <v>8200</v>
      </c>
      <c r="K3325" s="71" t="s">
        <v>8201</v>
      </c>
      <c r="L3325" s="52" t="s">
        <v>2063</v>
      </c>
      <c r="M3325" s="72">
        <v>5390</v>
      </c>
      <c r="N3325" s="52" t="s">
        <v>2072</v>
      </c>
      <c r="O3325" s="52" t="s">
        <v>2073</v>
      </c>
      <c r="P3325" s="52"/>
      <c r="Q3325" s="52"/>
      <c r="R3325" s="52"/>
      <c r="S3325" s="52"/>
      <c r="T3325" s="52"/>
      <c r="U3325" s="52"/>
      <c r="V3325" s="52"/>
      <c r="W3325" s="52"/>
    </row>
    <row r="3326" spans="1:23" hidden="1" x14ac:dyDescent="0.35">
      <c r="A3326" s="52" t="s">
        <v>78</v>
      </c>
      <c r="B3326" s="52" t="s">
        <v>79</v>
      </c>
      <c r="C3326" s="3">
        <v>10</v>
      </c>
      <c r="D3326" s="52" t="s">
        <v>2024</v>
      </c>
      <c r="E3326" s="52" t="s">
        <v>26</v>
      </c>
      <c r="F3326" s="52" t="s">
        <v>81</v>
      </c>
      <c r="G3326" s="52" t="s">
        <v>82</v>
      </c>
      <c r="H3326" s="4">
        <v>1</v>
      </c>
      <c r="I3326" s="2">
        <v>14.65</v>
      </c>
      <c r="J3326" s="52" t="s">
        <v>8202</v>
      </c>
      <c r="K3326" s="71" t="s">
        <v>8203</v>
      </c>
      <c r="L3326" s="52" t="s">
        <v>2063</v>
      </c>
      <c r="M3326" s="72">
        <v>888</v>
      </c>
      <c r="N3326" s="52" t="s">
        <v>2154</v>
      </c>
      <c r="O3326" s="52" t="s">
        <v>2155</v>
      </c>
      <c r="P3326" s="52"/>
      <c r="Q3326" s="52"/>
      <c r="R3326" s="52"/>
      <c r="S3326" s="52"/>
      <c r="T3326" s="52"/>
      <c r="U3326" s="52"/>
      <c r="V3326" s="52"/>
      <c r="W3326" s="52"/>
    </row>
    <row r="3327" spans="1:23" hidden="1" x14ac:dyDescent="0.35">
      <c r="A3327" s="52" t="s">
        <v>78</v>
      </c>
      <c r="B3327" s="52" t="s">
        <v>79</v>
      </c>
      <c r="C3327" s="3">
        <v>20</v>
      </c>
      <c r="D3327" s="52" t="s">
        <v>2022</v>
      </c>
      <c r="E3327" s="52" t="s">
        <v>26</v>
      </c>
      <c r="F3327" s="52" t="s">
        <v>81</v>
      </c>
      <c r="G3327" s="52" t="s">
        <v>82</v>
      </c>
      <c r="H3327" s="4">
        <v>1</v>
      </c>
      <c r="I3327" s="2">
        <v>14.65</v>
      </c>
      <c r="J3327" s="52" t="s">
        <v>6053</v>
      </c>
      <c r="K3327" s="71" t="s">
        <v>8204</v>
      </c>
      <c r="L3327" s="52" t="s">
        <v>2063</v>
      </c>
      <c r="M3327" s="72">
        <v>1499</v>
      </c>
      <c r="N3327" s="52" t="s">
        <v>2072</v>
      </c>
      <c r="O3327" s="52" t="s">
        <v>2073</v>
      </c>
      <c r="P3327" s="52"/>
      <c r="Q3327" s="52"/>
      <c r="R3327" s="52"/>
      <c r="S3327" s="52"/>
      <c r="T3327" s="52"/>
      <c r="U3327" s="52"/>
      <c r="V3327" s="52"/>
      <c r="W3327" s="52"/>
    </row>
    <row r="3328" spans="1:23" hidden="1" x14ac:dyDescent="0.35">
      <c r="A3328" s="52" t="s">
        <v>78</v>
      </c>
      <c r="B3328" s="52" t="s">
        <v>79</v>
      </c>
      <c r="C3328" s="3">
        <v>20</v>
      </c>
      <c r="D3328" s="52" t="s">
        <v>83</v>
      </c>
      <c r="E3328" s="52" t="s">
        <v>26</v>
      </c>
      <c r="F3328" s="52" t="s">
        <v>81</v>
      </c>
      <c r="G3328" s="52" t="s">
        <v>82</v>
      </c>
      <c r="H3328" s="4">
        <v>1</v>
      </c>
      <c r="I3328" s="2">
        <v>14.65</v>
      </c>
      <c r="J3328" s="52" t="s">
        <v>8205</v>
      </c>
      <c r="K3328" s="71" t="s">
        <v>8206</v>
      </c>
      <c r="L3328" s="52" t="s">
        <v>2063</v>
      </c>
      <c r="M3328" s="72">
        <v>5279</v>
      </c>
      <c r="N3328" s="52" t="s">
        <v>2072</v>
      </c>
      <c r="O3328" s="52" t="s">
        <v>2073</v>
      </c>
      <c r="P3328" s="52"/>
      <c r="Q3328" s="52"/>
      <c r="R3328" s="52"/>
      <c r="S3328" s="52"/>
      <c r="T3328" s="52"/>
      <c r="U3328" s="52"/>
      <c r="V3328" s="52"/>
      <c r="W3328" s="52"/>
    </row>
    <row r="3329" spans="1:23" hidden="1" x14ac:dyDescent="0.35">
      <c r="A3329" s="52" t="s">
        <v>78</v>
      </c>
      <c r="B3329" s="52" t="s">
        <v>79</v>
      </c>
      <c r="C3329" s="3">
        <v>20</v>
      </c>
      <c r="D3329" s="52" t="s">
        <v>2019</v>
      </c>
      <c r="E3329" s="52" t="s">
        <v>26</v>
      </c>
      <c r="F3329" s="52" t="s">
        <v>81</v>
      </c>
      <c r="G3329" s="52" t="s">
        <v>82</v>
      </c>
      <c r="H3329" s="4">
        <v>1</v>
      </c>
      <c r="I3329" s="2">
        <v>14.65</v>
      </c>
      <c r="J3329" s="52" t="s">
        <v>7181</v>
      </c>
      <c r="K3329" s="71" t="s">
        <v>8207</v>
      </c>
      <c r="L3329" s="52" t="s">
        <v>2063</v>
      </c>
      <c r="M3329" s="72">
        <v>6763</v>
      </c>
      <c r="N3329" s="52"/>
      <c r="O3329" s="52"/>
      <c r="P3329" s="52"/>
      <c r="Q3329" s="52"/>
      <c r="R3329" s="52"/>
      <c r="S3329" s="52"/>
      <c r="T3329" s="52"/>
      <c r="U3329" s="52"/>
      <c r="V3329" s="52"/>
      <c r="W3329" s="52"/>
    </row>
    <row r="3330" spans="1:23" hidden="1" x14ac:dyDescent="0.35">
      <c r="A3330" s="52" t="s">
        <v>78</v>
      </c>
      <c r="B3330" s="52" t="s">
        <v>79</v>
      </c>
      <c r="C3330" s="3">
        <v>10</v>
      </c>
      <c r="D3330" s="52" t="s">
        <v>84</v>
      </c>
      <c r="E3330" s="52" t="s">
        <v>26</v>
      </c>
      <c r="F3330" s="52" t="s">
        <v>81</v>
      </c>
      <c r="G3330" s="52" t="s">
        <v>82</v>
      </c>
      <c r="H3330" s="4">
        <v>1</v>
      </c>
      <c r="I3330" s="2">
        <v>14.65</v>
      </c>
      <c r="J3330" s="52" t="s">
        <v>8208</v>
      </c>
      <c r="K3330" s="71" t="s">
        <v>8209</v>
      </c>
      <c r="L3330" s="52" t="s">
        <v>2063</v>
      </c>
      <c r="M3330" s="72">
        <v>6747</v>
      </c>
      <c r="N3330" s="52" t="s">
        <v>2066</v>
      </c>
      <c r="O3330" s="52" t="s">
        <v>2067</v>
      </c>
      <c r="P3330" s="52"/>
      <c r="Q3330" s="52"/>
      <c r="R3330" s="52"/>
      <c r="S3330" s="52"/>
      <c r="T3330" s="52"/>
      <c r="U3330" s="52"/>
      <c r="V3330" s="52"/>
      <c r="W3330" s="52"/>
    </row>
    <row r="3331" spans="1:23" hidden="1" x14ac:dyDescent="0.35">
      <c r="A3331" s="52" t="s">
        <v>78</v>
      </c>
      <c r="B3331" s="52" t="s">
        <v>79</v>
      </c>
      <c r="C3331" s="3">
        <v>10</v>
      </c>
      <c r="D3331" s="52" t="s">
        <v>2022</v>
      </c>
      <c r="E3331" s="52" t="s">
        <v>26</v>
      </c>
      <c r="F3331" s="52" t="s">
        <v>81</v>
      </c>
      <c r="G3331" s="52" t="s">
        <v>82</v>
      </c>
      <c r="H3331" s="4">
        <v>1</v>
      </c>
      <c r="I3331" s="2">
        <v>14.65</v>
      </c>
      <c r="J3331" s="52" t="s">
        <v>8210</v>
      </c>
      <c r="K3331" s="71" t="s">
        <v>8211</v>
      </c>
      <c r="L3331" s="52" t="s">
        <v>2063</v>
      </c>
      <c r="M3331" s="72">
        <v>4849</v>
      </c>
      <c r="N3331" s="52"/>
      <c r="O3331" s="52"/>
      <c r="P3331" s="52"/>
      <c r="Q3331" s="52"/>
      <c r="R3331" s="52"/>
      <c r="S3331" s="52"/>
      <c r="T3331" s="52"/>
      <c r="U3331" s="52"/>
      <c r="V3331" s="52"/>
      <c r="W3331" s="52"/>
    </row>
    <row r="3332" spans="1:23" hidden="1" x14ac:dyDescent="0.35">
      <c r="A3332" s="52" t="s">
        <v>78</v>
      </c>
      <c r="B3332" s="52" t="s">
        <v>79</v>
      </c>
      <c r="C3332" s="3">
        <v>10</v>
      </c>
      <c r="D3332" s="52" t="s">
        <v>2022</v>
      </c>
      <c r="E3332" s="52" t="s">
        <v>26</v>
      </c>
      <c r="F3332" s="52" t="s">
        <v>81</v>
      </c>
      <c r="G3332" s="52" t="s">
        <v>82</v>
      </c>
      <c r="H3332" s="4">
        <v>1</v>
      </c>
      <c r="I3332" s="2">
        <v>14.65</v>
      </c>
      <c r="J3332" s="52" t="s">
        <v>8212</v>
      </c>
      <c r="K3332" s="71" t="s">
        <v>8213</v>
      </c>
      <c r="L3332" s="52" t="s">
        <v>2063</v>
      </c>
      <c r="M3332" s="72">
        <v>7285</v>
      </c>
      <c r="N3332" s="52" t="s">
        <v>2072</v>
      </c>
      <c r="O3332" s="52" t="s">
        <v>2073</v>
      </c>
      <c r="P3332" s="52"/>
      <c r="Q3332" s="52"/>
      <c r="R3332" s="52"/>
      <c r="S3332" s="52"/>
      <c r="T3332" s="52"/>
      <c r="U3332" s="52"/>
      <c r="V3332" s="52"/>
      <c r="W3332" s="52"/>
    </row>
    <row r="3333" spans="1:23" hidden="1" x14ac:dyDescent="0.35">
      <c r="A3333" s="52" t="s">
        <v>78</v>
      </c>
      <c r="B3333" s="52" t="s">
        <v>79</v>
      </c>
      <c r="C3333" s="3">
        <v>10</v>
      </c>
      <c r="D3333" s="52" t="s">
        <v>2019</v>
      </c>
      <c r="E3333" s="52" t="s">
        <v>26</v>
      </c>
      <c r="F3333" s="52" t="s">
        <v>81</v>
      </c>
      <c r="G3333" s="52" t="s">
        <v>82</v>
      </c>
      <c r="H3333" s="4">
        <v>1</v>
      </c>
      <c r="I3333" s="2">
        <v>14.65</v>
      </c>
      <c r="J3333" s="52" t="s">
        <v>8214</v>
      </c>
      <c r="K3333" s="71" t="s">
        <v>8215</v>
      </c>
      <c r="L3333" s="52" t="s">
        <v>2063</v>
      </c>
      <c r="M3333" s="72">
        <v>2559</v>
      </c>
      <c r="N3333" s="52" t="s">
        <v>2072</v>
      </c>
      <c r="O3333" s="52" t="s">
        <v>2073</v>
      </c>
      <c r="P3333" s="52"/>
      <c r="Q3333" s="52"/>
      <c r="R3333" s="52"/>
      <c r="S3333" s="52"/>
      <c r="T3333" s="52"/>
      <c r="U3333" s="52"/>
      <c r="V3333" s="52"/>
      <c r="W3333" s="52"/>
    </row>
    <row r="3334" spans="1:23" hidden="1" x14ac:dyDescent="0.35">
      <c r="A3334" s="52" t="s">
        <v>78</v>
      </c>
      <c r="B3334" s="52" t="s">
        <v>79</v>
      </c>
      <c r="C3334" s="3">
        <v>20</v>
      </c>
      <c r="D3334" s="52" t="s">
        <v>2022</v>
      </c>
      <c r="E3334" s="52" t="s">
        <v>26</v>
      </c>
      <c r="F3334" s="52" t="s">
        <v>81</v>
      </c>
      <c r="G3334" s="52" t="s">
        <v>82</v>
      </c>
      <c r="H3334" s="4">
        <v>1</v>
      </c>
      <c r="I3334" s="2">
        <v>14.65</v>
      </c>
      <c r="J3334" s="52" t="s">
        <v>8216</v>
      </c>
      <c r="K3334" s="71" t="s">
        <v>8217</v>
      </c>
      <c r="L3334" s="52" t="s">
        <v>2063</v>
      </c>
      <c r="M3334" s="72">
        <v>7513</v>
      </c>
      <c r="N3334" s="52" t="s">
        <v>2072</v>
      </c>
      <c r="O3334" s="52" t="s">
        <v>2073</v>
      </c>
      <c r="P3334" s="52"/>
      <c r="Q3334" s="52"/>
      <c r="R3334" s="52"/>
      <c r="S3334" s="52"/>
      <c r="T3334" s="52"/>
      <c r="U3334" s="52"/>
      <c r="V3334" s="52"/>
      <c r="W3334" s="52"/>
    </row>
    <row r="3335" spans="1:23" hidden="1" x14ac:dyDescent="0.35">
      <c r="A3335" s="52" t="s">
        <v>78</v>
      </c>
      <c r="B3335" s="52" t="s">
        <v>79</v>
      </c>
      <c r="C3335" s="3">
        <v>20</v>
      </c>
      <c r="D3335" s="52" t="s">
        <v>85</v>
      </c>
      <c r="E3335" s="52" t="s">
        <v>26</v>
      </c>
      <c r="F3335" s="52" t="s">
        <v>81</v>
      </c>
      <c r="G3335" s="52" t="s">
        <v>82</v>
      </c>
      <c r="H3335" s="4">
        <v>1</v>
      </c>
      <c r="I3335" s="2">
        <v>14.65</v>
      </c>
      <c r="J3335" s="52" t="s">
        <v>8218</v>
      </c>
      <c r="K3335" s="71" t="s">
        <v>8219</v>
      </c>
      <c r="L3335" s="52" t="s">
        <v>2063</v>
      </c>
      <c r="M3335" s="72">
        <v>8904</v>
      </c>
      <c r="N3335" s="52" t="s">
        <v>2066</v>
      </c>
      <c r="O3335" s="52" t="s">
        <v>2067</v>
      </c>
      <c r="P3335" s="52"/>
      <c r="Q3335" s="52"/>
      <c r="R3335" s="52"/>
      <c r="S3335" s="52"/>
      <c r="T3335" s="52"/>
      <c r="U3335" s="52"/>
      <c r="V3335" s="52"/>
      <c r="W3335" s="52"/>
    </row>
    <row r="3336" spans="1:23" hidden="1" x14ac:dyDescent="0.35">
      <c r="A3336" s="52" t="s">
        <v>78</v>
      </c>
      <c r="B3336" s="52" t="s">
        <v>79</v>
      </c>
      <c r="C3336" s="3">
        <v>211</v>
      </c>
      <c r="D3336" s="52" t="s">
        <v>80</v>
      </c>
      <c r="E3336" s="52" t="s">
        <v>26</v>
      </c>
      <c r="F3336" s="52" t="s">
        <v>81</v>
      </c>
      <c r="G3336" s="52" t="s">
        <v>82</v>
      </c>
      <c r="H3336" s="4">
        <v>1</v>
      </c>
      <c r="I3336" s="2">
        <v>14.65</v>
      </c>
      <c r="J3336" s="52" t="s">
        <v>8220</v>
      </c>
      <c r="K3336" s="71" t="s">
        <v>8221</v>
      </c>
      <c r="L3336" s="52" t="s">
        <v>2063</v>
      </c>
      <c r="M3336" s="72">
        <v>6788</v>
      </c>
      <c r="N3336" s="52" t="s">
        <v>2072</v>
      </c>
      <c r="O3336" s="52" t="s">
        <v>2073</v>
      </c>
      <c r="P3336" s="52"/>
      <c r="Q3336" s="52"/>
      <c r="R3336" s="52"/>
      <c r="S3336" s="52"/>
      <c r="T3336" s="52"/>
      <c r="U3336" s="52"/>
      <c r="V3336" s="52"/>
      <c r="W3336" s="52"/>
    </row>
    <row r="3337" spans="1:23" hidden="1" x14ac:dyDescent="0.35">
      <c r="A3337" s="52" t="s">
        <v>78</v>
      </c>
      <c r="B3337" s="52" t="s">
        <v>79</v>
      </c>
      <c r="C3337" s="3">
        <v>20</v>
      </c>
      <c r="D3337" s="52" t="s">
        <v>2024</v>
      </c>
      <c r="E3337" s="52" t="s">
        <v>26</v>
      </c>
      <c r="F3337" s="52" t="s">
        <v>81</v>
      </c>
      <c r="G3337" s="52" t="s">
        <v>82</v>
      </c>
      <c r="H3337" s="4">
        <v>1</v>
      </c>
      <c r="I3337" s="2">
        <v>14.65</v>
      </c>
      <c r="J3337" s="52" t="s">
        <v>8222</v>
      </c>
      <c r="K3337" s="71" t="s">
        <v>8223</v>
      </c>
      <c r="L3337" s="52" t="s">
        <v>2063</v>
      </c>
      <c r="M3337" s="72">
        <v>7252</v>
      </c>
      <c r="N3337" s="52" t="s">
        <v>2066</v>
      </c>
      <c r="O3337" s="52" t="s">
        <v>2067</v>
      </c>
      <c r="P3337" s="52"/>
      <c r="Q3337" s="52"/>
      <c r="R3337" s="52"/>
      <c r="S3337" s="52"/>
      <c r="T3337" s="52"/>
      <c r="U3337" s="52"/>
      <c r="V3337" s="52"/>
      <c r="W3337" s="52"/>
    </row>
    <row r="3338" spans="1:23" hidden="1" x14ac:dyDescent="0.35">
      <c r="A3338" s="52" t="s">
        <v>78</v>
      </c>
      <c r="B3338" s="52" t="s">
        <v>79</v>
      </c>
      <c r="C3338" s="3">
        <v>20</v>
      </c>
      <c r="D3338" s="52" t="s">
        <v>2021</v>
      </c>
      <c r="E3338" s="52" t="s">
        <v>26</v>
      </c>
      <c r="F3338" s="52" t="s">
        <v>81</v>
      </c>
      <c r="G3338" s="52" t="s">
        <v>82</v>
      </c>
      <c r="H3338" s="4">
        <v>1</v>
      </c>
      <c r="I3338" s="2">
        <v>14.65</v>
      </c>
      <c r="J3338" s="52" t="s">
        <v>8224</v>
      </c>
      <c r="K3338" s="71" t="s">
        <v>8225</v>
      </c>
      <c r="L3338" s="52" t="s">
        <v>2063</v>
      </c>
      <c r="M3338" s="72">
        <v>6763</v>
      </c>
      <c r="N3338" s="52" t="s">
        <v>2072</v>
      </c>
      <c r="O3338" s="52" t="s">
        <v>2073</v>
      </c>
      <c r="P3338" s="52"/>
      <c r="Q3338" s="52"/>
      <c r="R3338" s="52"/>
      <c r="S3338" s="52"/>
      <c r="T3338" s="52"/>
      <c r="U3338" s="52"/>
      <c r="V3338" s="52"/>
      <c r="W3338" s="52"/>
    </row>
    <row r="3339" spans="1:23" x14ac:dyDescent="0.35">
      <c r="A3339" s="52" t="s">
        <v>78</v>
      </c>
      <c r="B3339" s="52" t="s">
        <v>79</v>
      </c>
      <c r="C3339" s="3">
        <v>20</v>
      </c>
      <c r="D3339" s="52" t="s">
        <v>85</v>
      </c>
      <c r="E3339" s="52" t="s">
        <v>26</v>
      </c>
      <c r="F3339" s="52" t="s">
        <v>81</v>
      </c>
      <c r="G3339" s="52" t="s">
        <v>82</v>
      </c>
      <c r="H3339" s="4">
        <v>1</v>
      </c>
      <c r="I3339" s="2">
        <v>14.65</v>
      </c>
      <c r="J3339" s="52" t="s">
        <v>7363</v>
      </c>
      <c r="K3339" s="71" t="s">
        <v>8226</v>
      </c>
      <c r="L3339" s="52" t="s">
        <v>2063</v>
      </c>
      <c r="M3339" s="72">
        <v>1212</v>
      </c>
      <c r="N3339" s="52" t="s">
        <v>2259</v>
      </c>
      <c r="O3339" s="52" t="s">
        <v>2260</v>
      </c>
      <c r="P3339" s="52"/>
      <c r="Q3339" s="52"/>
      <c r="R3339" s="52"/>
      <c r="S3339" s="52"/>
      <c r="T3339" s="52"/>
      <c r="U3339" s="52"/>
      <c r="V3339" s="52"/>
      <c r="W3339" s="52"/>
    </row>
    <row r="3340" spans="1:23" hidden="1" x14ac:dyDescent="0.35">
      <c r="A3340" s="52" t="s">
        <v>78</v>
      </c>
      <c r="B3340" s="52" t="s">
        <v>79</v>
      </c>
      <c r="C3340" s="3">
        <v>20</v>
      </c>
      <c r="D3340" s="52" t="s">
        <v>84</v>
      </c>
      <c r="E3340" s="52" t="s">
        <v>26</v>
      </c>
      <c r="F3340" s="52" t="s">
        <v>81</v>
      </c>
      <c r="G3340" s="52" t="s">
        <v>82</v>
      </c>
      <c r="H3340" s="4">
        <v>1</v>
      </c>
      <c r="I3340" s="2">
        <v>14.65</v>
      </c>
      <c r="J3340" s="52" t="s">
        <v>8227</v>
      </c>
      <c r="K3340" s="71" t="s">
        <v>8228</v>
      </c>
      <c r="L3340" s="52" t="s">
        <v>2063</v>
      </c>
      <c r="M3340" s="72">
        <v>7786</v>
      </c>
      <c r="N3340" s="52" t="s">
        <v>2066</v>
      </c>
      <c r="O3340" s="52" t="s">
        <v>2067</v>
      </c>
      <c r="P3340" s="52"/>
      <c r="Q3340" s="52"/>
      <c r="R3340" s="52"/>
      <c r="S3340" s="52"/>
      <c r="T3340" s="52"/>
      <c r="U3340" s="52"/>
      <c r="V3340" s="52"/>
      <c r="W3340" s="52"/>
    </row>
    <row r="3341" spans="1:23" hidden="1" x14ac:dyDescent="0.35">
      <c r="A3341" s="52" t="s">
        <v>78</v>
      </c>
      <c r="B3341" s="52" t="s">
        <v>79</v>
      </c>
      <c r="C3341" s="3">
        <v>20</v>
      </c>
      <c r="D3341" s="52" t="s">
        <v>80</v>
      </c>
      <c r="E3341" s="52" t="s">
        <v>26</v>
      </c>
      <c r="F3341" s="52" t="s">
        <v>81</v>
      </c>
      <c r="G3341" s="52" t="s">
        <v>82</v>
      </c>
      <c r="H3341" s="4">
        <v>1</v>
      </c>
      <c r="I3341" s="2">
        <v>14.65</v>
      </c>
      <c r="J3341" s="52" t="s">
        <v>8229</v>
      </c>
      <c r="K3341" s="71" t="s">
        <v>8230</v>
      </c>
      <c r="L3341" s="52" t="s">
        <v>2063</v>
      </c>
      <c r="M3341" s="72">
        <v>8165</v>
      </c>
      <c r="N3341" s="52"/>
      <c r="O3341" s="52"/>
      <c r="P3341" s="52"/>
      <c r="Q3341" s="52"/>
      <c r="R3341" s="52"/>
      <c r="S3341" s="52"/>
      <c r="T3341" s="52"/>
      <c r="U3341" s="52"/>
      <c r="V3341" s="52"/>
      <c r="W3341" s="52"/>
    </row>
    <row r="3342" spans="1:23" hidden="1" x14ac:dyDescent="0.35">
      <c r="A3342" s="52" t="s">
        <v>78</v>
      </c>
      <c r="B3342" s="52" t="s">
        <v>79</v>
      </c>
      <c r="C3342" s="3">
        <v>10</v>
      </c>
      <c r="D3342" s="52" t="s">
        <v>2024</v>
      </c>
      <c r="E3342" s="52" t="s">
        <v>26</v>
      </c>
      <c r="F3342" s="52" t="s">
        <v>81</v>
      </c>
      <c r="G3342" s="52" t="s">
        <v>82</v>
      </c>
      <c r="H3342" s="4">
        <v>1</v>
      </c>
      <c r="I3342" s="2">
        <v>14.65</v>
      </c>
      <c r="J3342" s="52" t="s">
        <v>8231</v>
      </c>
      <c r="K3342" s="71" t="s">
        <v>8232</v>
      </c>
      <c r="L3342" s="52" t="s">
        <v>2063</v>
      </c>
      <c r="M3342" s="72">
        <v>5758</v>
      </c>
      <c r="N3342" s="52"/>
      <c r="O3342" s="52"/>
      <c r="P3342" s="52"/>
      <c r="Q3342" s="52"/>
      <c r="R3342" s="52"/>
      <c r="S3342" s="52"/>
      <c r="T3342" s="52"/>
      <c r="U3342" s="52"/>
      <c r="V3342" s="52"/>
      <c r="W3342" s="52"/>
    </row>
    <row r="3343" spans="1:23" x14ac:dyDescent="0.35">
      <c r="A3343" s="52" t="s">
        <v>78</v>
      </c>
      <c r="B3343" s="52" t="s">
        <v>79</v>
      </c>
      <c r="C3343" s="3">
        <v>20</v>
      </c>
      <c r="D3343" s="52" t="s">
        <v>2020</v>
      </c>
      <c r="E3343" s="52" t="s">
        <v>26</v>
      </c>
      <c r="F3343" s="52" t="s">
        <v>81</v>
      </c>
      <c r="G3343" s="52" t="s">
        <v>82</v>
      </c>
      <c r="H3343" s="4">
        <v>1</v>
      </c>
      <c r="I3343" s="2">
        <v>14.65</v>
      </c>
      <c r="J3343" s="52" t="s">
        <v>8233</v>
      </c>
      <c r="K3343" s="71" t="s">
        <v>8234</v>
      </c>
      <c r="L3343" s="52" t="s">
        <v>2063</v>
      </c>
      <c r="M3343" s="72">
        <v>1222</v>
      </c>
      <c r="N3343" s="52" t="s">
        <v>2076</v>
      </c>
      <c r="O3343" s="52" t="s">
        <v>2077</v>
      </c>
      <c r="P3343" s="52"/>
      <c r="Q3343" s="52"/>
      <c r="R3343" s="52"/>
      <c r="S3343" s="52"/>
      <c r="T3343" s="52"/>
      <c r="U3343" s="52"/>
      <c r="V3343" s="52"/>
      <c r="W3343" s="52"/>
    </row>
    <row r="3344" spans="1:23" hidden="1" x14ac:dyDescent="0.35">
      <c r="A3344" s="52" t="s">
        <v>78</v>
      </c>
      <c r="B3344" s="52" t="s">
        <v>79</v>
      </c>
      <c r="C3344" s="3">
        <v>10</v>
      </c>
      <c r="D3344" s="52" t="s">
        <v>83</v>
      </c>
      <c r="E3344" s="52" t="s">
        <v>26</v>
      </c>
      <c r="F3344" s="52" t="s">
        <v>81</v>
      </c>
      <c r="G3344" s="52" t="s">
        <v>82</v>
      </c>
      <c r="H3344" s="4">
        <v>1</v>
      </c>
      <c r="I3344" s="2">
        <v>14.65</v>
      </c>
      <c r="J3344" s="52" t="s">
        <v>8235</v>
      </c>
      <c r="K3344" s="71" t="s">
        <v>8236</v>
      </c>
      <c r="L3344" s="52" t="s">
        <v>2063</v>
      </c>
      <c r="M3344" s="72">
        <v>1563</v>
      </c>
      <c r="N3344" s="52" t="s">
        <v>2066</v>
      </c>
      <c r="O3344" s="52" t="s">
        <v>2067</v>
      </c>
      <c r="P3344" s="52"/>
      <c r="Q3344" s="52"/>
      <c r="R3344" s="52"/>
      <c r="S3344" s="52"/>
      <c r="T3344" s="52"/>
      <c r="U3344" s="52"/>
      <c r="V3344" s="52"/>
      <c r="W3344" s="52"/>
    </row>
    <row r="3345" spans="1:23" x14ac:dyDescent="0.35">
      <c r="A3345" s="52" t="s">
        <v>78</v>
      </c>
      <c r="B3345" s="52" t="s">
        <v>79</v>
      </c>
      <c r="C3345" s="3">
        <v>20</v>
      </c>
      <c r="D3345" s="52" t="s">
        <v>2023</v>
      </c>
      <c r="E3345" s="52" t="s">
        <v>26</v>
      </c>
      <c r="F3345" s="52" t="s">
        <v>81</v>
      </c>
      <c r="G3345" s="52" t="s">
        <v>82</v>
      </c>
      <c r="H3345" s="4">
        <v>1</v>
      </c>
      <c r="I3345" s="2">
        <v>14.65</v>
      </c>
      <c r="J3345" s="52" t="s">
        <v>8237</v>
      </c>
      <c r="K3345" s="71" t="s">
        <v>8238</v>
      </c>
      <c r="L3345" s="52" t="s">
        <v>2063</v>
      </c>
      <c r="M3345" s="72">
        <v>8273</v>
      </c>
      <c r="N3345" s="52" t="s">
        <v>2259</v>
      </c>
      <c r="O3345" s="52" t="s">
        <v>2260</v>
      </c>
      <c r="P3345" s="52"/>
      <c r="Q3345" s="52"/>
      <c r="R3345" s="52"/>
      <c r="S3345" s="52"/>
      <c r="T3345" s="52"/>
      <c r="U3345" s="52"/>
      <c r="V3345" s="52"/>
      <c r="W3345" s="52"/>
    </row>
    <row r="3346" spans="1:23" hidden="1" x14ac:dyDescent="0.35">
      <c r="A3346" s="52" t="s">
        <v>78</v>
      </c>
      <c r="B3346" s="52" t="s">
        <v>79</v>
      </c>
      <c r="C3346" s="3">
        <v>10</v>
      </c>
      <c r="D3346" s="52" t="s">
        <v>2023</v>
      </c>
      <c r="E3346" s="52" t="s">
        <v>26</v>
      </c>
      <c r="F3346" s="52" t="s">
        <v>81</v>
      </c>
      <c r="G3346" s="52" t="s">
        <v>82</v>
      </c>
      <c r="H3346" s="4">
        <v>1</v>
      </c>
      <c r="I3346" s="2">
        <v>14.65</v>
      </c>
      <c r="J3346" s="52" t="s">
        <v>8239</v>
      </c>
      <c r="K3346" s="71" t="s">
        <v>8240</v>
      </c>
      <c r="L3346" s="52" t="s">
        <v>2063</v>
      </c>
      <c r="M3346" s="72">
        <v>5071</v>
      </c>
      <c r="N3346" s="52" t="s">
        <v>2072</v>
      </c>
      <c r="O3346" s="52" t="s">
        <v>2073</v>
      </c>
      <c r="P3346" s="52"/>
      <c r="Q3346" s="52"/>
      <c r="R3346" s="52"/>
      <c r="S3346" s="52"/>
      <c r="T3346" s="52"/>
      <c r="U3346" s="52"/>
      <c r="V3346" s="52"/>
      <c r="W3346" s="52"/>
    </row>
    <row r="3347" spans="1:23" hidden="1" x14ac:dyDescent="0.35">
      <c r="A3347" s="52" t="s">
        <v>78</v>
      </c>
      <c r="B3347" s="52" t="s">
        <v>79</v>
      </c>
      <c r="C3347" s="3">
        <v>10</v>
      </c>
      <c r="D3347" s="52" t="s">
        <v>2022</v>
      </c>
      <c r="E3347" s="52" t="s">
        <v>26</v>
      </c>
      <c r="F3347" s="52" t="s">
        <v>81</v>
      </c>
      <c r="G3347" s="52" t="s">
        <v>82</v>
      </c>
      <c r="H3347" s="4">
        <v>1</v>
      </c>
      <c r="I3347" s="2">
        <v>14.65</v>
      </c>
      <c r="J3347" s="52" t="s">
        <v>8241</v>
      </c>
      <c r="K3347" s="71" t="s">
        <v>8242</v>
      </c>
      <c r="L3347" s="52" t="s">
        <v>2063</v>
      </c>
      <c r="M3347" s="72">
        <v>3071</v>
      </c>
      <c r="N3347" s="52" t="s">
        <v>2072</v>
      </c>
      <c r="O3347" s="52" t="s">
        <v>2073</v>
      </c>
      <c r="P3347" s="52"/>
      <c r="Q3347" s="52"/>
      <c r="R3347" s="52"/>
      <c r="S3347" s="52"/>
      <c r="T3347" s="52"/>
      <c r="U3347" s="52"/>
      <c r="V3347" s="52"/>
      <c r="W3347" s="52"/>
    </row>
    <row r="3348" spans="1:23" hidden="1" x14ac:dyDescent="0.35">
      <c r="A3348" s="52" t="s">
        <v>78</v>
      </c>
      <c r="B3348" s="52" t="s">
        <v>79</v>
      </c>
      <c r="C3348" s="3">
        <v>20</v>
      </c>
      <c r="D3348" s="52" t="s">
        <v>2020</v>
      </c>
      <c r="E3348" s="52" t="s">
        <v>26</v>
      </c>
      <c r="F3348" s="52" t="s">
        <v>81</v>
      </c>
      <c r="G3348" s="52" t="s">
        <v>82</v>
      </c>
      <c r="H3348" s="4">
        <v>1</v>
      </c>
      <c r="I3348" s="2">
        <v>14.65</v>
      </c>
      <c r="J3348" s="52" t="s">
        <v>8243</v>
      </c>
      <c r="K3348" s="71" t="s">
        <v>8244</v>
      </c>
      <c r="L3348" s="52" t="s">
        <v>2063</v>
      </c>
      <c r="M3348" s="72">
        <v>453</v>
      </c>
      <c r="N3348" s="52" t="s">
        <v>2072</v>
      </c>
      <c r="O3348" s="52" t="s">
        <v>2073</v>
      </c>
      <c r="P3348" s="52" t="s">
        <v>2072</v>
      </c>
      <c r="Q3348" s="52" t="s">
        <v>2073</v>
      </c>
      <c r="R3348" s="52"/>
      <c r="S3348" s="52"/>
      <c r="T3348" s="52"/>
      <c r="U3348" s="52"/>
      <c r="V3348" s="52"/>
      <c r="W3348" s="52"/>
    </row>
    <row r="3349" spans="1:23" x14ac:dyDescent="0.35">
      <c r="A3349" s="52" t="s">
        <v>78</v>
      </c>
      <c r="B3349" s="52" t="s">
        <v>79</v>
      </c>
      <c r="C3349" s="3">
        <v>10</v>
      </c>
      <c r="D3349" s="52" t="s">
        <v>83</v>
      </c>
      <c r="E3349" s="52" t="s">
        <v>26</v>
      </c>
      <c r="F3349" s="52" t="s">
        <v>81</v>
      </c>
      <c r="G3349" s="52" t="s">
        <v>82</v>
      </c>
      <c r="H3349" s="4">
        <v>1</v>
      </c>
      <c r="I3349" s="2">
        <v>14.65</v>
      </c>
      <c r="J3349" s="52" t="s">
        <v>8245</v>
      </c>
      <c r="K3349" s="71" t="s">
        <v>8246</v>
      </c>
      <c r="L3349" s="52" t="s">
        <v>2063</v>
      </c>
      <c r="M3349" s="72">
        <v>9662</v>
      </c>
      <c r="N3349" s="52" t="s">
        <v>2076</v>
      </c>
      <c r="O3349" s="52" t="s">
        <v>2077</v>
      </c>
      <c r="P3349" s="52"/>
      <c r="Q3349" s="52"/>
      <c r="R3349" s="52"/>
      <c r="S3349" s="52"/>
      <c r="T3349" s="52"/>
      <c r="U3349" s="52"/>
      <c r="V3349" s="52"/>
      <c r="W3349" s="52"/>
    </row>
    <row r="3350" spans="1:23" hidden="1" x14ac:dyDescent="0.35">
      <c r="A3350" s="52" t="s">
        <v>78</v>
      </c>
      <c r="B3350" s="52" t="s">
        <v>79</v>
      </c>
      <c r="C3350" s="3">
        <v>20</v>
      </c>
      <c r="D3350" s="52" t="s">
        <v>83</v>
      </c>
      <c r="E3350" s="52" t="s">
        <v>26</v>
      </c>
      <c r="F3350" s="52" t="s">
        <v>81</v>
      </c>
      <c r="G3350" s="52" t="s">
        <v>82</v>
      </c>
      <c r="H3350" s="4">
        <v>1</v>
      </c>
      <c r="I3350" s="2">
        <v>14.65</v>
      </c>
      <c r="J3350" s="52" t="s">
        <v>8247</v>
      </c>
      <c r="K3350" s="71" t="s">
        <v>8248</v>
      </c>
      <c r="L3350" s="52" t="s">
        <v>2063</v>
      </c>
      <c r="M3350" s="72">
        <v>8337</v>
      </c>
      <c r="N3350" s="52" t="s">
        <v>2072</v>
      </c>
      <c r="O3350" s="52" t="s">
        <v>2073</v>
      </c>
      <c r="P3350" s="52"/>
      <c r="Q3350" s="52"/>
      <c r="R3350" s="52"/>
      <c r="S3350" s="52"/>
      <c r="T3350" s="52"/>
      <c r="U3350" s="52"/>
      <c r="V3350" s="52"/>
      <c r="W3350" s="52"/>
    </row>
    <row r="3351" spans="1:23" hidden="1" x14ac:dyDescent="0.35">
      <c r="A3351" s="52" t="s">
        <v>78</v>
      </c>
      <c r="B3351" s="52" t="s">
        <v>79</v>
      </c>
      <c r="C3351" s="3">
        <v>10</v>
      </c>
      <c r="D3351" s="52" t="s">
        <v>2023</v>
      </c>
      <c r="E3351" s="52" t="s">
        <v>26</v>
      </c>
      <c r="F3351" s="52" t="s">
        <v>81</v>
      </c>
      <c r="G3351" s="52" t="s">
        <v>82</v>
      </c>
      <c r="H3351" s="4">
        <v>1</v>
      </c>
      <c r="I3351" s="2">
        <v>14.65</v>
      </c>
      <c r="J3351" s="52" t="s">
        <v>8249</v>
      </c>
      <c r="K3351" s="71" t="s">
        <v>8250</v>
      </c>
      <c r="L3351" s="52" t="s">
        <v>2095</v>
      </c>
      <c r="M3351" s="72">
        <v>1504</v>
      </c>
      <c r="N3351" s="52"/>
      <c r="O3351" s="52"/>
      <c r="P3351" s="52"/>
      <c r="Q3351" s="52"/>
      <c r="R3351" s="52"/>
      <c r="S3351" s="52"/>
      <c r="T3351" s="52"/>
      <c r="U3351" s="52"/>
      <c r="V3351" s="52"/>
      <c r="W3351" s="52"/>
    </row>
    <row r="3352" spans="1:23" hidden="1" x14ac:dyDescent="0.35">
      <c r="A3352" s="52" t="s">
        <v>78</v>
      </c>
      <c r="B3352" s="52" t="s">
        <v>79</v>
      </c>
      <c r="C3352" s="3">
        <v>20</v>
      </c>
      <c r="D3352" s="52" t="s">
        <v>2021</v>
      </c>
      <c r="E3352" s="52" t="s">
        <v>26</v>
      </c>
      <c r="F3352" s="52" t="s">
        <v>81</v>
      </c>
      <c r="G3352" s="52" t="s">
        <v>82</v>
      </c>
      <c r="H3352" s="4">
        <v>1</v>
      </c>
      <c r="I3352" s="2">
        <v>14.65</v>
      </c>
      <c r="J3352" s="52" t="s">
        <v>8251</v>
      </c>
      <c r="K3352" s="71" t="s">
        <v>8252</v>
      </c>
      <c r="L3352" s="52" t="s">
        <v>2095</v>
      </c>
      <c r="M3352" s="72">
        <v>2936</v>
      </c>
      <c r="N3352" s="52"/>
      <c r="O3352" s="52"/>
      <c r="P3352" s="52"/>
      <c r="Q3352" s="52"/>
      <c r="R3352" s="52"/>
      <c r="S3352" s="52"/>
      <c r="T3352" s="52"/>
      <c r="U3352" s="52"/>
      <c r="V3352" s="52"/>
      <c r="W3352" s="52"/>
    </row>
    <row r="3353" spans="1:23" hidden="1" x14ac:dyDescent="0.35">
      <c r="A3353" s="52" t="s">
        <v>78</v>
      </c>
      <c r="B3353" s="52" t="s">
        <v>79</v>
      </c>
      <c r="C3353" s="3">
        <v>20</v>
      </c>
      <c r="D3353" s="52" t="s">
        <v>87</v>
      </c>
      <c r="E3353" s="52" t="s">
        <v>26</v>
      </c>
      <c r="F3353" s="52" t="s">
        <v>81</v>
      </c>
      <c r="G3353" s="52" t="s">
        <v>82</v>
      </c>
      <c r="H3353" s="4">
        <v>1</v>
      </c>
      <c r="I3353" s="2">
        <v>14.65</v>
      </c>
      <c r="J3353" s="52" t="s">
        <v>8253</v>
      </c>
      <c r="K3353" s="71" t="s">
        <v>8254</v>
      </c>
      <c r="L3353" s="52" t="s">
        <v>2063</v>
      </c>
      <c r="M3353" s="72">
        <v>1879</v>
      </c>
      <c r="N3353" s="52" t="s">
        <v>2072</v>
      </c>
      <c r="O3353" s="52" t="s">
        <v>2073</v>
      </c>
      <c r="P3353" s="52"/>
      <c r="Q3353" s="52"/>
      <c r="R3353" s="52"/>
      <c r="S3353" s="52"/>
      <c r="T3353" s="52"/>
      <c r="U3353" s="52"/>
      <c r="V3353" s="52"/>
      <c r="W3353" s="52"/>
    </row>
    <row r="3354" spans="1:23" hidden="1" x14ac:dyDescent="0.35">
      <c r="A3354" s="52" t="s">
        <v>78</v>
      </c>
      <c r="B3354" s="52" t="s">
        <v>79</v>
      </c>
      <c r="C3354" s="3">
        <v>20</v>
      </c>
      <c r="D3354" s="52" t="s">
        <v>2021</v>
      </c>
      <c r="E3354" s="52" t="s">
        <v>26</v>
      </c>
      <c r="F3354" s="52" t="s">
        <v>81</v>
      </c>
      <c r="G3354" s="52" t="s">
        <v>82</v>
      </c>
      <c r="H3354" s="4">
        <v>1</v>
      </c>
      <c r="I3354" s="2">
        <v>14.65</v>
      </c>
      <c r="J3354" s="52" t="s">
        <v>8255</v>
      </c>
      <c r="K3354" s="71" t="s">
        <v>8256</v>
      </c>
      <c r="L3354" s="52" t="s">
        <v>2063</v>
      </c>
      <c r="M3354" s="72">
        <v>5456</v>
      </c>
      <c r="N3354" s="52" t="s">
        <v>2072</v>
      </c>
      <c r="O3354" s="52" t="s">
        <v>2073</v>
      </c>
      <c r="P3354" s="52"/>
      <c r="Q3354" s="52"/>
      <c r="R3354" s="52"/>
      <c r="S3354" s="52"/>
      <c r="T3354" s="52"/>
      <c r="U3354" s="52"/>
      <c r="V3354" s="52"/>
      <c r="W3354" s="52"/>
    </row>
    <row r="3355" spans="1:23" hidden="1" x14ac:dyDescent="0.35">
      <c r="A3355" s="52" t="s">
        <v>78</v>
      </c>
      <c r="B3355" s="52" t="s">
        <v>79</v>
      </c>
      <c r="C3355" s="3">
        <v>10</v>
      </c>
      <c r="D3355" s="52" t="s">
        <v>2019</v>
      </c>
      <c r="E3355" s="52" t="s">
        <v>26</v>
      </c>
      <c r="F3355" s="52" t="s">
        <v>81</v>
      </c>
      <c r="G3355" s="52" t="s">
        <v>82</v>
      </c>
      <c r="H3355" s="4">
        <v>1</v>
      </c>
      <c r="I3355" s="2">
        <v>14.65</v>
      </c>
      <c r="J3355" s="52" t="s">
        <v>8249</v>
      </c>
      <c r="K3355" s="71" t="s">
        <v>8257</v>
      </c>
      <c r="L3355" s="52" t="s">
        <v>2095</v>
      </c>
      <c r="M3355" s="72">
        <v>9186</v>
      </c>
      <c r="N3355" s="52"/>
      <c r="O3355" s="52"/>
      <c r="P3355" s="52"/>
      <c r="Q3355" s="52"/>
      <c r="R3355" s="52"/>
      <c r="S3355" s="52"/>
      <c r="T3355" s="52"/>
      <c r="U3355" s="52"/>
      <c r="V3355" s="52"/>
      <c r="W3355" s="52"/>
    </row>
    <row r="3356" spans="1:23" x14ac:dyDescent="0.35">
      <c r="A3356" s="52" t="s">
        <v>78</v>
      </c>
      <c r="B3356" s="52" t="s">
        <v>79</v>
      </c>
      <c r="C3356" s="3">
        <v>20</v>
      </c>
      <c r="D3356" s="52" t="s">
        <v>83</v>
      </c>
      <c r="E3356" s="52" t="s">
        <v>26</v>
      </c>
      <c r="F3356" s="52" t="s">
        <v>81</v>
      </c>
      <c r="G3356" s="52" t="s">
        <v>82</v>
      </c>
      <c r="H3356" s="4">
        <v>1</v>
      </c>
      <c r="I3356" s="2">
        <v>14.65</v>
      </c>
      <c r="J3356" s="52" t="s">
        <v>8258</v>
      </c>
      <c r="K3356" s="71" t="s">
        <v>8259</v>
      </c>
      <c r="L3356" s="52" t="s">
        <v>2095</v>
      </c>
      <c r="M3356" s="72">
        <v>5127</v>
      </c>
      <c r="N3356" s="52" t="s">
        <v>2259</v>
      </c>
      <c r="O3356" s="52" t="s">
        <v>2260</v>
      </c>
      <c r="P3356" s="52"/>
      <c r="Q3356" s="52"/>
      <c r="R3356" s="52"/>
      <c r="S3356" s="52"/>
      <c r="T3356" s="52"/>
      <c r="U3356" s="52"/>
      <c r="V3356" s="52"/>
      <c r="W3356" s="52"/>
    </row>
    <row r="3357" spans="1:23" hidden="1" x14ac:dyDescent="0.35">
      <c r="A3357" s="52" t="s">
        <v>78</v>
      </c>
      <c r="B3357" s="52" t="s">
        <v>79</v>
      </c>
      <c r="C3357" s="3">
        <v>10</v>
      </c>
      <c r="D3357" s="52" t="s">
        <v>2023</v>
      </c>
      <c r="E3357" s="52" t="s">
        <v>26</v>
      </c>
      <c r="F3357" s="52" t="s">
        <v>81</v>
      </c>
      <c r="G3357" s="52" t="s">
        <v>82</v>
      </c>
      <c r="H3357" s="4">
        <v>1</v>
      </c>
      <c r="I3357" s="2">
        <v>14.65</v>
      </c>
      <c r="J3357" s="52" t="s">
        <v>8260</v>
      </c>
      <c r="K3357" s="71" t="s">
        <v>8261</v>
      </c>
      <c r="L3357" s="52" t="s">
        <v>2063</v>
      </c>
      <c r="M3357" s="72">
        <v>8855</v>
      </c>
      <c r="N3357" s="52" t="s">
        <v>2072</v>
      </c>
      <c r="O3357" s="52" t="s">
        <v>2073</v>
      </c>
      <c r="P3357" s="52"/>
      <c r="Q3357" s="52"/>
      <c r="R3357" s="52"/>
      <c r="S3357" s="52"/>
      <c r="T3357" s="52"/>
      <c r="U3357" s="52"/>
      <c r="V3357" s="52"/>
      <c r="W3357" s="52"/>
    </row>
    <row r="3358" spans="1:23" hidden="1" x14ac:dyDescent="0.35">
      <c r="A3358" s="52" t="s">
        <v>78</v>
      </c>
      <c r="B3358" s="52" t="s">
        <v>79</v>
      </c>
      <c r="C3358" s="3">
        <v>20</v>
      </c>
      <c r="D3358" s="52" t="s">
        <v>2024</v>
      </c>
      <c r="E3358" s="52" t="s">
        <v>26</v>
      </c>
      <c r="F3358" s="52" t="s">
        <v>81</v>
      </c>
      <c r="G3358" s="52" t="s">
        <v>82</v>
      </c>
      <c r="H3358" s="4">
        <v>1</v>
      </c>
      <c r="I3358" s="2">
        <v>14.65</v>
      </c>
      <c r="J3358" s="52" t="s">
        <v>8262</v>
      </c>
      <c r="K3358" s="71" t="s">
        <v>8263</v>
      </c>
      <c r="L3358" s="52" t="s">
        <v>2063</v>
      </c>
      <c r="M3358" s="72">
        <v>836</v>
      </c>
      <c r="N3358" s="52" t="s">
        <v>2066</v>
      </c>
      <c r="O3358" s="52" t="s">
        <v>2067</v>
      </c>
      <c r="P3358" s="52"/>
      <c r="Q3358" s="52"/>
      <c r="R3358" s="52"/>
      <c r="S3358" s="52"/>
      <c r="T3358" s="52"/>
      <c r="U3358" s="52"/>
      <c r="V3358" s="52"/>
      <c r="W3358" s="52"/>
    </row>
    <row r="3359" spans="1:23" hidden="1" x14ac:dyDescent="0.35">
      <c r="A3359" s="52" t="s">
        <v>78</v>
      </c>
      <c r="B3359" s="52" t="s">
        <v>79</v>
      </c>
      <c r="C3359" s="3">
        <v>20</v>
      </c>
      <c r="D3359" s="52" t="s">
        <v>2024</v>
      </c>
      <c r="E3359" s="52" t="s">
        <v>26</v>
      </c>
      <c r="F3359" s="52" t="s">
        <v>81</v>
      </c>
      <c r="G3359" s="52" t="s">
        <v>82</v>
      </c>
      <c r="H3359" s="4">
        <v>1</v>
      </c>
      <c r="I3359" s="2">
        <v>14.65</v>
      </c>
      <c r="J3359" s="52" t="s">
        <v>8264</v>
      </c>
      <c r="K3359" s="71" t="s">
        <v>8265</v>
      </c>
      <c r="L3359" s="52" t="s">
        <v>2063</v>
      </c>
      <c r="M3359" s="72">
        <v>3962</v>
      </c>
      <c r="N3359" s="52" t="s">
        <v>2072</v>
      </c>
      <c r="O3359" s="52" t="s">
        <v>2073</v>
      </c>
      <c r="P3359" s="52"/>
      <c r="Q3359" s="52"/>
      <c r="R3359" s="52"/>
      <c r="S3359" s="52"/>
      <c r="T3359" s="52"/>
      <c r="U3359" s="52"/>
      <c r="V3359" s="52"/>
      <c r="W3359" s="52"/>
    </row>
    <row r="3360" spans="1:23" hidden="1" x14ac:dyDescent="0.35">
      <c r="A3360" s="52" t="s">
        <v>78</v>
      </c>
      <c r="B3360" s="52" t="s">
        <v>79</v>
      </c>
      <c r="C3360" s="3">
        <v>10</v>
      </c>
      <c r="D3360" s="52" t="s">
        <v>86</v>
      </c>
      <c r="E3360" s="52" t="s">
        <v>26</v>
      </c>
      <c r="F3360" s="52" t="s">
        <v>81</v>
      </c>
      <c r="G3360" s="52" t="s">
        <v>82</v>
      </c>
      <c r="H3360" s="4">
        <v>1</v>
      </c>
      <c r="I3360" s="2">
        <v>14.65</v>
      </c>
      <c r="J3360" s="52" t="s">
        <v>8266</v>
      </c>
      <c r="K3360" s="71" t="s">
        <v>8267</v>
      </c>
      <c r="L3360" s="52" t="s">
        <v>2063</v>
      </c>
      <c r="M3360" s="72">
        <v>5889</v>
      </c>
      <c r="N3360" s="52" t="s">
        <v>2072</v>
      </c>
      <c r="O3360" s="52" t="s">
        <v>2073</v>
      </c>
      <c r="P3360" s="52"/>
      <c r="Q3360" s="52"/>
      <c r="R3360" s="52"/>
      <c r="S3360" s="52"/>
      <c r="T3360" s="52"/>
      <c r="U3360" s="52"/>
      <c r="V3360" s="52"/>
      <c r="W3360" s="52"/>
    </row>
    <row r="3361" spans="1:23" hidden="1" x14ac:dyDescent="0.35">
      <c r="A3361" s="52" t="s">
        <v>78</v>
      </c>
      <c r="B3361" s="52" t="s">
        <v>79</v>
      </c>
      <c r="C3361" s="3">
        <v>10</v>
      </c>
      <c r="D3361" s="52" t="s">
        <v>87</v>
      </c>
      <c r="E3361" s="52" t="s">
        <v>26</v>
      </c>
      <c r="F3361" s="52" t="s">
        <v>81</v>
      </c>
      <c r="G3361" s="52" t="s">
        <v>82</v>
      </c>
      <c r="H3361" s="4">
        <v>1</v>
      </c>
      <c r="I3361" s="2">
        <v>14.65</v>
      </c>
      <c r="J3361" s="52" t="s">
        <v>8268</v>
      </c>
      <c r="K3361" s="71" t="s">
        <v>8269</v>
      </c>
      <c r="L3361" s="52" t="s">
        <v>2063</v>
      </c>
      <c r="M3361" s="72">
        <v>2900</v>
      </c>
      <c r="N3361" s="52" t="s">
        <v>2304</v>
      </c>
      <c r="O3361" s="52" t="s">
        <v>2305</v>
      </c>
      <c r="P3361" s="52"/>
      <c r="Q3361" s="52"/>
      <c r="R3361" s="52"/>
      <c r="S3361" s="52"/>
      <c r="T3361" s="52"/>
      <c r="U3361" s="52"/>
      <c r="V3361" s="52"/>
      <c r="W3361" s="52"/>
    </row>
    <row r="3362" spans="1:23" hidden="1" x14ac:dyDescent="0.35">
      <c r="A3362" s="52" t="s">
        <v>78</v>
      </c>
      <c r="B3362" s="52" t="s">
        <v>79</v>
      </c>
      <c r="C3362" s="3">
        <v>20</v>
      </c>
      <c r="D3362" s="52" t="s">
        <v>2022</v>
      </c>
      <c r="E3362" s="52" t="s">
        <v>26</v>
      </c>
      <c r="F3362" s="52" t="s">
        <v>81</v>
      </c>
      <c r="G3362" s="52" t="s">
        <v>82</v>
      </c>
      <c r="H3362" s="4">
        <v>1</v>
      </c>
      <c r="I3362" s="2">
        <v>14.65</v>
      </c>
      <c r="J3362" s="52" t="s">
        <v>8270</v>
      </c>
      <c r="K3362" s="71" t="s">
        <v>8271</v>
      </c>
      <c r="L3362" s="52" t="s">
        <v>2063</v>
      </c>
      <c r="M3362" s="72">
        <v>7762</v>
      </c>
      <c r="N3362" s="52" t="s">
        <v>2158</v>
      </c>
      <c r="O3362" s="52" t="s">
        <v>2159</v>
      </c>
      <c r="P3362" s="52"/>
      <c r="Q3362" s="52"/>
      <c r="R3362" s="52"/>
      <c r="S3362" s="52"/>
      <c r="T3362" s="52"/>
      <c r="U3362" s="52"/>
      <c r="V3362" s="52"/>
      <c r="W3362" s="52"/>
    </row>
    <row r="3363" spans="1:23" hidden="1" x14ac:dyDescent="0.35">
      <c r="A3363" s="52" t="s">
        <v>78</v>
      </c>
      <c r="B3363" s="52" t="s">
        <v>79</v>
      </c>
      <c r="C3363" s="3">
        <v>20</v>
      </c>
      <c r="D3363" s="52" t="s">
        <v>2020</v>
      </c>
      <c r="E3363" s="52" t="s">
        <v>26</v>
      </c>
      <c r="F3363" s="52" t="s">
        <v>81</v>
      </c>
      <c r="G3363" s="52" t="s">
        <v>82</v>
      </c>
      <c r="H3363" s="4">
        <v>1</v>
      </c>
      <c r="I3363" s="2">
        <v>14.65</v>
      </c>
      <c r="J3363" s="52" t="s">
        <v>8272</v>
      </c>
      <c r="K3363" s="71" t="s">
        <v>8273</v>
      </c>
      <c r="L3363" s="52" t="s">
        <v>2063</v>
      </c>
      <c r="M3363" s="72">
        <v>3894</v>
      </c>
      <c r="N3363" s="52"/>
      <c r="O3363" s="52"/>
      <c r="P3363" s="52"/>
      <c r="Q3363" s="52"/>
      <c r="R3363" s="52"/>
      <c r="S3363" s="52"/>
      <c r="T3363" s="52"/>
      <c r="U3363" s="52"/>
      <c r="V3363" s="52"/>
      <c r="W3363" s="52"/>
    </row>
    <row r="3364" spans="1:23" hidden="1" x14ac:dyDescent="0.35">
      <c r="A3364" s="52" t="s">
        <v>78</v>
      </c>
      <c r="B3364" s="52" t="s">
        <v>79</v>
      </c>
      <c r="C3364" s="3">
        <v>10</v>
      </c>
      <c r="D3364" s="52" t="s">
        <v>2021</v>
      </c>
      <c r="E3364" s="52" t="s">
        <v>26</v>
      </c>
      <c r="F3364" s="52" t="s">
        <v>81</v>
      </c>
      <c r="G3364" s="52" t="s">
        <v>82</v>
      </c>
      <c r="H3364" s="4">
        <v>1</v>
      </c>
      <c r="I3364" s="2">
        <v>14.65</v>
      </c>
      <c r="J3364" s="52" t="s">
        <v>8249</v>
      </c>
      <c r="K3364" s="71" t="s">
        <v>8274</v>
      </c>
      <c r="L3364" s="52" t="s">
        <v>2095</v>
      </c>
      <c r="M3364" s="72">
        <v>1847</v>
      </c>
      <c r="N3364" s="52"/>
      <c r="O3364" s="52"/>
      <c r="P3364" s="52"/>
      <c r="Q3364" s="52"/>
      <c r="R3364" s="52"/>
      <c r="S3364" s="52"/>
      <c r="T3364" s="52"/>
      <c r="U3364" s="52"/>
      <c r="V3364" s="52"/>
      <c r="W3364" s="52"/>
    </row>
    <row r="3365" spans="1:23" hidden="1" x14ac:dyDescent="0.35">
      <c r="A3365" s="52" t="s">
        <v>78</v>
      </c>
      <c r="B3365" s="52" t="s">
        <v>79</v>
      </c>
      <c r="C3365" s="3">
        <v>211</v>
      </c>
      <c r="D3365" s="52" t="s">
        <v>87</v>
      </c>
      <c r="E3365" s="52" t="s">
        <v>26</v>
      </c>
      <c r="F3365" s="52" t="s">
        <v>81</v>
      </c>
      <c r="G3365" s="52" t="s">
        <v>82</v>
      </c>
      <c r="H3365" s="4">
        <v>1</v>
      </c>
      <c r="I3365" s="2">
        <v>14.65</v>
      </c>
      <c r="J3365" s="52" t="s">
        <v>8275</v>
      </c>
      <c r="K3365" s="71" t="s">
        <v>8276</v>
      </c>
      <c r="L3365" s="52" t="s">
        <v>2063</v>
      </c>
      <c r="M3365" s="72">
        <v>5523</v>
      </c>
      <c r="N3365" s="52" t="s">
        <v>2154</v>
      </c>
      <c r="O3365" s="52" t="s">
        <v>2155</v>
      </c>
      <c r="P3365" s="52"/>
      <c r="Q3365" s="52"/>
      <c r="R3365" s="52"/>
      <c r="S3365" s="52"/>
      <c r="T3365" s="52"/>
      <c r="U3365" s="52"/>
      <c r="V3365" s="52"/>
      <c r="W3365" s="52"/>
    </row>
    <row r="3366" spans="1:23" hidden="1" x14ac:dyDescent="0.35">
      <c r="A3366" s="52" t="s">
        <v>78</v>
      </c>
      <c r="B3366" s="52" t="s">
        <v>79</v>
      </c>
      <c r="C3366" s="3">
        <v>10</v>
      </c>
      <c r="D3366" s="52" t="s">
        <v>87</v>
      </c>
      <c r="E3366" s="52" t="s">
        <v>26</v>
      </c>
      <c r="F3366" s="52" t="s">
        <v>81</v>
      </c>
      <c r="G3366" s="52" t="s">
        <v>82</v>
      </c>
      <c r="H3366" s="4">
        <v>1</v>
      </c>
      <c r="I3366" s="2">
        <v>14.65</v>
      </c>
      <c r="J3366" s="52" t="s">
        <v>8277</v>
      </c>
      <c r="K3366" s="71" t="s">
        <v>8278</v>
      </c>
      <c r="L3366" s="52" t="s">
        <v>2063</v>
      </c>
      <c r="M3366" s="72">
        <v>959</v>
      </c>
      <c r="N3366" s="52" t="s">
        <v>2072</v>
      </c>
      <c r="O3366" s="52" t="s">
        <v>2073</v>
      </c>
      <c r="P3366" s="52"/>
      <c r="Q3366" s="52"/>
      <c r="R3366" s="52"/>
      <c r="S3366" s="52"/>
      <c r="T3366" s="52"/>
      <c r="U3366" s="52"/>
      <c r="V3366" s="52"/>
      <c r="W3366" s="52"/>
    </row>
    <row r="3367" spans="1:23" hidden="1" x14ac:dyDescent="0.35">
      <c r="A3367" s="52" t="s">
        <v>78</v>
      </c>
      <c r="B3367" s="52" t="s">
        <v>79</v>
      </c>
      <c r="C3367" s="3">
        <v>20</v>
      </c>
      <c r="D3367" s="52" t="s">
        <v>2024</v>
      </c>
      <c r="E3367" s="52" t="s">
        <v>26</v>
      </c>
      <c r="F3367" s="52" t="s">
        <v>81</v>
      </c>
      <c r="G3367" s="52" t="s">
        <v>82</v>
      </c>
      <c r="H3367" s="4">
        <v>1</v>
      </c>
      <c r="I3367" s="2">
        <v>14.65</v>
      </c>
      <c r="J3367" s="52" t="s">
        <v>8279</v>
      </c>
      <c r="K3367" s="71" t="s">
        <v>8280</v>
      </c>
      <c r="L3367" s="52" t="s">
        <v>2063</v>
      </c>
      <c r="M3367" s="72">
        <v>198</v>
      </c>
      <c r="N3367" s="52" t="s">
        <v>2195</v>
      </c>
      <c r="O3367" s="52" t="s">
        <v>2196</v>
      </c>
      <c r="P3367" s="52"/>
      <c r="Q3367" s="52"/>
      <c r="R3367" s="52"/>
      <c r="S3367" s="52"/>
      <c r="T3367" s="52"/>
      <c r="U3367" s="52"/>
      <c r="V3367" s="52"/>
      <c r="W3367" s="52"/>
    </row>
    <row r="3368" spans="1:23" hidden="1" x14ac:dyDescent="0.35">
      <c r="A3368" s="52" t="s">
        <v>78</v>
      </c>
      <c r="B3368" s="52" t="s">
        <v>79</v>
      </c>
      <c r="C3368" s="3">
        <v>20</v>
      </c>
      <c r="D3368" s="52" t="s">
        <v>2021</v>
      </c>
      <c r="E3368" s="52" t="s">
        <v>26</v>
      </c>
      <c r="F3368" s="52" t="s">
        <v>81</v>
      </c>
      <c r="G3368" s="52" t="s">
        <v>82</v>
      </c>
      <c r="H3368" s="4">
        <v>1</v>
      </c>
      <c r="I3368" s="2">
        <v>14.65</v>
      </c>
      <c r="J3368" s="52" t="s">
        <v>8281</v>
      </c>
      <c r="K3368" s="71" t="s">
        <v>8282</v>
      </c>
      <c r="L3368" s="52" t="s">
        <v>2063</v>
      </c>
      <c r="M3368" s="72">
        <v>4657</v>
      </c>
      <c r="N3368" s="52"/>
      <c r="O3368" s="52"/>
      <c r="P3368" s="52"/>
      <c r="Q3368" s="52"/>
      <c r="R3368" s="52"/>
      <c r="S3368" s="52"/>
      <c r="T3368" s="52"/>
      <c r="U3368" s="52"/>
      <c r="V3368" s="52"/>
      <c r="W3368" s="52"/>
    </row>
    <row r="3369" spans="1:23" hidden="1" x14ac:dyDescent="0.35">
      <c r="A3369" s="52" t="s">
        <v>78</v>
      </c>
      <c r="B3369" s="52" t="s">
        <v>79</v>
      </c>
      <c r="C3369" s="3">
        <v>20</v>
      </c>
      <c r="D3369" s="52" t="s">
        <v>83</v>
      </c>
      <c r="E3369" s="52" t="s">
        <v>26</v>
      </c>
      <c r="F3369" s="52" t="s">
        <v>81</v>
      </c>
      <c r="G3369" s="52" t="s">
        <v>82</v>
      </c>
      <c r="H3369" s="4">
        <v>1</v>
      </c>
      <c r="I3369" s="2">
        <v>14.65</v>
      </c>
      <c r="J3369" s="52" t="s">
        <v>8283</v>
      </c>
      <c r="K3369" s="71" t="s">
        <v>8284</v>
      </c>
      <c r="L3369" s="52" t="s">
        <v>2063</v>
      </c>
      <c r="M3369" s="72">
        <v>4327</v>
      </c>
      <c r="N3369" s="52" t="s">
        <v>2158</v>
      </c>
      <c r="O3369" s="52" t="s">
        <v>2159</v>
      </c>
      <c r="P3369" s="52"/>
      <c r="Q3369" s="52"/>
      <c r="R3369" s="52"/>
      <c r="S3369" s="52"/>
      <c r="T3369" s="52"/>
      <c r="U3369" s="52"/>
      <c r="V3369" s="52"/>
      <c r="W3369" s="52"/>
    </row>
    <row r="3370" spans="1:23" hidden="1" x14ac:dyDescent="0.35">
      <c r="A3370" s="52" t="s">
        <v>78</v>
      </c>
      <c r="B3370" s="52" t="s">
        <v>79</v>
      </c>
      <c r="C3370" s="3">
        <v>10</v>
      </c>
      <c r="D3370" s="52" t="s">
        <v>2024</v>
      </c>
      <c r="E3370" s="52" t="s">
        <v>26</v>
      </c>
      <c r="F3370" s="52" t="s">
        <v>81</v>
      </c>
      <c r="G3370" s="52" t="s">
        <v>82</v>
      </c>
      <c r="H3370" s="4">
        <v>1</v>
      </c>
      <c r="I3370" s="2">
        <v>14.65</v>
      </c>
      <c r="J3370" s="52" t="s">
        <v>8285</v>
      </c>
      <c r="K3370" s="71" t="s">
        <v>8286</v>
      </c>
      <c r="L3370" s="52" t="s">
        <v>2063</v>
      </c>
      <c r="M3370" s="72">
        <v>4795</v>
      </c>
      <c r="N3370" s="52" t="s">
        <v>2066</v>
      </c>
      <c r="O3370" s="52" t="s">
        <v>2067</v>
      </c>
      <c r="P3370" s="52"/>
      <c r="Q3370" s="52"/>
      <c r="R3370" s="52"/>
      <c r="S3370" s="52"/>
      <c r="T3370" s="52"/>
      <c r="U3370" s="52"/>
      <c r="V3370" s="52"/>
      <c r="W3370" s="52"/>
    </row>
    <row r="3371" spans="1:23" x14ac:dyDescent="0.35">
      <c r="A3371" s="52" t="s">
        <v>78</v>
      </c>
      <c r="B3371" s="52" t="s">
        <v>79</v>
      </c>
      <c r="C3371" s="3">
        <v>20</v>
      </c>
      <c r="D3371" s="52" t="s">
        <v>84</v>
      </c>
      <c r="E3371" s="52" t="s">
        <v>26</v>
      </c>
      <c r="F3371" s="52" t="s">
        <v>81</v>
      </c>
      <c r="G3371" s="52" t="s">
        <v>82</v>
      </c>
      <c r="H3371" s="4">
        <v>1</v>
      </c>
      <c r="I3371" s="2">
        <v>14.65</v>
      </c>
      <c r="J3371" s="52" t="s">
        <v>8287</v>
      </c>
      <c r="K3371" s="71" t="s">
        <v>8288</v>
      </c>
      <c r="L3371" s="52" t="s">
        <v>2063</v>
      </c>
      <c r="M3371" s="72">
        <v>7614</v>
      </c>
      <c r="N3371" s="52" t="s">
        <v>2259</v>
      </c>
      <c r="O3371" s="52" t="s">
        <v>2260</v>
      </c>
      <c r="P3371" s="52"/>
      <c r="Q3371" s="52"/>
      <c r="R3371" s="52"/>
      <c r="S3371" s="52"/>
      <c r="T3371" s="52"/>
      <c r="U3371" s="52"/>
      <c r="V3371" s="52"/>
      <c r="W3371" s="52"/>
    </row>
    <row r="3372" spans="1:23" hidden="1" x14ac:dyDescent="0.35">
      <c r="A3372" s="52" t="s">
        <v>78</v>
      </c>
      <c r="B3372" s="52" t="s">
        <v>79</v>
      </c>
      <c r="C3372" s="3">
        <v>20</v>
      </c>
      <c r="D3372" s="52" t="s">
        <v>2024</v>
      </c>
      <c r="E3372" s="52" t="s">
        <v>26</v>
      </c>
      <c r="F3372" s="52" t="s">
        <v>81</v>
      </c>
      <c r="G3372" s="52" t="s">
        <v>82</v>
      </c>
      <c r="H3372" s="4">
        <v>1</v>
      </c>
      <c r="I3372" s="2">
        <v>14.65</v>
      </c>
      <c r="J3372" s="52" t="s">
        <v>8289</v>
      </c>
      <c r="K3372" s="71" t="s">
        <v>8290</v>
      </c>
      <c r="L3372" s="52" t="s">
        <v>2063</v>
      </c>
      <c r="M3372" s="72">
        <v>926</v>
      </c>
      <c r="N3372" s="52"/>
      <c r="O3372" s="52"/>
      <c r="P3372" s="52"/>
      <c r="Q3372" s="52"/>
      <c r="R3372" s="52"/>
      <c r="S3372" s="52"/>
      <c r="T3372" s="52"/>
      <c r="U3372" s="52"/>
      <c r="V3372" s="52"/>
      <c r="W3372" s="52"/>
    </row>
    <row r="3373" spans="1:23" hidden="1" x14ac:dyDescent="0.35">
      <c r="A3373" s="52" t="s">
        <v>78</v>
      </c>
      <c r="B3373" s="52" t="s">
        <v>79</v>
      </c>
      <c r="C3373" s="3">
        <v>10</v>
      </c>
      <c r="D3373" s="52" t="s">
        <v>2021</v>
      </c>
      <c r="E3373" s="52" t="s">
        <v>26</v>
      </c>
      <c r="F3373" s="52" t="s">
        <v>81</v>
      </c>
      <c r="G3373" s="52" t="s">
        <v>82</v>
      </c>
      <c r="H3373" s="4">
        <v>1</v>
      </c>
      <c r="I3373" s="2">
        <v>14.65</v>
      </c>
      <c r="J3373" s="52" t="s">
        <v>8291</v>
      </c>
      <c r="K3373" s="71" t="s">
        <v>8292</v>
      </c>
      <c r="L3373" s="52" t="s">
        <v>2063</v>
      </c>
      <c r="M3373" s="72">
        <v>4362</v>
      </c>
      <c r="N3373" s="52" t="s">
        <v>2066</v>
      </c>
      <c r="O3373" s="52" t="s">
        <v>2067</v>
      </c>
      <c r="P3373" s="52"/>
      <c r="Q3373" s="52"/>
      <c r="R3373" s="52"/>
      <c r="S3373" s="52"/>
      <c r="T3373" s="52"/>
      <c r="U3373" s="52"/>
      <c r="V3373" s="52"/>
      <c r="W3373" s="52"/>
    </row>
    <row r="3374" spans="1:23" hidden="1" x14ac:dyDescent="0.35">
      <c r="A3374" s="52" t="s">
        <v>78</v>
      </c>
      <c r="B3374" s="52" t="s">
        <v>79</v>
      </c>
      <c r="C3374" s="3">
        <v>20</v>
      </c>
      <c r="D3374" s="52" t="s">
        <v>80</v>
      </c>
      <c r="E3374" s="52" t="s">
        <v>26</v>
      </c>
      <c r="F3374" s="52" t="s">
        <v>81</v>
      </c>
      <c r="G3374" s="52" t="s">
        <v>82</v>
      </c>
      <c r="H3374" s="4">
        <v>1</v>
      </c>
      <c r="I3374" s="2">
        <v>14.65</v>
      </c>
      <c r="J3374" s="52" t="s">
        <v>8293</v>
      </c>
      <c r="K3374" s="71" t="s">
        <v>8294</v>
      </c>
      <c r="L3374" s="52" t="s">
        <v>2063</v>
      </c>
      <c r="M3374" s="72">
        <v>3968</v>
      </c>
      <c r="N3374" s="52"/>
      <c r="O3374" s="52"/>
      <c r="P3374" s="52"/>
      <c r="Q3374" s="52"/>
      <c r="R3374" s="52"/>
      <c r="S3374" s="52"/>
      <c r="T3374" s="52"/>
      <c r="U3374" s="52"/>
      <c r="V3374" s="52"/>
      <c r="W3374" s="52"/>
    </row>
    <row r="3375" spans="1:23" hidden="1" x14ac:dyDescent="0.35">
      <c r="A3375" s="52" t="s">
        <v>78</v>
      </c>
      <c r="B3375" s="52" t="s">
        <v>79</v>
      </c>
      <c r="C3375" s="3">
        <v>10</v>
      </c>
      <c r="D3375" s="52" t="s">
        <v>83</v>
      </c>
      <c r="E3375" s="52" t="s">
        <v>26</v>
      </c>
      <c r="F3375" s="52" t="s">
        <v>81</v>
      </c>
      <c r="G3375" s="52" t="s">
        <v>82</v>
      </c>
      <c r="H3375" s="4">
        <v>1</v>
      </c>
      <c r="I3375" s="2">
        <v>14.65</v>
      </c>
      <c r="J3375" s="52" t="s">
        <v>8295</v>
      </c>
      <c r="K3375" s="71" t="s">
        <v>8296</v>
      </c>
      <c r="L3375" s="52" t="s">
        <v>2063</v>
      </c>
      <c r="M3375" s="72">
        <v>464</v>
      </c>
      <c r="N3375" s="52" t="s">
        <v>2072</v>
      </c>
      <c r="O3375" s="52" t="s">
        <v>2073</v>
      </c>
      <c r="P3375" s="52"/>
      <c r="Q3375" s="52"/>
      <c r="R3375" s="52"/>
      <c r="S3375" s="52"/>
      <c r="T3375" s="52"/>
      <c r="U3375" s="52"/>
      <c r="V3375" s="52"/>
      <c r="W3375" s="52"/>
    </row>
    <row r="3376" spans="1:23" hidden="1" x14ac:dyDescent="0.35">
      <c r="A3376" s="52" t="s">
        <v>78</v>
      </c>
      <c r="B3376" s="52" t="s">
        <v>79</v>
      </c>
      <c r="C3376" s="3">
        <v>212</v>
      </c>
      <c r="D3376" s="52" t="s">
        <v>2022</v>
      </c>
      <c r="E3376" s="52" t="s">
        <v>26</v>
      </c>
      <c r="F3376" s="52" t="s">
        <v>81</v>
      </c>
      <c r="G3376" s="52" t="s">
        <v>82</v>
      </c>
      <c r="H3376" s="4">
        <v>1</v>
      </c>
      <c r="I3376" s="2">
        <v>14.65</v>
      </c>
      <c r="J3376" s="52" t="s">
        <v>8297</v>
      </c>
      <c r="K3376" s="71" t="s">
        <v>8298</v>
      </c>
      <c r="L3376" s="52" t="s">
        <v>2095</v>
      </c>
      <c r="M3376" s="72">
        <v>7010</v>
      </c>
      <c r="N3376" s="52"/>
      <c r="O3376" s="52"/>
      <c r="P3376" s="52"/>
      <c r="Q3376" s="52"/>
      <c r="R3376" s="52"/>
      <c r="S3376" s="52"/>
      <c r="T3376" s="52"/>
      <c r="U3376" s="52"/>
      <c r="V3376" s="52"/>
      <c r="W3376" s="52"/>
    </row>
    <row r="3377" spans="1:23" hidden="1" x14ac:dyDescent="0.35">
      <c r="A3377" s="52" t="s">
        <v>78</v>
      </c>
      <c r="B3377" s="52" t="s">
        <v>79</v>
      </c>
      <c r="C3377" s="3">
        <v>20</v>
      </c>
      <c r="D3377" s="52" t="s">
        <v>2020</v>
      </c>
      <c r="E3377" s="52" t="s">
        <v>26</v>
      </c>
      <c r="F3377" s="52" t="s">
        <v>81</v>
      </c>
      <c r="G3377" s="52" t="s">
        <v>82</v>
      </c>
      <c r="H3377" s="4">
        <v>1</v>
      </c>
      <c r="I3377" s="2">
        <v>14.65</v>
      </c>
      <c r="J3377" s="52" t="s">
        <v>8299</v>
      </c>
      <c r="K3377" s="71" t="s">
        <v>8300</v>
      </c>
      <c r="L3377" s="52" t="s">
        <v>2095</v>
      </c>
      <c r="M3377" s="72">
        <v>7941</v>
      </c>
      <c r="N3377" s="52" t="s">
        <v>2072</v>
      </c>
      <c r="O3377" s="52" t="s">
        <v>2073</v>
      </c>
      <c r="P3377" s="52"/>
      <c r="Q3377" s="52"/>
      <c r="R3377" s="52"/>
      <c r="S3377" s="52"/>
      <c r="T3377" s="52"/>
      <c r="U3377" s="52"/>
      <c r="V3377" s="52"/>
      <c r="W3377" s="52"/>
    </row>
    <row r="3378" spans="1:23" hidden="1" x14ac:dyDescent="0.35">
      <c r="A3378" s="52" t="s">
        <v>78</v>
      </c>
      <c r="B3378" s="52" t="s">
        <v>79</v>
      </c>
      <c r="C3378" s="3">
        <v>20</v>
      </c>
      <c r="D3378" s="52" t="s">
        <v>2019</v>
      </c>
      <c r="E3378" s="52" t="s">
        <v>26</v>
      </c>
      <c r="F3378" s="52" t="s">
        <v>81</v>
      </c>
      <c r="G3378" s="52" t="s">
        <v>82</v>
      </c>
      <c r="H3378" s="4">
        <v>1</v>
      </c>
      <c r="I3378" s="2">
        <v>14.65</v>
      </c>
      <c r="J3378" s="52" t="s">
        <v>8301</v>
      </c>
      <c r="K3378" s="71" t="s">
        <v>8302</v>
      </c>
      <c r="L3378" s="52" t="s">
        <v>2063</v>
      </c>
      <c r="M3378" s="72">
        <v>1893</v>
      </c>
      <c r="N3378" s="52" t="s">
        <v>2072</v>
      </c>
      <c r="O3378" s="52" t="s">
        <v>2073</v>
      </c>
      <c r="P3378" s="52"/>
      <c r="Q3378" s="52"/>
      <c r="R3378" s="52"/>
      <c r="S3378" s="52"/>
      <c r="T3378" s="52"/>
      <c r="U3378" s="52"/>
      <c r="V3378" s="52"/>
      <c r="W3378" s="52"/>
    </row>
    <row r="3379" spans="1:23" x14ac:dyDescent="0.35">
      <c r="A3379" s="52" t="s">
        <v>78</v>
      </c>
      <c r="B3379" s="52" t="s">
        <v>79</v>
      </c>
      <c r="C3379" s="3">
        <v>20</v>
      </c>
      <c r="D3379" s="52" t="s">
        <v>80</v>
      </c>
      <c r="E3379" s="52" t="s">
        <v>26</v>
      </c>
      <c r="F3379" s="52" t="s">
        <v>81</v>
      </c>
      <c r="G3379" s="52" t="s">
        <v>82</v>
      </c>
      <c r="H3379" s="4">
        <v>1</v>
      </c>
      <c r="I3379" s="2">
        <v>14.65</v>
      </c>
      <c r="J3379" s="52" t="s">
        <v>8303</v>
      </c>
      <c r="K3379" s="71" t="s">
        <v>8304</v>
      </c>
      <c r="L3379" s="52" t="s">
        <v>2063</v>
      </c>
      <c r="M3379" s="72">
        <v>4085</v>
      </c>
      <c r="N3379" s="52" t="s">
        <v>2076</v>
      </c>
      <c r="O3379" s="52" t="s">
        <v>2077</v>
      </c>
      <c r="P3379" s="52"/>
      <c r="Q3379" s="52"/>
      <c r="R3379" s="52"/>
      <c r="S3379" s="52"/>
      <c r="T3379" s="52"/>
      <c r="U3379" s="52"/>
      <c r="V3379" s="52"/>
      <c r="W3379" s="52"/>
    </row>
    <row r="3380" spans="1:23" x14ac:dyDescent="0.35">
      <c r="A3380" s="52" t="s">
        <v>78</v>
      </c>
      <c r="B3380" s="52" t="s">
        <v>79</v>
      </c>
      <c r="C3380" s="3">
        <v>20</v>
      </c>
      <c r="D3380" s="52" t="s">
        <v>2024</v>
      </c>
      <c r="E3380" s="52" t="s">
        <v>26</v>
      </c>
      <c r="F3380" s="52" t="s">
        <v>81</v>
      </c>
      <c r="G3380" s="52" t="s">
        <v>82</v>
      </c>
      <c r="H3380" s="4">
        <v>1</v>
      </c>
      <c r="I3380" s="2">
        <v>14.65</v>
      </c>
      <c r="J3380" s="52" t="s">
        <v>8305</v>
      </c>
      <c r="K3380" s="71" t="s">
        <v>8306</v>
      </c>
      <c r="L3380" s="52" t="s">
        <v>2063</v>
      </c>
      <c r="M3380" s="72">
        <v>9999</v>
      </c>
      <c r="N3380" s="52" t="s">
        <v>2076</v>
      </c>
      <c r="O3380" s="52" t="s">
        <v>2077</v>
      </c>
      <c r="P3380" s="52"/>
      <c r="Q3380" s="52"/>
      <c r="R3380" s="52"/>
      <c r="S3380" s="52"/>
      <c r="T3380" s="52"/>
      <c r="U3380" s="52"/>
      <c r="V3380" s="52"/>
      <c r="W3380" s="52"/>
    </row>
    <row r="3381" spans="1:23" hidden="1" x14ac:dyDescent="0.35">
      <c r="A3381" s="52" t="s">
        <v>78</v>
      </c>
      <c r="B3381" s="52" t="s">
        <v>79</v>
      </c>
      <c r="C3381" s="3">
        <v>20</v>
      </c>
      <c r="D3381" s="52" t="s">
        <v>87</v>
      </c>
      <c r="E3381" s="52" t="s">
        <v>26</v>
      </c>
      <c r="F3381" s="52" t="s">
        <v>81</v>
      </c>
      <c r="G3381" s="52" t="s">
        <v>82</v>
      </c>
      <c r="H3381" s="4">
        <v>1</v>
      </c>
      <c r="I3381" s="2">
        <v>14.65</v>
      </c>
      <c r="J3381" s="52" t="s">
        <v>8307</v>
      </c>
      <c r="K3381" s="71" t="s">
        <v>8308</v>
      </c>
      <c r="L3381" s="52" t="s">
        <v>2063</v>
      </c>
      <c r="M3381" s="72">
        <v>4114</v>
      </c>
      <c r="N3381" s="52"/>
      <c r="O3381" s="52"/>
      <c r="P3381" s="52"/>
      <c r="Q3381" s="52"/>
      <c r="R3381" s="52"/>
      <c r="S3381" s="52"/>
      <c r="T3381" s="52"/>
      <c r="U3381" s="52"/>
      <c r="V3381" s="52"/>
      <c r="W3381" s="52"/>
    </row>
    <row r="3382" spans="1:23" hidden="1" x14ac:dyDescent="0.35">
      <c r="A3382" s="52" t="s">
        <v>78</v>
      </c>
      <c r="B3382" s="52" t="s">
        <v>79</v>
      </c>
      <c r="C3382" s="3">
        <v>20</v>
      </c>
      <c r="D3382" s="52" t="s">
        <v>80</v>
      </c>
      <c r="E3382" s="52" t="s">
        <v>26</v>
      </c>
      <c r="F3382" s="52" t="s">
        <v>81</v>
      </c>
      <c r="G3382" s="52" t="s">
        <v>82</v>
      </c>
      <c r="H3382" s="4">
        <v>1</v>
      </c>
      <c r="I3382" s="2">
        <v>14.65</v>
      </c>
      <c r="J3382" s="52" t="s">
        <v>8293</v>
      </c>
      <c r="K3382" s="71" t="s">
        <v>8309</v>
      </c>
      <c r="L3382" s="52" t="s">
        <v>2063</v>
      </c>
      <c r="M3382" s="72">
        <v>80</v>
      </c>
      <c r="N3382" s="52"/>
      <c r="O3382" s="52"/>
      <c r="P3382" s="52"/>
      <c r="Q3382" s="52"/>
      <c r="R3382" s="52"/>
      <c r="S3382" s="52"/>
      <c r="T3382" s="52"/>
      <c r="U3382" s="52"/>
      <c r="V3382" s="52"/>
      <c r="W3382" s="52"/>
    </row>
    <row r="3383" spans="1:23" hidden="1" x14ac:dyDescent="0.35">
      <c r="A3383" s="52" t="s">
        <v>78</v>
      </c>
      <c r="B3383" s="52" t="s">
        <v>79</v>
      </c>
      <c r="C3383" s="3">
        <v>10</v>
      </c>
      <c r="D3383" s="52" t="s">
        <v>2019</v>
      </c>
      <c r="E3383" s="52" t="s">
        <v>26</v>
      </c>
      <c r="F3383" s="52" t="s">
        <v>81</v>
      </c>
      <c r="G3383" s="52" t="s">
        <v>82</v>
      </c>
      <c r="H3383" s="4">
        <v>1</v>
      </c>
      <c r="I3383" s="2">
        <v>14.65</v>
      </c>
      <c r="J3383" s="52" t="s">
        <v>8310</v>
      </c>
      <c r="K3383" s="71" t="s">
        <v>8311</v>
      </c>
      <c r="L3383" s="52" t="s">
        <v>2063</v>
      </c>
      <c r="M3383" s="72">
        <v>7064</v>
      </c>
      <c r="N3383" s="52"/>
      <c r="O3383" s="52"/>
      <c r="P3383" s="52"/>
      <c r="Q3383" s="52"/>
      <c r="R3383" s="52"/>
      <c r="S3383" s="52"/>
      <c r="T3383" s="52"/>
      <c r="U3383" s="52"/>
      <c r="V3383" s="52"/>
      <c r="W3383" s="52"/>
    </row>
    <row r="3384" spans="1:23" hidden="1" x14ac:dyDescent="0.35">
      <c r="A3384" s="52" t="s">
        <v>78</v>
      </c>
      <c r="B3384" s="52" t="s">
        <v>79</v>
      </c>
      <c r="C3384" s="3">
        <v>20</v>
      </c>
      <c r="D3384" s="52" t="s">
        <v>84</v>
      </c>
      <c r="E3384" s="52" t="s">
        <v>26</v>
      </c>
      <c r="F3384" s="52" t="s">
        <v>81</v>
      </c>
      <c r="G3384" s="52" t="s">
        <v>82</v>
      </c>
      <c r="H3384" s="4">
        <v>1</v>
      </c>
      <c r="I3384" s="2">
        <v>14.65</v>
      </c>
      <c r="J3384" s="52" t="s">
        <v>8312</v>
      </c>
      <c r="K3384" s="71" t="s">
        <v>8313</v>
      </c>
      <c r="L3384" s="52" t="s">
        <v>2063</v>
      </c>
      <c r="M3384" s="72">
        <v>311</v>
      </c>
      <c r="N3384" s="52" t="s">
        <v>2072</v>
      </c>
      <c r="O3384" s="52" t="s">
        <v>2073</v>
      </c>
      <c r="P3384" s="52"/>
      <c r="Q3384" s="52"/>
      <c r="R3384" s="52"/>
      <c r="S3384" s="52"/>
      <c r="T3384" s="52"/>
      <c r="U3384" s="52"/>
      <c r="V3384" s="52"/>
      <c r="W3384" s="52"/>
    </row>
    <row r="3385" spans="1:23" hidden="1" x14ac:dyDescent="0.35">
      <c r="A3385" s="52" t="s">
        <v>78</v>
      </c>
      <c r="B3385" s="52" t="s">
        <v>79</v>
      </c>
      <c r="C3385" s="3">
        <v>10</v>
      </c>
      <c r="D3385" s="52" t="s">
        <v>2024</v>
      </c>
      <c r="E3385" s="52" t="s">
        <v>26</v>
      </c>
      <c r="F3385" s="52" t="s">
        <v>81</v>
      </c>
      <c r="G3385" s="52" t="s">
        <v>82</v>
      </c>
      <c r="H3385" s="4">
        <v>1</v>
      </c>
      <c r="I3385" s="2">
        <v>14.65</v>
      </c>
      <c r="J3385" s="52" t="s">
        <v>8314</v>
      </c>
      <c r="K3385" s="71" t="s">
        <v>8315</v>
      </c>
      <c r="L3385" s="52" t="s">
        <v>2063</v>
      </c>
      <c r="M3385" s="72">
        <v>5745</v>
      </c>
      <c r="N3385" s="52" t="s">
        <v>2066</v>
      </c>
      <c r="O3385" s="52" t="s">
        <v>2067</v>
      </c>
      <c r="P3385" s="52"/>
      <c r="Q3385" s="52"/>
      <c r="R3385" s="52"/>
      <c r="S3385" s="52"/>
      <c r="T3385" s="52"/>
      <c r="U3385" s="52"/>
      <c r="V3385" s="52"/>
      <c r="W3385" s="52"/>
    </row>
    <row r="3386" spans="1:23" hidden="1" x14ac:dyDescent="0.35">
      <c r="A3386" s="52" t="s">
        <v>78</v>
      </c>
      <c r="B3386" s="52" t="s">
        <v>79</v>
      </c>
      <c r="C3386" s="3">
        <v>20</v>
      </c>
      <c r="D3386" s="52" t="s">
        <v>2024</v>
      </c>
      <c r="E3386" s="52" t="s">
        <v>26</v>
      </c>
      <c r="F3386" s="52" t="s">
        <v>81</v>
      </c>
      <c r="G3386" s="52" t="s">
        <v>82</v>
      </c>
      <c r="H3386" s="4">
        <v>1</v>
      </c>
      <c r="I3386" s="2">
        <v>14.65</v>
      </c>
      <c r="J3386" s="52" t="s">
        <v>8316</v>
      </c>
      <c r="K3386" s="71" t="s">
        <v>8317</v>
      </c>
      <c r="L3386" s="52" t="s">
        <v>2063</v>
      </c>
      <c r="M3386" s="72">
        <v>6223</v>
      </c>
      <c r="N3386" s="52"/>
      <c r="O3386" s="52"/>
      <c r="P3386" s="52"/>
      <c r="Q3386" s="52"/>
      <c r="R3386" s="52"/>
      <c r="S3386" s="52"/>
      <c r="T3386" s="52"/>
      <c r="U3386" s="52"/>
      <c r="V3386" s="52"/>
      <c r="W3386" s="52"/>
    </row>
    <row r="3387" spans="1:23" hidden="1" x14ac:dyDescent="0.35">
      <c r="A3387" s="52" t="s">
        <v>78</v>
      </c>
      <c r="B3387" s="52" t="s">
        <v>79</v>
      </c>
      <c r="C3387" s="3">
        <v>20</v>
      </c>
      <c r="D3387" s="52" t="s">
        <v>2019</v>
      </c>
      <c r="E3387" s="52" t="s">
        <v>26</v>
      </c>
      <c r="F3387" s="52" t="s">
        <v>81</v>
      </c>
      <c r="G3387" s="52" t="s">
        <v>82</v>
      </c>
      <c r="H3387" s="4">
        <v>1</v>
      </c>
      <c r="I3387" s="2">
        <v>14.65</v>
      </c>
      <c r="J3387" s="52" t="s">
        <v>8318</v>
      </c>
      <c r="K3387" s="71" t="s">
        <v>8319</v>
      </c>
      <c r="L3387" s="52" t="s">
        <v>2063</v>
      </c>
      <c r="M3387" s="72">
        <v>3687</v>
      </c>
      <c r="N3387" s="52" t="s">
        <v>2072</v>
      </c>
      <c r="O3387" s="52" t="s">
        <v>2073</v>
      </c>
      <c r="P3387" s="52"/>
      <c r="Q3387" s="52"/>
      <c r="R3387" s="52"/>
      <c r="S3387" s="52"/>
      <c r="T3387" s="52"/>
      <c r="U3387" s="52"/>
      <c r="V3387" s="52"/>
      <c r="W3387" s="52"/>
    </row>
    <row r="3388" spans="1:23" x14ac:dyDescent="0.35">
      <c r="A3388" s="52" t="s">
        <v>78</v>
      </c>
      <c r="B3388" s="52" t="s">
        <v>79</v>
      </c>
      <c r="C3388" s="3">
        <v>20</v>
      </c>
      <c r="D3388" s="52" t="s">
        <v>86</v>
      </c>
      <c r="E3388" s="52" t="s">
        <v>26</v>
      </c>
      <c r="F3388" s="52" t="s">
        <v>81</v>
      </c>
      <c r="G3388" s="52" t="s">
        <v>82</v>
      </c>
      <c r="H3388" s="4">
        <v>1</v>
      </c>
      <c r="I3388" s="2">
        <v>14.65</v>
      </c>
      <c r="J3388" s="52" t="s">
        <v>8320</v>
      </c>
      <c r="K3388" s="71" t="s">
        <v>8321</v>
      </c>
      <c r="L3388" s="52" t="s">
        <v>2063</v>
      </c>
      <c r="M3388" s="72">
        <v>8994</v>
      </c>
      <c r="N3388" s="52" t="s">
        <v>2076</v>
      </c>
      <c r="O3388" s="52" t="s">
        <v>2077</v>
      </c>
      <c r="P3388" s="52"/>
      <c r="Q3388" s="52"/>
      <c r="R3388" s="52"/>
      <c r="S3388" s="52"/>
      <c r="T3388" s="52"/>
      <c r="U3388" s="52"/>
      <c r="V3388" s="52"/>
      <c r="W3388" s="52"/>
    </row>
    <row r="3389" spans="1:23" x14ac:dyDescent="0.35">
      <c r="A3389" s="52" t="s">
        <v>78</v>
      </c>
      <c r="B3389" s="52" t="s">
        <v>79</v>
      </c>
      <c r="C3389" s="3">
        <v>20</v>
      </c>
      <c r="D3389" s="52" t="s">
        <v>84</v>
      </c>
      <c r="E3389" s="52" t="s">
        <v>26</v>
      </c>
      <c r="F3389" s="52" t="s">
        <v>81</v>
      </c>
      <c r="G3389" s="52" t="s">
        <v>82</v>
      </c>
      <c r="H3389" s="4">
        <v>1</v>
      </c>
      <c r="I3389" s="2">
        <v>14.65</v>
      </c>
      <c r="J3389" s="52" t="s">
        <v>8322</v>
      </c>
      <c r="K3389" s="71" t="s">
        <v>8323</v>
      </c>
      <c r="L3389" s="52" t="s">
        <v>2063</v>
      </c>
      <c r="M3389" s="72">
        <v>3612</v>
      </c>
      <c r="N3389" s="52" t="s">
        <v>2259</v>
      </c>
      <c r="O3389" s="52" t="s">
        <v>2260</v>
      </c>
      <c r="P3389" s="52"/>
      <c r="Q3389" s="52"/>
      <c r="R3389" s="52"/>
      <c r="S3389" s="52"/>
      <c r="T3389" s="52"/>
      <c r="U3389" s="52"/>
      <c r="V3389" s="52"/>
      <c r="W3389" s="52"/>
    </row>
    <row r="3390" spans="1:23" hidden="1" x14ac:dyDescent="0.35">
      <c r="A3390" s="52" t="s">
        <v>78</v>
      </c>
      <c r="B3390" s="52" t="s">
        <v>79</v>
      </c>
      <c r="C3390" s="3">
        <v>10</v>
      </c>
      <c r="D3390" s="52" t="s">
        <v>2022</v>
      </c>
      <c r="E3390" s="52" t="s">
        <v>26</v>
      </c>
      <c r="F3390" s="52" t="s">
        <v>81</v>
      </c>
      <c r="G3390" s="52" t="s">
        <v>82</v>
      </c>
      <c r="H3390" s="4">
        <v>1</v>
      </c>
      <c r="I3390" s="2">
        <v>14.65</v>
      </c>
      <c r="J3390" s="52" t="s">
        <v>8324</v>
      </c>
      <c r="K3390" s="71" t="s">
        <v>8325</v>
      </c>
      <c r="L3390" s="52" t="s">
        <v>2063</v>
      </c>
      <c r="M3390" s="72">
        <v>4815</v>
      </c>
      <c r="N3390" s="52" t="s">
        <v>2072</v>
      </c>
      <c r="O3390" s="52" t="s">
        <v>2073</v>
      </c>
      <c r="P3390" s="52"/>
      <c r="Q3390" s="52"/>
      <c r="R3390" s="52"/>
      <c r="S3390" s="52"/>
      <c r="T3390" s="52"/>
      <c r="U3390" s="52"/>
      <c r="V3390" s="52"/>
      <c r="W3390" s="52"/>
    </row>
    <row r="3391" spans="1:23" hidden="1" x14ac:dyDescent="0.35">
      <c r="A3391" s="52" t="s">
        <v>78</v>
      </c>
      <c r="B3391" s="52" t="s">
        <v>79</v>
      </c>
      <c r="C3391" s="3">
        <v>10</v>
      </c>
      <c r="D3391" s="52" t="s">
        <v>83</v>
      </c>
      <c r="E3391" s="52" t="s">
        <v>26</v>
      </c>
      <c r="F3391" s="52" t="s">
        <v>81</v>
      </c>
      <c r="G3391" s="52" t="s">
        <v>82</v>
      </c>
      <c r="H3391" s="4">
        <v>1</v>
      </c>
      <c r="I3391" s="2">
        <v>14.65</v>
      </c>
      <c r="J3391" s="52" t="s">
        <v>8249</v>
      </c>
      <c r="K3391" s="71" t="s">
        <v>8326</v>
      </c>
      <c r="L3391" s="52" t="s">
        <v>2095</v>
      </c>
      <c r="M3391" s="72">
        <v>9524</v>
      </c>
      <c r="N3391" s="52"/>
      <c r="O3391" s="52"/>
      <c r="P3391" s="52"/>
      <c r="Q3391" s="52"/>
      <c r="R3391" s="52"/>
      <c r="S3391" s="52"/>
      <c r="T3391" s="52"/>
      <c r="U3391" s="52"/>
      <c r="V3391" s="52"/>
      <c r="W3391" s="52"/>
    </row>
    <row r="3392" spans="1:23" hidden="1" x14ac:dyDescent="0.35">
      <c r="A3392" s="52" t="s">
        <v>78</v>
      </c>
      <c r="B3392" s="52" t="s">
        <v>79</v>
      </c>
      <c r="C3392" s="3">
        <v>20</v>
      </c>
      <c r="D3392" s="52" t="s">
        <v>86</v>
      </c>
      <c r="E3392" s="52" t="s">
        <v>26</v>
      </c>
      <c r="F3392" s="52" t="s">
        <v>81</v>
      </c>
      <c r="G3392" s="52" t="s">
        <v>82</v>
      </c>
      <c r="H3392" s="4">
        <v>1</v>
      </c>
      <c r="I3392" s="2">
        <v>14.65</v>
      </c>
      <c r="J3392" s="52" t="s">
        <v>8327</v>
      </c>
      <c r="K3392" s="71" t="s">
        <v>8328</v>
      </c>
      <c r="L3392" s="52" t="s">
        <v>2063</v>
      </c>
      <c r="M3392" s="72">
        <v>4124</v>
      </c>
      <c r="N3392" s="52"/>
      <c r="O3392" s="52"/>
      <c r="P3392" s="52"/>
      <c r="Q3392" s="52"/>
      <c r="R3392" s="52"/>
      <c r="S3392" s="52"/>
      <c r="T3392" s="52"/>
      <c r="U3392" s="52"/>
      <c r="V3392" s="52"/>
      <c r="W3392" s="52"/>
    </row>
    <row r="3393" spans="1:23" hidden="1" x14ac:dyDescent="0.35">
      <c r="A3393" s="52" t="s">
        <v>78</v>
      </c>
      <c r="B3393" s="52" t="s">
        <v>79</v>
      </c>
      <c r="C3393" s="3">
        <v>212</v>
      </c>
      <c r="D3393" s="52" t="s">
        <v>2023</v>
      </c>
      <c r="E3393" s="52" t="s">
        <v>26</v>
      </c>
      <c r="F3393" s="52" t="s">
        <v>81</v>
      </c>
      <c r="G3393" s="52" t="s">
        <v>82</v>
      </c>
      <c r="H3393" s="4">
        <v>1</v>
      </c>
      <c r="I3393" s="2">
        <v>14.65</v>
      </c>
      <c r="J3393" s="52" t="s">
        <v>8329</v>
      </c>
      <c r="K3393" s="71" t="s">
        <v>8330</v>
      </c>
      <c r="L3393" s="52" t="s">
        <v>2063</v>
      </c>
      <c r="M3393" s="72">
        <v>5323</v>
      </c>
      <c r="N3393" s="52"/>
      <c r="O3393" s="52"/>
      <c r="P3393" s="52"/>
      <c r="Q3393" s="52"/>
      <c r="R3393" s="52"/>
      <c r="S3393" s="52"/>
      <c r="T3393" s="52"/>
      <c r="U3393" s="52"/>
      <c r="V3393" s="52"/>
      <c r="W3393" s="52"/>
    </row>
    <row r="3394" spans="1:23" hidden="1" x14ac:dyDescent="0.35">
      <c r="A3394" s="52" t="s">
        <v>78</v>
      </c>
      <c r="B3394" s="52" t="s">
        <v>79</v>
      </c>
      <c r="C3394" s="3">
        <v>20</v>
      </c>
      <c r="D3394" s="52" t="s">
        <v>83</v>
      </c>
      <c r="E3394" s="52" t="s">
        <v>26</v>
      </c>
      <c r="F3394" s="52" t="s">
        <v>81</v>
      </c>
      <c r="G3394" s="52" t="s">
        <v>82</v>
      </c>
      <c r="H3394" s="4">
        <v>1</v>
      </c>
      <c r="I3394" s="2">
        <v>14.65</v>
      </c>
      <c r="J3394" s="52" t="s">
        <v>8331</v>
      </c>
      <c r="K3394" s="71" t="s">
        <v>8332</v>
      </c>
      <c r="L3394" s="52" t="s">
        <v>2063</v>
      </c>
      <c r="M3394" s="72">
        <v>3032</v>
      </c>
      <c r="N3394" s="52" t="s">
        <v>2072</v>
      </c>
      <c r="O3394" s="52" t="s">
        <v>2073</v>
      </c>
      <c r="P3394" s="52"/>
      <c r="Q3394" s="52"/>
      <c r="R3394" s="52"/>
      <c r="S3394" s="52"/>
      <c r="T3394" s="52"/>
      <c r="U3394" s="52"/>
      <c r="V3394" s="52"/>
      <c r="W3394" s="52"/>
    </row>
    <row r="3395" spans="1:23" hidden="1" x14ac:dyDescent="0.35">
      <c r="A3395" s="52" t="s">
        <v>78</v>
      </c>
      <c r="B3395" s="52" t="s">
        <v>79</v>
      </c>
      <c r="C3395" s="3">
        <v>10</v>
      </c>
      <c r="D3395" s="52" t="s">
        <v>85</v>
      </c>
      <c r="E3395" s="52" t="s">
        <v>26</v>
      </c>
      <c r="F3395" s="52" t="s">
        <v>81</v>
      </c>
      <c r="G3395" s="52" t="s">
        <v>82</v>
      </c>
      <c r="H3395" s="4">
        <v>1</v>
      </c>
      <c r="I3395" s="2">
        <v>14.65</v>
      </c>
      <c r="J3395" s="52" t="s">
        <v>8333</v>
      </c>
      <c r="K3395" s="71" t="s">
        <v>8334</v>
      </c>
      <c r="L3395" s="52" t="s">
        <v>2063</v>
      </c>
      <c r="M3395" s="72">
        <v>6180</v>
      </c>
      <c r="N3395" s="52" t="s">
        <v>2066</v>
      </c>
      <c r="O3395" s="52" t="s">
        <v>2067</v>
      </c>
      <c r="P3395" s="52"/>
      <c r="Q3395" s="52"/>
      <c r="R3395" s="52"/>
      <c r="S3395" s="52"/>
      <c r="T3395" s="52"/>
      <c r="U3395" s="52"/>
      <c r="V3395" s="52"/>
      <c r="W3395" s="52"/>
    </row>
    <row r="3396" spans="1:23" hidden="1" x14ac:dyDescent="0.35">
      <c r="A3396" s="52" t="s">
        <v>78</v>
      </c>
      <c r="B3396" s="52" t="s">
        <v>79</v>
      </c>
      <c r="C3396" s="3">
        <v>10</v>
      </c>
      <c r="D3396" s="52" t="s">
        <v>83</v>
      </c>
      <c r="E3396" s="52" t="s">
        <v>26</v>
      </c>
      <c r="F3396" s="52" t="s">
        <v>81</v>
      </c>
      <c r="G3396" s="52" t="s">
        <v>82</v>
      </c>
      <c r="H3396" s="4">
        <v>1</v>
      </c>
      <c r="I3396" s="2">
        <v>14.65</v>
      </c>
      <c r="J3396" s="52" t="s">
        <v>8335</v>
      </c>
      <c r="K3396" s="71" t="s">
        <v>8336</v>
      </c>
      <c r="L3396" s="52" t="s">
        <v>2095</v>
      </c>
      <c r="M3396" s="72">
        <v>3252</v>
      </c>
      <c r="N3396" s="52"/>
      <c r="O3396" s="52"/>
      <c r="P3396" s="52"/>
      <c r="Q3396" s="52"/>
      <c r="R3396" s="52"/>
      <c r="S3396" s="52"/>
      <c r="T3396" s="52"/>
      <c r="U3396" s="52"/>
      <c r="V3396" s="52"/>
      <c r="W3396" s="52"/>
    </row>
    <row r="3397" spans="1:23" hidden="1" x14ac:dyDescent="0.35">
      <c r="A3397" s="52" t="s">
        <v>78</v>
      </c>
      <c r="B3397" s="52" t="s">
        <v>79</v>
      </c>
      <c r="C3397" s="3">
        <v>20</v>
      </c>
      <c r="D3397" s="52" t="s">
        <v>2024</v>
      </c>
      <c r="E3397" s="52" t="s">
        <v>26</v>
      </c>
      <c r="F3397" s="52" t="s">
        <v>81</v>
      </c>
      <c r="G3397" s="52" t="s">
        <v>82</v>
      </c>
      <c r="H3397" s="4">
        <v>1</v>
      </c>
      <c r="I3397" s="2">
        <v>14.65</v>
      </c>
      <c r="J3397" s="52" t="s">
        <v>8337</v>
      </c>
      <c r="K3397" s="71" t="s">
        <v>8338</v>
      </c>
      <c r="L3397" s="52" t="s">
        <v>2063</v>
      </c>
      <c r="M3397" s="72">
        <v>9901</v>
      </c>
      <c r="N3397" s="52" t="s">
        <v>2072</v>
      </c>
      <c r="O3397" s="52" t="s">
        <v>2073</v>
      </c>
      <c r="P3397" s="52"/>
      <c r="Q3397" s="52"/>
      <c r="R3397" s="52"/>
      <c r="S3397" s="52"/>
      <c r="T3397" s="52"/>
      <c r="U3397" s="52"/>
      <c r="V3397" s="52"/>
      <c r="W3397" s="52"/>
    </row>
    <row r="3398" spans="1:23" hidden="1" x14ac:dyDescent="0.35">
      <c r="A3398" s="52" t="s">
        <v>78</v>
      </c>
      <c r="B3398" s="52" t="s">
        <v>79</v>
      </c>
      <c r="C3398" s="3">
        <v>20</v>
      </c>
      <c r="D3398" s="52" t="s">
        <v>2019</v>
      </c>
      <c r="E3398" s="52" t="s">
        <v>26</v>
      </c>
      <c r="F3398" s="52" t="s">
        <v>81</v>
      </c>
      <c r="G3398" s="52" t="s">
        <v>82</v>
      </c>
      <c r="H3398" s="4">
        <v>1</v>
      </c>
      <c r="I3398" s="2">
        <v>14.65</v>
      </c>
      <c r="J3398" s="52" t="s">
        <v>8339</v>
      </c>
      <c r="K3398" s="71" t="s">
        <v>8340</v>
      </c>
      <c r="L3398" s="52" t="s">
        <v>2063</v>
      </c>
      <c r="M3398" s="72">
        <v>7127</v>
      </c>
      <c r="N3398" s="52" t="s">
        <v>2154</v>
      </c>
      <c r="O3398" s="52" t="s">
        <v>2155</v>
      </c>
      <c r="P3398" s="52"/>
      <c r="Q3398" s="52"/>
      <c r="R3398" s="52"/>
      <c r="S3398" s="52"/>
      <c r="T3398" s="52"/>
      <c r="U3398" s="52"/>
      <c r="V3398" s="52"/>
      <c r="W3398" s="52"/>
    </row>
    <row r="3399" spans="1:23" hidden="1" x14ac:dyDescent="0.35">
      <c r="A3399" s="52" t="s">
        <v>78</v>
      </c>
      <c r="B3399" s="52" t="s">
        <v>79</v>
      </c>
      <c r="C3399" s="3">
        <v>20</v>
      </c>
      <c r="D3399" s="52" t="s">
        <v>83</v>
      </c>
      <c r="E3399" s="52" t="s">
        <v>26</v>
      </c>
      <c r="F3399" s="52" t="s">
        <v>81</v>
      </c>
      <c r="G3399" s="52" t="s">
        <v>82</v>
      </c>
      <c r="H3399" s="4">
        <v>1</v>
      </c>
      <c r="I3399" s="2">
        <v>14.65</v>
      </c>
      <c r="J3399" s="52" t="s">
        <v>8341</v>
      </c>
      <c r="K3399" s="71" t="s">
        <v>8342</v>
      </c>
      <c r="L3399" s="52" t="s">
        <v>2063</v>
      </c>
      <c r="M3399" s="72">
        <v>4628</v>
      </c>
      <c r="N3399" s="52" t="s">
        <v>2072</v>
      </c>
      <c r="O3399" s="52" t="s">
        <v>2073</v>
      </c>
      <c r="P3399" s="52"/>
      <c r="Q3399" s="52"/>
      <c r="R3399" s="52"/>
      <c r="S3399" s="52"/>
      <c r="T3399" s="52"/>
      <c r="U3399" s="52"/>
      <c r="V3399" s="52"/>
      <c r="W3399" s="52"/>
    </row>
    <row r="3400" spans="1:23" x14ac:dyDescent="0.35">
      <c r="A3400" s="52" t="s">
        <v>78</v>
      </c>
      <c r="B3400" s="52" t="s">
        <v>79</v>
      </c>
      <c r="C3400" s="3">
        <v>10</v>
      </c>
      <c r="D3400" s="52" t="s">
        <v>83</v>
      </c>
      <c r="E3400" s="52" t="s">
        <v>26</v>
      </c>
      <c r="F3400" s="52" t="s">
        <v>81</v>
      </c>
      <c r="G3400" s="52" t="s">
        <v>82</v>
      </c>
      <c r="H3400" s="4">
        <v>1</v>
      </c>
      <c r="I3400" s="2">
        <v>14.65</v>
      </c>
      <c r="J3400" s="52" t="s">
        <v>8343</v>
      </c>
      <c r="K3400" s="71" t="s">
        <v>8344</v>
      </c>
      <c r="L3400" s="52" t="s">
        <v>2063</v>
      </c>
      <c r="M3400" s="72">
        <v>2314</v>
      </c>
      <c r="N3400" s="52" t="s">
        <v>2076</v>
      </c>
      <c r="O3400" s="52" t="s">
        <v>2077</v>
      </c>
      <c r="P3400" s="52"/>
      <c r="Q3400" s="52"/>
      <c r="R3400" s="52"/>
      <c r="S3400" s="52"/>
      <c r="T3400" s="52"/>
      <c r="U3400" s="52"/>
      <c r="V3400" s="52"/>
      <c r="W3400" s="52"/>
    </row>
    <row r="3401" spans="1:23" hidden="1" x14ac:dyDescent="0.35">
      <c r="A3401" s="52" t="s">
        <v>78</v>
      </c>
      <c r="B3401" s="52" t="s">
        <v>79</v>
      </c>
      <c r="C3401" s="3">
        <v>10</v>
      </c>
      <c r="D3401" s="52" t="s">
        <v>85</v>
      </c>
      <c r="E3401" s="52" t="s">
        <v>26</v>
      </c>
      <c r="F3401" s="52" t="s">
        <v>81</v>
      </c>
      <c r="G3401" s="52" t="s">
        <v>82</v>
      </c>
      <c r="H3401" s="4">
        <v>1</v>
      </c>
      <c r="I3401" s="2">
        <v>14.65</v>
      </c>
      <c r="J3401" s="52" t="s">
        <v>8345</v>
      </c>
      <c r="K3401" s="71" t="s">
        <v>8346</v>
      </c>
      <c r="L3401" s="52" t="s">
        <v>2063</v>
      </c>
      <c r="M3401" s="72">
        <v>5345</v>
      </c>
      <c r="N3401" s="52" t="s">
        <v>2072</v>
      </c>
      <c r="O3401" s="52" t="s">
        <v>2073</v>
      </c>
      <c r="P3401" s="52"/>
      <c r="Q3401" s="52"/>
      <c r="R3401" s="52"/>
      <c r="S3401" s="52"/>
      <c r="T3401" s="52"/>
      <c r="U3401" s="52"/>
      <c r="V3401" s="52"/>
      <c r="W3401" s="52"/>
    </row>
    <row r="3402" spans="1:23" hidden="1" x14ac:dyDescent="0.35">
      <c r="A3402" s="52" t="s">
        <v>78</v>
      </c>
      <c r="B3402" s="52" t="s">
        <v>79</v>
      </c>
      <c r="C3402" s="3">
        <v>10</v>
      </c>
      <c r="D3402" s="52" t="s">
        <v>2022</v>
      </c>
      <c r="E3402" s="52" t="s">
        <v>26</v>
      </c>
      <c r="F3402" s="52" t="s">
        <v>81</v>
      </c>
      <c r="G3402" s="52" t="s">
        <v>82</v>
      </c>
      <c r="H3402" s="4">
        <v>1</v>
      </c>
      <c r="I3402" s="2">
        <v>14.65</v>
      </c>
      <c r="J3402" s="52" t="s">
        <v>8347</v>
      </c>
      <c r="K3402" s="71" t="s">
        <v>8348</v>
      </c>
      <c r="L3402" s="52" t="s">
        <v>2063</v>
      </c>
      <c r="M3402" s="72">
        <v>6094</v>
      </c>
      <c r="N3402" s="52" t="s">
        <v>2072</v>
      </c>
      <c r="O3402" s="52" t="s">
        <v>2073</v>
      </c>
      <c r="P3402" s="52"/>
      <c r="Q3402" s="52"/>
      <c r="R3402" s="52"/>
      <c r="S3402" s="52"/>
      <c r="T3402" s="52"/>
      <c r="U3402" s="52"/>
      <c r="V3402" s="52"/>
      <c r="W3402" s="52"/>
    </row>
    <row r="3403" spans="1:23" hidden="1" x14ac:dyDescent="0.35">
      <c r="A3403" s="52" t="s">
        <v>78</v>
      </c>
      <c r="B3403" s="52" t="s">
        <v>79</v>
      </c>
      <c r="C3403" s="3">
        <v>20</v>
      </c>
      <c r="D3403" s="52" t="s">
        <v>83</v>
      </c>
      <c r="E3403" s="52" t="s">
        <v>26</v>
      </c>
      <c r="F3403" s="52" t="s">
        <v>81</v>
      </c>
      <c r="G3403" s="52" t="s">
        <v>82</v>
      </c>
      <c r="H3403" s="4">
        <v>1</v>
      </c>
      <c r="I3403" s="2">
        <v>14.65</v>
      </c>
      <c r="J3403" s="52" t="s">
        <v>8349</v>
      </c>
      <c r="K3403" s="71" t="s">
        <v>8350</v>
      </c>
      <c r="L3403" s="52" t="s">
        <v>2063</v>
      </c>
      <c r="M3403" s="72">
        <v>8611</v>
      </c>
      <c r="N3403" s="52" t="s">
        <v>2072</v>
      </c>
      <c r="O3403" s="52" t="s">
        <v>2073</v>
      </c>
      <c r="P3403" s="52"/>
      <c r="Q3403" s="52"/>
      <c r="R3403" s="52"/>
      <c r="S3403" s="52"/>
      <c r="T3403" s="52"/>
      <c r="U3403" s="52"/>
      <c r="V3403" s="52"/>
      <c r="W3403" s="52"/>
    </row>
    <row r="3404" spans="1:23" hidden="1" x14ac:dyDescent="0.35">
      <c r="A3404" s="52" t="s">
        <v>78</v>
      </c>
      <c r="B3404" s="52" t="s">
        <v>79</v>
      </c>
      <c r="C3404" s="3">
        <v>10</v>
      </c>
      <c r="D3404" s="52" t="s">
        <v>2019</v>
      </c>
      <c r="E3404" s="52" t="s">
        <v>26</v>
      </c>
      <c r="F3404" s="52" t="s">
        <v>81</v>
      </c>
      <c r="G3404" s="52" t="s">
        <v>82</v>
      </c>
      <c r="H3404" s="4">
        <v>1</v>
      </c>
      <c r="I3404" s="2">
        <v>14.65</v>
      </c>
      <c r="J3404" s="52" t="s">
        <v>8351</v>
      </c>
      <c r="K3404" s="71" t="s">
        <v>8352</v>
      </c>
      <c r="L3404" s="52" t="s">
        <v>2063</v>
      </c>
      <c r="M3404" s="72">
        <v>3264</v>
      </c>
      <c r="N3404" s="52" t="s">
        <v>2072</v>
      </c>
      <c r="O3404" s="52" t="s">
        <v>2073</v>
      </c>
      <c r="P3404" s="52"/>
      <c r="Q3404" s="52"/>
      <c r="R3404" s="52"/>
      <c r="S3404" s="52"/>
      <c r="T3404" s="52"/>
      <c r="U3404" s="52"/>
      <c r="V3404" s="52"/>
      <c r="W3404" s="52"/>
    </row>
    <row r="3405" spans="1:23" hidden="1" x14ac:dyDescent="0.35">
      <c r="A3405" s="52" t="s">
        <v>78</v>
      </c>
      <c r="B3405" s="52" t="s">
        <v>79</v>
      </c>
      <c r="C3405" s="3">
        <v>10</v>
      </c>
      <c r="D3405" s="52" t="s">
        <v>2023</v>
      </c>
      <c r="E3405" s="52" t="s">
        <v>26</v>
      </c>
      <c r="F3405" s="52" t="s">
        <v>81</v>
      </c>
      <c r="G3405" s="52" t="s">
        <v>82</v>
      </c>
      <c r="H3405" s="4">
        <v>1</v>
      </c>
      <c r="I3405" s="2">
        <v>14.65</v>
      </c>
      <c r="J3405" s="52" t="s">
        <v>8353</v>
      </c>
      <c r="K3405" s="71" t="s">
        <v>8354</v>
      </c>
      <c r="L3405" s="52" t="s">
        <v>2063</v>
      </c>
      <c r="M3405" s="72">
        <v>2414</v>
      </c>
      <c r="N3405" s="52"/>
      <c r="O3405" s="52"/>
      <c r="P3405" s="52"/>
      <c r="Q3405" s="52"/>
      <c r="R3405" s="52"/>
      <c r="S3405" s="52"/>
      <c r="T3405" s="52"/>
      <c r="U3405" s="52"/>
      <c r="V3405" s="52"/>
      <c r="W3405" s="52"/>
    </row>
    <row r="3406" spans="1:23" hidden="1" x14ac:dyDescent="0.35">
      <c r="A3406" s="52" t="s">
        <v>78</v>
      </c>
      <c r="B3406" s="52" t="s">
        <v>79</v>
      </c>
      <c r="C3406" s="3">
        <v>10</v>
      </c>
      <c r="D3406" s="52" t="s">
        <v>2020</v>
      </c>
      <c r="E3406" s="52" t="s">
        <v>26</v>
      </c>
      <c r="F3406" s="52" t="s">
        <v>81</v>
      </c>
      <c r="G3406" s="52" t="s">
        <v>82</v>
      </c>
      <c r="H3406" s="4">
        <v>1</v>
      </c>
      <c r="I3406" s="2">
        <v>14.65</v>
      </c>
      <c r="J3406" s="52" t="s">
        <v>8355</v>
      </c>
      <c r="K3406" s="71" t="s">
        <v>8356</v>
      </c>
      <c r="L3406" s="52" t="s">
        <v>2063</v>
      </c>
      <c r="M3406" s="72">
        <v>779</v>
      </c>
      <c r="N3406" s="52" t="s">
        <v>2066</v>
      </c>
      <c r="O3406" s="52" t="s">
        <v>2067</v>
      </c>
      <c r="P3406" s="52"/>
      <c r="Q3406" s="52"/>
      <c r="R3406" s="52"/>
      <c r="S3406" s="52"/>
      <c r="T3406" s="52"/>
      <c r="U3406" s="52"/>
      <c r="V3406" s="52"/>
      <c r="W3406" s="52"/>
    </row>
    <row r="3407" spans="1:23" hidden="1" x14ac:dyDescent="0.35">
      <c r="A3407" s="52" t="s">
        <v>78</v>
      </c>
      <c r="B3407" s="52" t="s">
        <v>79</v>
      </c>
      <c r="C3407" s="3">
        <v>20</v>
      </c>
      <c r="D3407" s="52" t="s">
        <v>2022</v>
      </c>
      <c r="E3407" s="52" t="s">
        <v>26</v>
      </c>
      <c r="F3407" s="52" t="s">
        <v>81</v>
      </c>
      <c r="G3407" s="52" t="s">
        <v>82</v>
      </c>
      <c r="H3407" s="4">
        <v>1</v>
      </c>
      <c r="I3407" s="2">
        <v>14.65</v>
      </c>
      <c r="J3407" s="52" t="s">
        <v>8357</v>
      </c>
      <c r="K3407" s="71" t="s">
        <v>8358</v>
      </c>
      <c r="L3407" s="52" t="s">
        <v>2063</v>
      </c>
      <c r="M3407" s="72">
        <v>2462</v>
      </c>
      <c r="N3407" s="52" t="s">
        <v>2066</v>
      </c>
      <c r="O3407" s="52" t="s">
        <v>2067</v>
      </c>
      <c r="P3407" s="52"/>
      <c r="Q3407" s="52"/>
      <c r="R3407" s="52"/>
      <c r="S3407" s="52"/>
      <c r="T3407" s="52"/>
      <c r="U3407" s="52"/>
      <c r="V3407" s="52"/>
      <c r="W3407" s="52"/>
    </row>
    <row r="3408" spans="1:23" hidden="1" x14ac:dyDescent="0.35">
      <c r="A3408" s="52" t="s">
        <v>78</v>
      </c>
      <c r="B3408" s="52" t="s">
        <v>79</v>
      </c>
      <c r="C3408" s="3">
        <v>20</v>
      </c>
      <c r="D3408" s="52" t="s">
        <v>2021</v>
      </c>
      <c r="E3408" s="52" t="s">
        <v>26</v>
      </c>
      <c r="F3408" s="52" t="s">
        <v>81</v>
      </c>
      <c r="G3408" s="52" t="s">
        <v>82</v>
      </c>
      <c r="H3408" s="4">
        <v>1</v>
      </c>
      <c r="I3408" s="2">
        <v>14.65</v>
      </c>
      <c r="J3408" s="52" t="s">
        <v>8359</v>
      </c>
      <c r="K3408" s="71" t="s">
        <v>8360</v>
      </c>
      <c r="L3408" s="52" t="s">
        <v>2063</v>
      </c>
      <c r="M3408" s="72">
        <v>5615</v>
      </c>
      <c r="N3408" s="52" t="s">
        <v>2304</v>
      </c>
      <c r="O3408" s="52" t="s">
        <v>2305</v>
      </c>
      <c r="P3408" s="52"/>
      <c r="Q3408" s="52"/>
      <c r="R3408" s="52"/>
      <c r="S3408" s="52"/>
      <c r="T3408" s="52"/>
      <c r="U3408" s="52"/>
      <c r="V3408" s="52"/>
      <c r="W3408" s="52"/>
    </row>
    <row r="3409" spans="1:23" hidden="1" x14ac:dyDescent="0.35">
      <c r="A3409" s="52" t="s">
        <v>78</v>
      </c>
      <c r="B3409" s="52" t="s">
        <v>79</v>
      </c>
      <c r="C3409" s="3">
        <v>10</v>
      </c>
      <c r="D3409" s="52" t="s">
        <v>80</v>
      </c>
      <c r="E3409" s="52" t="s">
        <v>26</v>
      </c>
      <c r="F3409" s="52" t="s">
        <v>81</v>
      </c>
      <c r="G3409" s="52" t="s">
        <v>82</v>
      </c>
      <c r="H3409" s="4">
        <v>1</v>
      </c>
      <c r="I3409" s="2">
        <v>14.65</v>
      </c>
      <c r="J3409" s="52" t="s">
        <v>8361</v>
      </c>
      <c r="K3409" s="71" t="s">
        <v>8362</v>
      </c>
      <c r="L3409" s="52" t="s">
        <v>2063</v>
      </c>
      <c r="M3409" s="72">
        <v>8294</v>
      </c>
      <c r="N3409" s="52" t="s">
        <v>2066</v>
      </c>
      <c r="O3409" s="52" t="s">
        <v>2067</v>
      </c>
      <c r="P3409" s="52"/>
      <c r="Q3409" s="52"/>
      <c r="R3409" s="52"/>
      <c r="S3409" s="52"/>
      <c r="T3409" s="52"/>
      <c r="U3409" s="52"/>
      <c r="V3409" s="52"/>
      <c r="W3409" s="52"/>
    </row>
    <row r="3410" spans="1:23" hidden="1" x14ac:dyDescent="0.35">
      <c r="A3410" s="52" t="s">
        <v>78</v>
      </c>
      <c r="B3410" s="52" t="s">
        <v>79</v>
      </c>
      <c r="C3410" s="3">
        <v>211</v>
      </c>
      <c r="D3410" s="52" t="s">
        <v>87</v>
      </c>
      <c r="E3410" s="52" t="s">
        <v>26</v>
      </c>
      <c r="F3410" s="52" t="s">
        <v>81</v>
      </c>
      <c r="G3410" s="52" t="s">
        <v>82</v>
      </c>
      <c r="H3410" s="4">
        <v>1</v>
      </c>
      <c r="I3410" s="2">
        <v>14.65</v>
      </c>
      <c r="J3410" s="52" t="s">
        <v>8363</v>
      </c>
      <c r="K3410" s="71" t="s">
        <v>8364</v>
      </c>
      <c r="L3410" s="52" t="s">
        <v>2063</v>
      </c>
      <c r="M3410" s="72">
        <v>9412</v>
      </c>
      <c r="N3410" s="52" t="s">
        <v>2066</v>
      </c>
      <c r="O3410" s="52" t="s">
        <v>2067</v>
      </c>
      <c r="P3410" s="52"/>
      <c r="Q3410" s="52"/>
      <c r="R3410" s="52"/>
      <c r="S3410" s="52"/>
      <c r="T3410" s="52"/>
      <c r="U3410" s="52"/>
      <c r="V3410" s="52"/>
      <c r="W3410" s="52"/>
    </row>
    <row r="3411" spans="1:23" hidden="1" x14ac:dyDescent="0.35">
      <c r="A3411" s="52" t="s">
        <v>78</v>
      </c>
      <c r="B3411" s="52" t="s">
        <v>79</v>
      </c>
      <c r="C3411" s="3">
        <v>20</v>
      </c>
      <c r="D3411" s="52" t="s">
        <v>83</v>
      </c>
      <c r="E3411" s="52" t="s">
        <v>26</v>
      </c>
      <c r="F3411" s="52" t="s">
        <v>81</v>
      </c>
      <c r="G3411" s="52" t="s">
        <v>82</v>
      </c>
      <c r="H3411" s="4">
        <v>1</v>
      </c>
      <c r="I3411" s="2">
        <v>14.65</v>
      </c>
      <c r="J3411" s="52" t="s">
        <v>8365</v>
      </c>
      <c r="K3411" s="71" t="s">
        <v>8366</v>
      </c>
      <c r="L3411" s="52" t="s">
        <v>2063</v>
      </c>
      <c r="M3411" s="72">
        <v>9822</v>
      </c>
      <c r="N3411" s="52" t="s">
        <v>2066</v>
      </c>
      <c r="O3411" s="52" t="s">
        <v>2067</v>
      </c>
      <c r="P3411" s="52"/>
      <c r="Q3411" s="52"/>
      <c r="R3411" s="52"/>
      <c r="S3411" s="52"/>
      <c r="T3411" s="52"/>
      <c r="U3411" s="52"/>
      <c r="V3411" s="52"/>
      <c r="W3411" s="52"/>
    </row>
    <row r="3412" spans="1:23" hidden="1" x14ac:dyDescent="0.35">
      <c r="A3412" s="52" t="s">
        <v>78</v>
      </c>
      <c r="B3412" s="52" t="s">
        <v>79</v>
      </c>
      <c r="C3412" s="3">
        <v>211</v>
      </c>
      <c r="D3412" s="52" t="s">
        <v>2021</v>
      </c>
      <c r="E3412" s="52" t="s">
        <v>26</v>
      </c>
      <c r="F3412" s="52" t="s">
        <v>81</v>
      </c>
      <c r="G3412" s="52" t="s">
        <v>82</v>
      </c>
      <c r="H3412" s="4">
        <v>1</v>
      </c>
      <c r="I3412" s="2">
        <v>14.65</v>
      </c>
      <c r="J3412" s="52" t="s">
        <v>8367</v>
      </c>
      <c r="K3412" s="71" t="s">
        <v>8368</v>
      </c>
      <c r="L3412" s="52" t="s">
        <v>2063</v>
      </c>
      <c r="M3412" s="72">
        <v>3630</v>
      </c>
      <c r="N3412" s="52" t="s">
        <v>2066</v>
      </c>
      <c r="O3412" s="52" t="s">
        <v>2067</v>
      </c>
      <c r="P3412" s="52"/>
      <c r="Q3412" s="52"/>
      <c r="R3412" s="52"/>
      <c r="S3412" s="52"/>
      <c r="T3412" s="52"/>
      <c r="U3412" s="52"/>
      <c r="V3412" s="52"/>
      <c r="W3412" s="52"/>
    </row>
    <row r="3413" spans="1:23" hidden="1" x14ac:dyDescent="0.35">
      <c r="A3413" s="52" t="s">
        <v>78</v>
      </c>
      <c r="B3413" s="52" t="s">
        <v>79</v>
      </c>
      <c r="C3413" s="3">
        <v>10</v>
      </c>
      <c r="D3413" s="52" t="s">
        <v>84</v>
      </c>
      <c r="E3413" s="52" t="s">
        <v>26</v>
      </c>
      <c r="F3413" s="52" t="s">
        <v>81</v>
      </c>
      <c r="G3413" s="52" t="s">
        <v>82</v>
      </c>
      <c r="H3413" s="4">
        <v>1</v>
      </c>
      <c r="I3413" s="2">
        <v>14.65</v>
      </c>
      <c r="J3413" s="52" t="s">
        <v>8369</v>
      </c>
      <c r="K3413" s="71" t="s">
        <v>8370</v>
      </c>
      <c r="L3413" s="52" t="s">
        <v>2063</v>
      </c>
      <c r="M3413" s="72">
        <v>255</v>
      </c>
      <c r="N3413" s="52" t="s">
        <v>2072</v>
      </c>
      <c r="O3413" s="52" t="s">
        <v>2073</v>
      </c>
      <c r="P3413" s="52"/>
      <c r="Q3413" s="52"/>
      <c r="R3413" s="52"/>
      <c r="S3413" s="52"/>
      <c r="T3413" s="52"/>
      <c r="U3413" s="52"/>
      <c r="V3413" s="52"/>
      <c r="W3413" s="52"/>
    </row>
    <row r="3414" spans="1:23" hidden="1" x14ac:dyDescent="0.35">
      <c r="A3414" s="52" t="s">
        <v>78</v>
      </c>
      <c r="B3414" s="52" t="s">
        <v>79</v>
      </c>
      <c r="C3414" s="3">
        <v>10</v>
      </c>
      <c r="D3414" s="52" t="s">
        <v>85</v>
      </c>
      <c r="E3414" s="52" t="s">
        <v>26</v>
      </c>
      <c r="F3414" s="52" t="s">
        <v>81</v>
      </c>
      <c r="G3414" s="52" t="s">
        <v>82</v>
      </c>
      <c r="H3414" s="4">
        <v>1</v>
      </c>
      <c r="I3414" s="2">
        <v>14.65</v>
      </c>
      <c r="J3414" s="52" t="s">
        <v>8371</v>
      </c>
      <c r="K3414" s="71" t="s">
        <v>8372</v>
      </c>
      <c r="L3414" s="52" t="s">
        <v>2063</v>
      </c>
      <c r="M3414" s="72">
        <v>4955</v>
      </c>
      <c r="N3414" s="52" t="s">
        <v>2072</v>
      </c>
      <c r="O3414" s="52" t="s">
        <v>2073</v>
      </c>
      <c r="P3414" s="52"/>
      <c r="Q3414" s="52"/>
      <c r="R3414" s="52"/>
      <c r="S3414" s="52"/>
      <c r="T3414" s="52"/>
      <c r="U3414" s="52"/>
      <c r="V3414" s="52"/>
      <c r="W3414" s="52"/>
    </row>
    <row r="3415" spans="1:23" hidden="1" x14ac:dyDescent="0.35">
      <c r="A3415" s="52" t="s">
        <v>78</v>
      </c>
      <c r="B3415" s="52" t="s">
        <v>79</v>
      </c>
      <c r="C3415" s="3">
        <v>10</v>
      </c>
      <c r="D3415" s="52" t="s">
        <v>2022</v>
      </c>
      <c r="E3415" s="52" t="s">
        <v>26</v>
      </c>
      <c r="F3415" s="52" t="s">
        <v>81</v>
      </c>
      <c r="G3415" s="52" t="s">
        <v>82</v>
      </c>
      <c r="H3415" s="4">
        <v>1</v>
      </c>
      <c r="I3415" s="2">
        <v>14.65</v>
      </c>
      <c r="J3415" s="52" t="s">
        <v>8373</v>
      </c>
      <c r="K3415" s="71" t="s">
        <v>8374</v>
      </c>
      <c r="L3415" s="52" t="s">
        <v>2063</v>
      </c>
      <c r="M3415" s="72">
        <v>6612</v>
      </c>
      <c r="N3415" s="52"/>
      <c r="O3415" s="52"/>
      <c r="P3415" s="52"/>
      <c r="Q3415" s="52"/>
      <c r="R3415" s="52"/>
      <c r="S3415" s="52"/>
      <c r="T3415" s="52"/>
      <c r="U3415" s="52"/>
      <c r="V3415" s="52"/>
      <c r="W3415" s="52"/>
    </row>
    <row r="3416" spans="1:23" hidden="1" x14ac:dyDescent="0.35">
      <c r="A3416" s="52" t="s">
        <v>78</v>
      </c>
      <c r="B3416" s="52" t="s">
        <v>79</v>
      </c>
      <c r="C3416" s="3">
        <v>20</v>
      </c>
      <c r="D3416" s="52" t="s">
        <v>87</v>
      </c>
      <c r="E3416" s="52" t="s">
        <v>26</v>
      </c>
      <c r="F3416" s="52" t="s">
        <v>81</v>
      </c>
      <c r="G3416" s="52" t="s">
        <v>82</v>
      </c>
      <c r="H3416" s="4">
        <v>1</v>
      </c>
      <c r="I3416" s="2">
        <v>14.65</v>
      </c>
      <c r="J3416" s="52" t="s">
        <v>8375</v>
      </c>
      <c r="K3416" s="71" t="s">
        <v>8376</v>
      </c>
      <c r="L3416" s="52" t="s">
        <v>2063</v>
      </c>
      <c r="M3416" s="72">
        <v>1608</v>
      </c>
      <c r="N3416" s="52"/>
      <c r="O3416" s="52"/>
      <c r="P3416" s="52"/>
      <c r="Q3416" s="52"/>
      <c r="R3416" s="52"/>
      <c r="S3416" s="52"/>
      <c r="T3416" s="52"/>
      <c r="U3416" s="52"/>
      <c r="V3416" s="52"/>
      <c r="W3416" s="52"/>
    </row>
    <row r="3417" spans="1:23" hidden="1" x14ac:dyDescent="0.35">
      <c r="A3417" s="52" t="s">
        <v>78</v>
      </c>
      <c r="B3417" s="52" t="s">
        <v>79</v>
      </c>
      <c r="C3417" s="3">
        <v>20</v>
      </c>
      <c r="D3417" s="52" t="s">
        <v>86</v>
      </c>
      <c r="E3417" s="52" t="s">
        <v>26</v>
      </c>
      <c r="F3417" s="52" t="s">
        <v>81</v>
      </c>
      <c r="G3417" s="52" t="s">
        <v>82</v>
      </c>
      <c r="H3417" s="4">
        <v>1</v>
      </c>
      <c r="I3417" s="2">
        <v>14.65</v>
      </c>
      <c r="J3417" s="52" t="s">
        <v>8377</v>
      </c>
      <c r="K3417" s="71" t="s">
        <v>8378</v>
      </c>
      <c r="L3417" s="52" t="s">
        <v>2063</v>
      </c>
      <c r="M3417" s="72">
        <v>8083</v>
      </c>
      <c r="N3417" s="52" t="s">
        <v>2072</v>
      </c>
      <c r="O3417" s="52" t="s">
        <v>2073</v>
      </c>
      <c r="P3417" s="52"/>
      <c r="Q3417" s="52"/>
      <c r="R3417" s="52"/>
      <c r="S3417" s="52"/>
      <c r="T3417" s="52"/>
      <c r="U3417" s="52"/>
      <c r="V3417" s="52"/>
      <c r="W3417" s="52"/>
    </row>
    <row r="3418" spans="1:23" x14ac:dyDescent="0.35">
      <c r="A3418" s="52" t="s">
        <v>78</v>
      </c>
      <c r="B3418" s="52" t="s">
        <v>79</v>
      </c>
      <c r="C3418" s="3">
        <v>20</v>
      </c>
      <c r="D3418" s="52" t="s">
        <v>2022</v>
      </c>
      <c r="E3418" s="52" t="s">
        <v>26</v>
      </c>
      <c r="F3418" s="52" t="s">
        <v>81</v>
      </c>
      <c r="G3418" s="52" t="s">
        <v>82</v>
      </c>
      <c r="H3418" s="4">
        <v>1</v>
      </c>
      <c r="I3418" s="2">
        <v>14.65</v>
      </c>
      <c r="J3418" s="52" t="s">
        <v>8379</v>
      </c>
      <c r="K3418" s="71" t="s">
        <v>8380</v>
      </c>
      <c r="L3418" s="52" t="s">
        <v>2063</v>
      </c>
      <c r="M3418" s="72">
        <v>4650</v>
      </c>
      <c r="N3418" s="52" t="s">
        <v>2076</v>
      </c>
      <c r="O3418" s="52" t="s">
        <v>2077</v>
      </c>
      <c r="P3418" s="52"/>
      <c r="Q3418" s="52"/>
      <c r="R3418" s="52"/>
      <c r="S3418" s="52"/>
      <c r="T3418" s="52"/>
      <c r="U3418" s="52"/>
      <c r="V3418" s="52"/>
      <c r="W3418" s="52"/>
    </row>
    <row r="3419" spans="1:23" hidden="1" x14ac:dyDescent="0.35">
      <c r="A3419" s="52" t="s">
        <v>78</v>
      </c>
      <c r="B3419" s="52" t="s">
        <v>79</v>
      </c>
      <c r="C3419" s="3">
        <v>10</v>
      </c>
      <c r="D3419" s="52" t="s">
        <v>2024</v>
      </c>
      <c r="E3419" s="52" t="s">
        <v>26</v>
      </c>
      <c r="F3419" s="52" t="s">
        <v>81</v>
      </c>
      <c r="G3419" s="52" t="s">
        <v>82</v>
      </c>
      <c r="H3419" s="4">
        <v>1</v>
      </c>
      <c r="I3419" s="2">
        <v>14.65</v>
      </c>
      <c r="J3419" s="52" t="s">
        <v>8381</v>
      </c>
      <c r="K3419" s="71" t="s">
        <v>8382</v>
      </c>
      <c r="L3419" s="52" t="s">
        <v>2063</v>
      </c>
      <c r="M3419" s="72">
        <v>5359</v>
      </c>
      <c r="N3419" s="52" t="s">
        <v>2066</v>
      </c>
      <c r="O3419" s="52" t="s">
        <v>2067</v>
      </c>
      <c r="P3419" s="52"/>
      <c r="Q3419" s="52"/>
      <c r="R3419" s="52"/>
      <c r="S3419" s="52"/>
      <c r="T3419" s="52"/>
      <c r="U3419" s="52"/>
      <c r="V3419" s="52"/>
      <c r="W3419" s="52"/>
    </row>
    <row r="3420" spans="1:23" hidden="1" x14ac:dyDescent="0.35">
      <c r="A3420" s="52" t="s">
        <v>78</v>
      </c>
      <c r="B3420" s="52" t="s">
        <v>79</v>
      </c>
      <c r="C3420" s="3">
        <v>10</v>
      </c>
      <c r="D3420" s="52" t="s">
        <v>85</v>
      </c>
      <c r="E3420" s="52" t="s">
        <v>26</v>
      </c>
      <c r="F3420" s="52" t="s">
        <v>81</v>
      </c>
      <c r="G3420" s="52" t="s">
        <v>82</v>
      </c>
      <c r="H3420" s="4">
        <v>1</v>
      </c>
      <c r="I3420" s="2">
        <v>14.65</v>
      </c>
      <c r="J3420" s="52" t="s">
        <v>8383</v>
      </c>
      <c r="K3420" s="71" t="s">
        <v>8384</v>
      </c>
      <c r="L3420" s="52" t="s">
        <v>2063</v>
      </c>
      <c r="M3420" s="72">
        <v>2021</v>
      </c>
      <c r="N3420" s="52" t="s">
        <v>2154</v>
      </c>
      <c r="O3420" s="52" t="s">
        <v>2155</v>
      </c>
      <c r="P3420" s="52"/>
      <c r="Q3420" s="52"/>
      <c r="R3420" s="52"/>
      <c r="S3420" s="52"/>
      <c r="T3420" s="52"/>
      <c r="U3420" s="52"/>
      <c r="V3420" s="52"/>
      <c r="W3420" s="52"/>
    </row>
    <row r="3421" spans="1:23" hidden="1" x14ac:dyDescent="0.35">
      <c r="A3421" s="52" t="s">
        <v>78</v>
      </c>
      <c r="B3421" s="52" t="s">
        <v>79</v>
      </c>
      <c r="C3421" s="3">
        <v>10</v>
      </c>
      <c r="D3421" s="52" t="s">
        <v>85</v>
      </c>
      <c r="E3421" s="52" t="s">
        <v>26</v>
      </c>
      <c r="F3421" s="52" t="s">
        <v>81</v>
      </c>
      <c r="G3421" s="52" t="s">
        <v>82</v>
      </c>
      <c r="H3421" s="4">
        <v>1</v>
      </c>
      <c r="I3421" s="2">
        <v>14.65</v>
      </c>
      <c r="J3421" s="52" t="s">
        <v>8385</v>
      </c>
      <c r="K3421" s="71" t="s">
        <v>8386</v>
      </c>
      <c r="L3421" s="52" t="s">
        <v>2063</v>
      </c>
      <c r="M3421" s="72">
        <v>1489</v>
      </c>
      <c r="N3421" s="52" t="s">
        <v>2158</v>
      </c>
      <c r="O3421" s="52" t="s">
        <v>2159</v>
      </c>
      <c r="P3421" s="52"/>
      <c r="Q3421" s="52"/>
      <c r="R3421" s="52"/>
      <c r="S3421" s="52"/>
      <c r="T3421" s="52"/>
      <c r="U3421" s="52"/>
      <c r="V3421" s="52"/>
      <c r="W3421" s="52"/>
    </row>
    <row r="3422" spans="1:23" hidden="1" x14ac:dyDescent="0.35">
      <c r="A3422" s="52" t="s">
        <v>78</v>
      </c>
      <c r="B3422" s="52" t="s">
        <v>79</v>
      </c>
      <c r="C3422" s="3">
        <v>20</v>
      </c>
      <c r="D3422" s="52" t="s">
        <v>80</v>
      </c>
      <c r="E3422" s="52" t="s">
        <v>26</v>
      </c>
      <c r="F3422" s="52" t="s">
        <v>81</v>
      </c>
      <c r="G3422" s="52" t="s">
        <v>82</v>
      </c>
      <c r="H3422" s="4">
        <v>1</v>
      </c>
      <c r="I3422" s="2">
        <v>14.65</v>
      </c>
      <c r="J3422" s="52" t="s">
        <v>8387</v>
      </c>
      <c r="K3422" s="71" t="s">
        <v>8388</v>
      </c>
      <c r="L3422" s="52" t="s">
        <v>2063</v>
      </c>
      <c r="M3422" s="72">
        <v>1813</v>
      </c>
      <c r="N3422" s="52"/>
      <c r="O3422" s="52"/>
      <c r="P3422" s="52"/>
      <c r="Q3422" s="52"/>
      <c r="R3422" s="52"/>
      <c r="S3422" s="52"/>
      <c r="T3422" s="52"/>
      <c r="U3422" s="52"/>
      <c r="V3422" s="52"/>
      <c r="W3422" s="52"/>
    </row>
    <row r="3423" spans="1:23" hidden="1" x14ac:dyDescent="0.35">
      <c r="A3423" s="52" t="s">
        <v>78</v>
      </c>
      <c r="B3423" s="52" t="s">
        <v>79</v>
      </c>
      <c r="C3423" s="3">
        <v>20</v>
      </c>
      <c r="D3423" s="52" t="s">
        <v>83</v>
      </c>
      <c r="E3423" s="52" t="s">
        <v>26</v>
      </c>
      <c r="F3423" s="52" t="s">
        <v>81</v>
      </c>
      <c r="G3423" s="52" t="s">
        <v>82</v>
      </c>
      <c r="H3423" s="4">
        <v>1</v>
      </c>
      <c r="I3423" s="2">
        <v>14.65</v>
      </c>
      <c r="J3423" s="52" t="s">
        <v>8389</v>
      </c>
      <c r="K3423" s="71" t="s">
        <v>8390</v>
      </c>
      <c r="L3423" s="52" t="s">
        <v>2063</v>
      </c>
      <c r="M3423" s="72">
        <v>2043</v>
      </c>
      <c r="N3423" s="52" t="s">
        <v>2066</v>
      </c>
      <c r="O3423" s="52" t="s">
        <v>2067</v>
      </c>
      <c r="P3423" s="52"/>
      <c r="Q3423" s="52"/>
      <c r="R3423" s="52"/>
      <c r="S3423" s="52"/>
      <c r="T3423" s="52"/>
      <c r="U3423" s="52"/>
      <c r="V3423" s="52"/>
      <c r="W3423" s="52"/>
    </row>
    <row r="3424" spans="1:23" hidden="1" x14ac:dyDescent="0.35">
      <c r="A3424" s="52" t="s">
        <v>78</v>
      </c>
      <c r="B3424" s="52" t="s">
        <v>79</v>
      </c>
      <c r="C3424" s="3">
        <v>10</v>
      </c>
      <c r="D3424" s="52" t="s">
        <v>2022</v>
      </c>
      <c r="E3424" s="52" t="s">
        <v>26</v>
      </c>
      <c r="F3424" s="52" t="s">
        <v>81</v>
      </c>
      <c r="G3424" s="52" t="s">
        <v>82</v>
      </c>
      <c r="H3424" s="4">
        <v>1</v>
      </c>
      <c r="I3424" s="2">
        <v>14.65</v>
      </c>
      <c r="J3424" s="52" t="s">
        <v>8371</v>
      </c>
      <c r="K3424" s="71" t="s">
        <v>8391</v>
      </c>
      <c r="L3424" s="52" t="s">
        <v>2063</v>
      </c>
      <c r="M3424" s="72">
        <v>4824</v>
      </c>
      <c r="N3424" s="52" t="s">
        <v>2072</v>
      </c>
      <c r="O3424" s="52" t="s">
        <v>2073</v>
      </c>
      <c r="P3424" s="52"/>
      <c r="Q3424" s="52"/>
      <c r="R3424" s="52"/>
      <c r="S3424" s="52"/>
      <c r="T3424" s="52"/>
      <c r="U3424" s="52"/>
      <c r="V3424" s="52"/>
      <c r="W3424" s="52"/>
    </row>
    <row r="3425" spans="1:23" hidden="1" x14ac:dyDescent="0.35">
      <c r="A3425" s="52" t="s">
        <v>78</v>
      </c>
      <c r="B3425" s="52" t="s">
        <v>79</v>
      </c>
      <c r="C3425" s="3">
        <v>20</v>
      </c>
      <c r="D3425" s="52" t="s">
        <v>87</v>
      </c>
      <c r="E3425" s="52" t="s">
        <v>26</v>
      </c>
      <c r="F3425" s="52" t="s">
        <v>81</v>
      </c>
      <c r="G3425" s="52" t="s">
        <v>82</v>
      </c>
      <c r="H3425" s="4">
        <v>1</v>
      </c>
      <c r="I3425" s="2">
        <v>14.65</v>
      </c>
      <c r="J3425" s="52" t="s">
        <v>8392</v>
      </c>
      <c r="K3425" s="71" t="s">
        <v>8393</v>
      </c>
      <c r="L3425" s="52" t="s">
        <v>2063</v>
      </c>
      <c r="M3425" s="72">
        <v>756</v>
      </c>
      <c r="N3425" s="52" t="s">
        <v>2066</v>
      </c>
      <c r="O3425" s="52" t="s">
        <v>2067</v>
      </c>
      <c r="P3425" s="52"/>
      <c r="Q3425" s="52"/>
      <c r="R3425" s="52"/>
      <c r="S3425" s="52"/>
      <c r="T3425" s="52"/>
      <c r="U3425" s="52"/>
      <c r="V3425" s="52"/>
      <c r="W3425" s="52"/>
    </row>
    <row r="3426" spans="1:23" hidden="1" x14ac:dyDescent="0.35">
      <c r="A3426" s="52" t="s">
        <v>78</v>
      </c>
      <c r="B3426" s="52" t="s">
        <v>79</v>
      </c>
      <c r="C3426" s="3">
        <v>20</v>
      </c>
      <c r="D3426" s="52" t="s">
        <v>83</v>
      </c>
      <c r="E3426" s="52" t="s">
        <v>26</v>
      </c>
      <c r="F3426" s="52" t="s">
        <v>81</v>
      </c>
      <c r="G3426" s="52" t="s">
        <v>82</v>
      </c>
      <c r="H3426" s="4">
        <v>1</v>
      </c>
      <c r="I3426" s="2">
        <v>14.65</v>
      </c>
      <c r="J3426" s="52" t="s">
        <v>8394</v>
      </c>
      <c r="K3426" s="71" t="s">
        <v>8395</v>
      </c>
      <c r="L3426" s="52" t="s">
        <v>2063</v>
      </c>
      <c r="M3426" s="72">
        <v>6956</v>
      </c>
      <c r="N3426" s="52"/>
      <c r="O3426" s="52"/>
      <c r="P3426" s="52"/>
      <c r="Q3426" s="52"/>
      <c r="R3426" s="52"/>
      <c r="S3426" s="52"/>
      <c r="T3426" s="52"/>
      <c r="U3426" s="52"/>
      <c r="V3426" s="52"/>
      <c r="W3426" s="52"/>
    </row>
    <row r="3427" spans="1:23" hidden="1" x14ac:dyDescent="0.35">
      <c r="A3427" s="52" t="s">
        <v>78</v>
      </c>
      <c r="B3427" s="52" t="s">
        <v>79</v>
      </c>
      <c r="C3427" s="3">
        <v>20</v>
      </c>
      <c r="D3427" s="52" t="s">
        <v>2024</v>
      </c>
      <c r="E3427" s="52" t="s">
        <v>26</v>
      </c>
      <c r="F3427" s="52" t="s">
        <v>81</v>
      </c>
      <c r="G3427" s="52" t="s">
        <v>82</v>
      </c>
      <c r="H3427" s="4">
        <v>1</v>
      </c>
      <c r="I3427" s="2">
        <v>14.65</v>
      </c>
      <c r="J3427" s="52" t="s">
        <v>8396</v>
      </c>
      <c r="K3427" s="71" t="s">
        <v>8397</v>
      </c>
      <c r="L3427" s="52" t="s">
        <v>2063</v>
      </c>
      <c r="M3427" s="72">
        <v>5409</v>
      </c>
      <c r="N3427" s="52" t="s">
        <v>2066</v>
      </c>
      <c r="O3427" s="52" t="s">
        <v>2067</v>
      </c>
      <c r="P3427" s="52"/>
      <c r="Q3427" s="52"/>
      <c r="R3427" s="52"/>
      <c r="S3427" s="52"/>
      <c r="T3427" s="52"/>
      <c r="U3427" s="52"/>
      <c r="V3427" s="52"/>
      <c r="W3427" s="52"/>
    </row>
    <row r="3428" spans="1:23" x14ac:dyDescent="0.35">
      <c r="A3428" s="52" t="s">
        <v>78</v>
      </c>
      <c r="B3428" s="52" t="s">
        <v>79</v>
      </c>
      <c r="C3428" s="3">
        <v>20</v>
      </c>
      <c r="D3428" s="52" t="s">
        <v>2020</v>
      </c>
      <c r="E3428" s="52" t="s">
        <v>26</v>
      </c>
      <c r="F3428" s="52" t="s">
        <v>81</v>
      </c>
      <c r="G3428" s="52" t="s">
        <v>82</v>
      </c>
      <c r="H3428" s="4">
        <v>1</v>
      </c>
      <c r="I3428" s="2">
        <v>14.65</v>
      </c>
      <c r="J3428" s="52" t="s">
        <v>8398</v>
      </c>
      <c r="K3428" s="71" t="s">
        <v>8399</v>
      </c>
      <c r="L3428" s="52" t="s">
        <v>2063</v>
      </c>
      <c r="M3428" s="72">
        <v>543</v>
      </c>
      <c r="N3428" s="52" t="s">
        <v>2076</v>
      </c>
      <c r="O3428" s="52" t="s">
        <v>2077</v>
      </c>
      <c r="P3428" s="52"/>
      <c r="Q3428" s="52"/>
      <c r="R3428" s="52"/>
      <c r="S3428" s="52"/>
      <c r="T3428" s="52"/>
      <c r="U3428" s="52"/>
      <c r="V3428" s="52"/>
      <c r="W3428" s="52"/>
    </row>
    <row r="3429" spans="1:23" hidden="1" x14ac:dyDescent="0.35">
      <c r="A3429" s="52" t="s">
        <v>78</v>
      </c>
      <c r="B3429" s="52" t="s">
        <v>79</v>
      </c>
      <c r="C3429" s="3">
        <v>20</v>
      </c>
      <c r="D3429" s="52" t="s">
        <v>85</v>
      </c>
      <c r="E3429" s="52" t="s">
        <v>26</v>
      </c>
      <c r="F3429" s="52" t="s">
        <v>81</v>
      </c>
      <c r="G3429" s="52" t="s">
        <v>82</v>
      </c>
      <c r="H3429" s="4">
        <v>1</v>
      </c>
      <c r="I3429" s="2">
        <v>14.65</v>
      </c>
      <c r="J3429" s="52" t="s">
        <v>8400</v>
      </c>
      <c r="K3429" s="71" t="s">
        <v>8401</v>
      </c>
      <c r="L3429" s="52" t="s">
        <v>2063</v>
      </c>
      <c r="M3429" s="72">
        <v>4218</v>
      </c>
      <c r="N3429" s="52"/>
      <c r="O3429" s="52"/>
      <c r="P3429" s="52"/>
      <c r="Q3429" s="52"/>
      <c r="R3429" s="52"/>
      <c r="S3429" s="52"/>
      <c r="T3429" s="52"/>
      <c r="U3429" s="52"/>
      <c r="V3429" s="52"/>
      <c r="W3429" s="52"/>
    </row>
    <row r="3430" spans="1:23" hidden="1" x14ac:dyDescent="0.35">
      <c r="A3430" s="52" t="s">
        <v>78</v>
      </c>
      <c r="B3430" s="52" t="s">
        <v>79</v>
      </c>
      <c r="C3430" s="3">
        <v>10</v>
      </c>
      <c r="D3430" s="52" t="s">
        <v>87</v>
      </c>
      <c r="E3430" s="52" t="s">
        <v>26</v>
      </c>
      <c r="F3430" s="52" t="s">
        <v>81</v>
      </c>
      <c r="G3430" s="52" t="s">
        <v>82</v>
      </c>
      <c r="H3430" s="4">
        <v>1</v>
      </c>
      <c r="I3430" s="2">
        <v>14.65</v>
      </c>
      <c r="J3430" s="52" t="s">
        <v>8402</v>
      </c>
      <c r="K3430" s="71" t="s">
        <v>8403</v>
      </c>
      <c r="L3430" s="52" t="s">
        <v>2063</v>
      </c>
      <c r="M3430" s="72">
        <v>883</v>
      </c>
      <c r="N3430" s="52" t="s">
        <v>2072</v>
      </c>
      <c r="O3430" s="52" t="s">
        <v>2073</v>
      </c>
      <c r="P3430" s="52"/>
      <c r="Q3430" s="52"/>
      <c r="R3430" s="52"/>
      <c r="S3430" s="52"/>
      <c r="T3430" s="52"/>
      <c r="U3430" s="52"/>
      <c r="V3430" s="52"/>
      <c r="W3430" s="52"/>
    </row>
    <row r="3431" spans="1:23" hidden="1" x14ac:dyDescent="0.35">
      <c r="A3431" s="52" t="s">
        <v>78</v>
      </c>
      <c r="B3431" s="52" t="s">
        <v>79</v>
      </c>
      <c r="C3431" s="3">
        <v>20</v>
      </c>
      <c r="D3431" s="52" t="s">
        <v>85</v>
      </c>
      <c r="E3431" s="52" t="s">
        <v>26</v>
      </c>
      <c r="F3431" s="52" t="s">
        <v>81</v>
      </c>
      <c r="G3431" s="52" t="s">
        <v>82</v>
      </c>
      <c r="H3431" s="4">
        <v>1</v>
      </c>
      <c r="I3431" s="2">
        <v>14.65</v>
      </c>
      <c r="J3431" s="52" t="s">
        <v>8404</v>
      </c>
      <c r="K3431" s="71" t="s">
        <v>8405</v>
      </c>
      <c r="L3431" s="52" t="s">
        <v>2063</v>
      </c>
      <c r="M3431" s="72">
        <v>2395</v>
      </c>
      <c r="N3431" s="52" t="s">
        <v>2072</v>
      </c>
      <c r="O3431" s="52" t="s">
        <v>2073</v>
      </c>
      <c r="P3431" s="52"/>
      <c r="Q3431" s="52"/>
      <c r="R3431" s="52"/>
      <c r="S3431" s="52"/>
      <c r="T3431" s="52"/>
      <c r="U3431" s="52"/>
      <c r="V3431" s="52"/>
      <c r="W3431" s="52"/>
    </row>
    <row r="3432" spans="1:23" hidden="1" x14ac:dyDescent="0.35">
      <c r="A3432" s="52" t="s">
        <v>78</v>
      </c>
      <c r="B3432" s="52" t="s">
        <v>79</v>
      </c>
      <c r="C3432" s="3">
        <v>211</v>
      </c>
      <c r="D3432" s="52" t="s">
        <v>2023</v>
      </c>
      <c r="E3432" s="52" t="s">
        <v>26</v>
      </c>
      <c r="F3432" s="52" t="s">
        <v>81</v>
      </c>
      <c r="G3432" s="52" t="s">
        <v>82</v>
      </c>
      <c r="H3432" s="4">
        <v>1</v>
      </c>
      <c r="I3432" s="2">
        <v>14.65</v>
      </c>
      <c r="J3432" s="52" t="s">
        <v>8406</v>
      </c>
      <c r="K3432" s="71" t="s">
        <v>8407</v>
      </c>
      <c r="L3432" s="52" t="s">
        <v>2063</v>
      </c>
      <c r="M3432" s="72">
        <v>8420</v>
      </c>
      <c r="N3432" s="52" t="s">
        <v>2066</v>
      </c>
      <c r="O3432" s="52" t="s">
        <v>2067</v>
      </c>
      <c r="P3432" s="52"/>
      <c r="Q3432" s="52"/>
      <c r="R3432" s="52"/>
      <c r="S3432" s="52"/>
      <c r="T3432" s="52"/>
      <c r="U3432" s="52"/>
      <c r="V3432" s="52"/>
      <c r="W3432" s="52"/>
    </row>
    <row r="3433" spans="1:23" hidden="1" x14ac:dyDescent="0.35">
      <c r="A3433" s="52" t="s">
        <v>78</v>
      </c>
      <c r="B3433" s="52" t="s">
        <v>79</v>
      </c>
      <c r="C3433" s="3">
        <v>20</v>
      </c>
      <c r="D3433" s="52" t="s">
        <v>2022</v>
      </c>
      <c r="E3433" s="52" t="s">
        <v>26</v>
      </c>
      <c r="F3433" s="52" t="s">
        <v>81</v>
      </c>
      <c r="G3433" s="52" t="s">
        <v>82</v>
      </c>
      <c r="H3433" s="4">
        <v>1</v>
      </c>
      <c r="I3433" s="2">
        <v>14.65</v>
      </c>
      <c r="J3433" s="52" t="s">
        <v>8408</v>
      </c>
      <c r="K3433" s="71" t="s">
        <v>8409</v>
      </c>
      <c r="L3433" s="52" t="s">
        <v>2063</v>
      </c>
      <c r="M3433" s="72">
        <v>4890</v>
      </c>
      <c r="N3433" s="52" t="s">
        <v>2066</v>
      </c>
      <c r="O3433" s="52" t="s">
        <v>2067</v>
      </c>
      <c r="P3433" s="52"/>
      <c r="Q3433" s="52"/>
      <c r="R3433" s="52"/>
      <c r="S3433" s="52"/>
      <c r="T3433" s="52"/>
      <c r="U3433" s="52"/>
      <c r="V3433" s="52"/>
      <c r="W3433" s="52"/>
    </row>
    <row r="3434" spans="1:23" hidden="1" x14ac:dyDescent="0.35">
      <c r="A3434" s="52" t="s">
        <v>78</v>
      </c>
      <c r="B3434" s="52" t="s">
        <v>79</v>
      </c>
      <c r="C3434" s="3">
        <v>212</v>
      </c>
      <c r="D3434" s="52" t="s">
        <v>2023</v>
      </c>
      <c r="E3434" s="52" t="s">
        <v>26</v>
      </c>
      <c r="F3434" s="52" t="s">
        <v>81</v>
      </c>
      <c r="G3434" s="52" t="s">
        <v>82</v>
      </c>
      <c r="H3434" s="4">
        <v>1</v>
      </c>
      <c r="I3434" s="2">
        <v>14.65</v>
      </c>
      <c r="J3434" s="52" t="s">
        <v>8329</v>
      </c>
      <c r="K3434" s="71" t="s">
        <v>8410</v>
      </c>
      <c r="L3434" s="52" t="s">
        <v>2063</v>
      </c>
      <c r="M3434" s="72">
        <v>6742</v>
      </c>
      <c r="N3434" s="52"/>
      <c r="O3434" s="52"/>
      <c r="P3434" s="52"/>
      <c r="Q3434" s="52"/>
      <c r="R3434" s="52"/>
      <c r="S3434" s="52"/>
      <c r="T3434" s="52"/>
      <c r="U3434" s="52"/>
      <c r="V3434" s="52"/>
      <c r="W3434" s="52"/>
    </row>
    <row r="3435" spans="1:23" hidden="1" x14ac:dyDescent="0.35">
      <c r="A3435" s="52" t="s">
        <v>78</v>
      </c>
      <c r="B3435" s="52" t="s">
        <v>79</v>
      </c>
      <c r="C3435" s="3">
        <v>20</v>
      </c>
      <c r="D3435" s="52" t="s">
        <v>80</v>
      </c>
      <c r="E3435" s="52" t="s">
        <v>26</v>
      </c>
      <c r="F3435" s="52" t="s">
        <v>81</v>
      </c>
      <c r="G3435" s="52" t="s">
        <v>82</v>
      </c>
      <c r="H3435" s="4">
        <v>1</v>
      </c>
      <c r="I3435" s="2">
        <v>14.65</v>
      </c>
      <c r="J3435" s="52" t="s">
        <v>8411</v>
      </c>
      <c r="K3435" s="71" t="s">
        <v>8412</v>
      </c>
      <c r="L3435" s="52" t="s">
        <v>2063</v>
      </c>
      <c r="M3435" s="72">
        <v>7090</v>
      </c>
      <c r="N3435" s="52" t="s">
        <v>2072</v>
      </c>
      <c r="O3435" s="52" t="s">
        <v>2073</v>
      </c>
      <c r="P3435" s="52"/>
      <c r="Q3435" s="52"/>
      <c r="R3435" s="52"/>
      <c r="S3435" s="52"/>
      <c r="T3435" s="52"/>
      <c r="U3435" s="52"/>
      <c r="V3435" s="52"/>
      <c r="W3435" s="52"/>
    </row>
    <row r="3436" spans="1:23" hidden="1" x14ac:dyDescent="0.35">
      <c r="A3436" s="52" t="s">
        <v>78</v>
      </c>
      <c r="B3436" s="52" t="s">
        <v>79</v>
      </c>
      <c r="C3436" s="3">
        <v>20</v>
      </c>
      <c r="D3436" s="52" t="s">
        <v>2021</v>
      </c>
      <c r="E3436" s="52" t="s">
        <v>26</v>
      </c>
      <c r="F3436" s="52" t="s">
        <v>81</v>
      </c>
      <c r="G3436" s="52" t="s">
        <v>82</v>
      </c>
      <c r="H3436" s="4">
        <v>1</v>
      </c>
      <c r="I3436" s="2">
        <v>14.65</v>
      </c>
      <c r="J3436" s="52" t="s">
        <v>8413</v>
      </c>
      <c r="K3436" s="71" t="s">
        <v>8414</v>
      </c>
      <c r="L3436" s="52" t="s">
        <v>2063</v>
      </c>
      <c r="M3436" s="72">
        <v>3127</v>
      </c>
      <c r="N3436" s="52" t="s">
        <v>2072</v>
      </c>
      <c r="O3436" s="52" t="s">
        <v>2073</v>
      </c>
      <c r="P3436" s="52"/>
      <c r="Q3436" s="52"/>
      <c r="R3436" s="52"/>
      <c r="S3436" s="52"/>
      <c r="T3436" s="52"/>
      <c r="U3436" s="52"/>
      <c r="V3436" s="52"/>
      <c r="W3436" s="52"/>
    </row>
    <row r="3437" spans="1:23" hidden="1" x14ac:dyDescent="0.35">
      <c r="A3437" s="52" t="s">
        <v>78</v>
      </c>
      <c r="B3437" s="52" t="s">
        <v>79</v>
      </c>
      <c r="C3437" s="3">
        <v>10</v>
      </c>
      <c r="D3437" s="52" t="s">
        <v>87</v>
      </c>
      <c r="E3437" s="52" t="s">
        <v>26</v>
      </c>
      <c r="F3437" s="52" t="s">
        <v>81</v>
      </c>
      <c r="G3437" s="52" t="s">
        <v>82</v>
      </c>
      <c r="H3437" s="4">
        <v>1</v>
      </c>
      <c r="I3437" s="2">
        <v>14.65</v>
      </c>
      <c r="J3437" s="52" t="s">
        <v>8415</v>
      </c>
      <c r="K3437" s="71" t="s">
        <v>8416</v>
      </c>
      <c r="L3437" s="52" t="s">
        <v>2063</v>
      </c>
      <c r="M3437" s="72">
        <v>1318</v>
      </c>
      <c r="N3437" s="52" t="s">
        <v>2072</v>
      </c>
      <c r="O3437" s="52" t="s">
        <v>2073</v>
      </c>
      <c r="P3437" s="52"/>
      <c r="Q3437" s="52"/>
      <c r="R3437" s="52"/>
      <c r="S3437" s="52"/>
      <c r="T3437" s="52"/>
      <c r="U3437" s="52"/>
      <c r="V3437" s="52"/>
      <c r="W3437" s="52"/>
    </row>
    <row r="3438" spans="1:23" hidden="1" x14ac:dyDescent="0.35">
      <c r="A3438" s="52" t="s">
        <v>78</v>
      </c>
      <c r="B3438" s="52" t="s">
        <v>79</v>
      </c>
      <c r="C3438" s="3">
        <v>20</v>
      </c>
      <c r="D3438" s="52" t="s">
        <v>80</v>
      </c>
      <c r="E3438" s="52" t="s">
        <v>26</v>
      </c>
      <c r="F3438" s="52" t="s">
        <v>81</v>
      </c>
      <c r="G3438" s="52" t="s">
        <v>82</v>
      </c>
      <c r="H3438" s="4">
        <v>1</v>
      </c>
      <c r="I3438" s="2">
        <v>14.65</v>
      </c>
      <c r="J3438" s="52" t="s">
        <v>8417</v>
      </c>
      <c r="K3438" s="71" t="s">
        <v>8418</v>
      </c>
      <c r="L3438" s="52" t="s">
        <v>2063</v>
      </c>
      <c r="M3438" s="72">
        <v>6844</v>
      </c>
      <c r="N3438" s="52" t="s">
        <v>2072</v>
      </c>
      <c r="O3438" s="52" t="s">
        <v>2073</v>
      </c>
      <c r="P3438" s="52"/>
      <c r="Q3438" s="52"/>
      <c r="R3438" s="52"/>
      <c r="S3438" s="52"/>
      <c r="T3438" s="52"/>
      <c r="U3438" s="52"/>
      <c r="V3438" s="52"/>
      <c r="W3438" s="52"/>
    </row>
    <row r="3439" spans="1:23" hidden="1" x14ac:dyDescent="0.35">
      <c r="A3439" s="52" t="s">
        <v>78</v>
      </c>
      <c r="B3439" s="52" t="s">
        <v>79</v>
      </c>
      <c r="C3439" s="3">
        <v>20</v>
      </c>
      <c r="D3439" s="52" t="s">
        <v>85</v>
      </c>
      <c r="E3439" s="52" t="s">
        <v>26</v>
      </c>
      <c r="F3439" s="52" t="s">
        <v>81</v>
      </c>
      <c r="G3439" s="52" t="s">
        <v>82</v>
      </c>
      <c r="H3439" s="4">
        <v>1</v>
      </c>
      <c r="I3439" s="2">
        <v>14.65</v>
      </c>
      <c r="J3439" s="52" t="s">
        <v>8419</v>
      </c>
      <c r="K3439" s="71" t="s">
        <v>8420</v>
      </c>
      <c r="L3439" s="52" t="s">
        <v>2063</v>
      </c>
      <c r="M3439" s="72">
        <v>6131</v>
      </c>
      <c r="N3439" s="52" t="s">
        <v>2072</v>
      </c>
      <c r="O3439" s="52" t="s">
        <v>2073</v>
      </c>
      <c r="P3439" s="52"/>
      <c r="Q3439" s="52"/>
      <c r="R3439" s="52"/>
      <c r="S3439" s="52"/>
      <c r="T3439" s="52"/>
      <c r="U3439" s="52"/>
      <c r="V3439" s="52"/>
      <c r="W3439" s="52"/>
    </row>
    <row r="3440" spans="1:23" hidden="1" x14ac:dyDescent="0.35">
      <c r="A3440" s="52" t="s">
        <v>78</v>
      </c>
      <c r="B3440" s="52" t="s">
        <v>79</v>
      </c>
      <c r="C3440" s="3">
        <v>10</v>
      </c>
      <c r="D3440" s="52" t="s">
        <v>85</v>
      </c>
      <c r="E3440" s="52" t="s">
        <v>26</v>
      </c>
      <c r="F3440" s="52" t="s">
        <v>81</v>
      </c>
      <c r="G3440" s="52" t="s">
        <v>82</v>
      </c>
      <c r="H3440" s="4">
        <v>1</v>
      </c>
      <c r="I3440" s="2">
        <v>14.65</v>
      </c>
      <c r="J3440" s="52" t="s">
        <v>8421</v>
      </c>
      <c r="K3440" s="71" t="s">
        <v>8422</v>
      </c>
      <c r="L3440" s="52" t="s">
        <v>2063</v>
      </c>
      <c r="M3440" s="72">
        <v>4177</v>
      </c>
      <c r="N3440" s="52" t="s">
        <v>2066</v>
      </c>
      <c r="O3440" s="52" t="s">
        <v>2067</v>
      </c>
      <c r="P3440" s="52"/>
      <c r="Q3440" s="52"/>
      <c r="R3440" s="52"/>
      <c r="S3440" s="52"/>
      <c r="T3440" s="52"/>
      <c r="U3440" s="52"/>
      <c r="V3440" s="52"/>
      <c r="W3440" s="52"/>
    </row>
    <row r="3441" spans="1:23" hidden="1" x14ac:dyDescent="0.35">
      <c r="A3441" s="52" t="s">
        <v>78</v>
      </c>
      <c r="B3441" s="52" t="s">
        <v>79</v>
      </c>
      <c r="C3441" s="3">
        <v>10</v>
      </c>
      <c r="D3441" s="52" t="s">
        <v>2021</v>
      </c>
      <c r="E3441" s="52" t="s">
        <v>26</v>
      </c>
      <c r="F3441" s="52" t="s">
        <v>81</v>
      </c>
      <c r="G3441" s="52" t="s">
        <v>82</v>
      </c>
      <c r="H3441" s="4">
        <v>1</v>
      </c>
      <c r="I3441" s="2">
        <v>14.65</v>
      </c>
      <c r="J3441" s="52" t="s">
        <v>8423</v>
      </c>
      <c r="K3441" s="71" t="s">
        <v>8424</v>
      </c>
      <c r="L3441" s="52" t="s">
        <v>2063</v>
      </c>
      <c r="M3441" s="72">
        <v>1269</v>
      </c>
      <c r="N3441" s="52" t="s">
        <v>2072</v>
      </c>
      <c r="O3441" s="52" t="s">
        <v>2073</v>
      </c>
      <c r="P3441" s="52"/>
      <c r="Q3441" s="52"/>
      <c r="R3441" s="52"/>
      <c r="S3441" s="52"/>
      <c r="T3441" s="52"/>
      <c r="U3441" s="52"/>
      <c r="V3441" s="52"/>
      <c r="W3441" s="52"/>
    </row>
    <row r="3442" spans="1:23" hidden="1" x14ac:dyDescent="0.35">
      <c r="A3442" s="52" t="s">
        <v>78</v>
      </c>
      <c r="B3442" s="52" t="s">
        <v>79</v>
      </c>
      <c r="C3442" s="3">
        <v>20</v>
      </c>
      <c r="D3442" s="52" t="s">
        <v>83</v>
      </c>
      <c r="E3442" s="52" t="s">
        <v>26</v>
      </c>
      <c r="F3442" s="52" t="s">
        <v>81</v>
      </c>
      <c r="G3442" s="52" t="s">
        <v>82</v>
      </c>
      <c r="H3442" s="4">
        <v>1</v>
      </c>
      <c r="I3442" s="2">
        <v>14.65</v>
      </c>
      <c r="J3442" s="52" t="s">
        <v>8425</v>
      </c>
      <c r="K3442" s="71" t="s">
        <v>8426</v>
      </c>
      <c r="L3442" s="52" t="s">
        <v>2063</v>
      </c>
      <c r="M3442" s="72">
        <v>5857</v>
      </c>
      <c r="N3442" s="52" t="s">
        <v>2066</v>
      </c>
      <c r="O3442" s="52" t="s">
        <v>2067</v>
      </c>
      <c r="P3442" s="52"/>
      <c r="Q3442" s="52"/>
      <c r="R3442" s="52"/>
      <c r="S3442" s="52"/>
      <c r="T3442" s="52"/>
      <c r="U3442" s="52"/>
      <c r="V3442" s="52"/>
      <c r="W3442" s="52"/>
    </row>
    <row r="3443" spans="1:23" hidden="1" x14ac:dyDescent="0.35">
      <c r="A3443" s="52" t="s">
        <v>78</v>
      </c>
      <c r="B3443" s="52" t="s">
        <v>79</v>
      </c>
      <c r="C3443" s="3">
        <v>20</v>
      </c>
      <c r="D3443" s="52" t="s">
        <v>2022</v>
      </c>
      <c r="E3443" s="52" t="s">
        <v>26</v>
      </c>
      <c r="F3443" s="52" t="s">
        <v>81</v>
      </c>
      <c r="G3443" s="52" t="s">
        <v>82</v>
      </c>
      <c r="H3443" s="4">
        <v>1</v>
      </c>
      <c r="I3443" s="2">
        <v>14.65</v>
      </c>
      <c r="J3443" s="52" t="s">
        <v>8427</v>
      </c>
      <c r="K3443" s="71" t="s">
        <v>8428</v>
      </c>
      <c r="L3443" s="52" t="s">
        <v>2063</v>
      </c>
      <c r="M3443" s="72">
        <v>505</v>
      </c>
      <c r="N3443" s="52" t="s">
        <v>2066</v>
      </c>
      <c r="O3443" s="52" t="s">
        <v>2067</v>
      </c>
      <c r="P3443" s="52"/>
      <c r="Q3443" s="52"/>
      <c r="R3443" s="52"/>
      <c r="S3443" s="52"/>
      <c r="T3443" s="52"/>
      <c r="U3443" s="52"/>
      <c r="V3443" s="52"/>
      <c r="W3443" s="52"/>
    </row>
    <row r="3444" spans="1:23" hidden="1" x14ac:dyDescent="0.35">
      <c r="A3444" s="52" t="s">
        <v>78</v>
      </c>
      <c r="B3444" s="52" t="s">
        <v>79</v>
      </c>
      <c r="C3444" s="3">
        <v>10</v>
      </c>
      <c r="D3444" s="52" t="s">
        <v>2022</v>
      </c>
      <c r="E3444" s="52" t="s">
        <v>26</v>
      </c>
      <c r="F3444" s="52" t="s">
        <v>81</v>
      </c>
      <c r="G3444" s="52" t="s">
        <v>82</v>
      </c>
      <c r="H3444" s="4">
        <v>1</v>
      </c>
      <c r="I3444" s="2">
        <v>14.65</v>
      </c>
      <c r="J3444" s="52" t="s">
        <v>8429</v>
      </c>
      <c r="K3444" s="71" t="s">
        <v>8430</v>
      </c>
      <c r="L3444" s="52" t="s">
        <v>2063</v>
      </c>
      <c r="M3444" s="72">
        <v>8769</v>
      </c>
      <c r="N3444" s="52"/>
      <c r="O3444" s="52"/>
      <c r="P3444" s="52"/>
      <c r="Q3444" s="52"/>
      <c r="R3444" s="52"/>
      <c r="S3444" s="52"/>
      <c r="T3444" s="52"/>
      <c r="U3444" s="52"/>
      <c r="V3444" s="52"/>
      <c r="W3444" s="52"/>
    </row>
    <row r="3445" spans="1:23" hidden="1" x14ac:dyDescent="0.35">
      <c r="A3445" s="52" t="s">
        <v>78</v>
      </c>
      <c r="B3445" s="52" t="s">
        <v>79</v>
      </c>
      <c r="C3445" s="3">
        <v>10</v>
      </c>
      <c r="D3445" s="52" t="s">
        <v>2019</v>
      </c>
      <c r="E3445" s="52" t="s">
        <v>26</v>
      </c>
      <c r="F3445" s="52" t="s">
        <v>81</v>
      </c>
      <c r="G3445" s="52" t="s">
        <v>82</v>
      </c>
      <c r="H3445" s="4">
        <v>1</v>
      </c>
      <c r="I3445" s="2">
        <v>14.65</v>
      </c>
      <c r="J3445" s="52" t="s">
        <v>8335</v>
      </c>
      <c r="K3445" s="71" t="s">
        <v>8431</v>
      </c>
      <c r="L3445" s="52" t="s">
        <v>2063</v>
      </c>
      <c r="M3445" s="72">
        <v>6377</v>
      </c>
      <c r="N3445" s="52"/>
      <c r="O3445" s="52"/>
      <c r="P3445" s="52"/>
      <c r="Q3445" s="52"/>
      <c r="R3445" s="52"/>
      <c r="S3445" s="52"/>
      <c r="T3445" s="52"/>
      <c r="U3445" s="52"/>
      <c r="V3445" s="52"/>
      <c r="W3445" s="52"/>
    </row>
    <row r="3446" spans="1:23" hidden="1" x14ac:dyDescent="0.35">
      <c r="A3446" s="52" t="s">
        <v>78</v>
      </c>
      <c r="B3446" s="52" t="s">
        <v>79</v>
      </c>
      <c r="C3446" s="3">
        <v>20</v>
      </c>
      <c r="D3446" s="52" t="s">
        <v>2024</v>
      </c>
      <c r="E3446" s="52" t="s">
        <v>26</v>
      </c>
      <c r="F3446" s="52" t="s">
        <v>81</v>
      </c>
      <c r="G3446" s="52" t="s">
        <v>82</v>
      </c>
      <c r="H3446" s="4">
        <v>1</v>
      </c>
      <c r="I3446" s="2">
        <v>14.65</v>
      </c>
      <c r="J3446" s="52" t="s">
        <v>8432</v>
      </c>
      <c r="K3446" s="71" t="s">
        <v>8433</v>
      </c>
      <c r="L3446" s="52" t="s">
        <v>2063</v>
      </c>
      <c r="M3446" s="72">
        <v>7727</v>
      </c>
      <c r="N3446" s="52" t="s">
        <v>2072</v>
      </c>
      <c r="O3446" s="52" t="s">
        <v>2073</v>
      </c>
      <c r="P3446" s="52"/>
      <c r="Q3446" s="52"/>
      <c r="R3446" s="52"/>
      <c r="S3446" s="52"/>
      <c r="T3446" s="52"/>
      <c r="U3446" s="52"/>
      <c r="V3446" s="52"/>
      <c r="W3446" s="52"/>
    </row>
    <row r="3447" spans="1:23" hidden="1" x14ac:dyDescent="0.35">
      <c r="A3447" s="52" t="s">
        <v>78</v>
      </c>
      <c r="B3447" s="52" t="s">
        <v>79</v>
      </c>
      <c r="C3447" s="3">
        <v>211</v>
      </c>
      <c r="D3447" s="52" t="s">
        <v>86</v>
      </c>
      <c r="E3447" s="52" t="s">
        <v>26</v>
      </c>
      <c r="F3447" s="52" t="s">
        <v>81</v>
      </c>
      <c r="G3447" s="52" t="s">
        <v>82</v>
      </c>
      <c r="H3447" s="4">
        <v>1</v>
      </c>
      <c r="I3447" s="2">
        <v>14.65</v>
      </c>
      <c r="J3447" s="52" t="s">
        <v>8434</v>
      </c>
      <c r="K3447" s="71" t="s">
        <v>8435</v>
      </c>
      <c r="L3447" s="52" t="s">
        <v>2063</v>
      </c>
      <c r="M3447" s="72">
        <v>2176</v>
      </c>
      <c r="N3447" s="52" t="s">
        <v>2066</v>
      </c>
      <c r="O3447" s="52" t="s">
        <v>2067</v>
      </c>
      <c r="P3447" s="52"/>
      <c r="Q3447" s="52"/>
      <c r="R3447" s="52"/>
      <c r="S3447" s="52"/>
      <c r="T3447" s="52"/>
      <c r="U3447" s="52"/>
      <c r="V3447" s="52"/>
      <c r="W3447" s="52"/>
    </row>
    <row r="3448" spans="1:23" hidden="1" x14ac:dyDescent="0.35">
      <c r="A3448" s="52" t="s">
        <v>78</v>
      </c>
      <c r="B3448" s="52" t="s">
        <v>79</v>
      </c>
      <c r="C3448" s="3">
        <v>20</v>
      </c>
      <c r="D3448" s="52" t="s">
        <v>2019</v>
      </c>
      <c r="E3448" s="52" t="s">
        <v>26</v>
      </c>
      <c r="F3448" s="52" t="s">
        <v>81</v>
      </c>
      <c r="G3448" s="52" t="s">
        <v>82</v>
      </c>
      <c r="H3448" s="4">
        <v>1</v>
      </c>
      <c r="I3448" s="2">
        <v>14.65</v>
      </c>
      <c r="J3448" s="52" t="s">
        <v>8436</v>
      </c>
      <c r="K3448" s="71" t="s">
        <v>8437</v>
      </c>
      <c r="L3448" s="52" t="s">
        <v>2063</v>
      </c>
      <c r="M3448" s="72">
        <v>1219</v>
      </c>
      <c r="N3448" s="52" t="s">
        <v>2072</v>
      </c>
      <c r="O3448" s="52" t="s">
        <v>2073</v>
      </c>
      <c r="P3448" s="52"/>
      <c r="Q3448" s="52"/>
      <c r="R3448" s="52"/>
      <c r="S3448" s="52"/>
      <c r="T3448" s="52"/>
      <c r="U3448" s="52"/>
      <c r="V3448" s="52"/>
      <c r="W3448" s="52"/>
    </row>
    <row r="3449" spans="1:23" hidden="1" x14ac:dyDescent="0.35">
      <c r="A3449" s="52" t="s">
        <v>78</v>
      </c>
      <c r="B3449" s="52" t="s">
        <v>79</v>
      </c>
      <c r="C3449" s="3">
        <v>211</v>
      </c>
      <c r="D3449" s="52" t="s">
        <v>2021</v>
      </c>
      <c r="E3449" s="52" t="s">
        <v>26</v>
      </c>
      <c r="F3449" s="52" t="s">
        <v>81</v>
      </c>
      <c r="G3449" s="52" t="s">
        <v>82</v>
      </c>
      <c r="H3449" s="4">
        <v>1</v>
      </c>
      <c r="I3449" s="2">
        <v>14.65</v>
      </c>
      <c r="J3449" s="52" t="s">
        <v>8438</v>
      </c>
      <c r="K3449" s="71" t="s">
        <v>8439</v>
      </c>
      <c r="L3449" s="52" t="s">
        <v>2063</v>
      </c>
      <c r="M3449" s="72">
        <v>7457</v>
      </c>
      <c r="N3449" s="52" t="s">
        <v>2304</v>
      </c>
      <c r="O3449" s="52" t="s">
        <v>2305</v>
      </c>
      <c r="P3449" s="52"/>
      <c r="Q3449" s="52"/>
      <c r="R3449" s="52"/>
      <c r="S3449" s="52"/>
      <c r="T3449" s="52"/>
      <c r="U3449" s="52"/>
      <c r="V3449" s="52"/>
      <c r="W3449" s="52"/>
    </row>
    <row r="3450" spans="1:23" hidden="1" x14ac:dyDescent="0.35">
      <c r="A3450" s="52" t="s">
        <v>78</v>
      </c>
      <c r="B3450" s="52" t="s">
        <v>79</v>
      </c>
      <c r="C3450" s="3">
        <v>20</v>
      </c>
      <c r="D3450" s="52" t="s">
        <v>2023</v>
      </c>
      <c r="E3450" s="52" t="s">
        <v>26</v>
      </c>
      <c r="F3450" s="52" t="s">
        <v>81</v>
      </c>
      <c r="G3450" s="52" t="s">
        <v>82</v>
      </c>
      <c r="H3450" s="4">
        <v>1</v>
      </c>
      <c r="I3450" s="2">
        <v>14.65</v>
      </c>
      <c r="J3450" s="52" t="s">
        <v>8440</v>
      </c>
      <c r="K3450" s="71" t="s">
        <v>8441</v>
      </c>
      <c r="L3450" s="52" t="s">
        <v>2063</v>
      </c>
      <c r="M3450" s="72">
        <v>4953</v>
      </c>
      <c r="N3450" s="52" t="s">
        <v>2072</v>
      </c>
      <c r="O3450" s="52" t="s">
        <v>2073</v>
      </c>
      <c r="P3450" s="52"/>
      <c r="Q3450" s="52"/>
      <c r="R3450" s="52"/>
      <c r="S3450" s="52"/>
      <c r="T3450" s="52"/>
      <c r="U3450" s="52"/>
      <c r="V3450" s="52"/>
      <c r="W3450" s="52"/>
    </row>
    <row r="3451" spans="1:23" hidden="1" x14ac:dyDescent="0.35">
      <c r="A3451" s="52" t="s">
        <v>78</v>
      </c>
      <c r="B3451" s="52" t="s">
        <v>79</v>
      </c>
      <c r="C3451" s="3">
        <v>20</v>
      </c>
      <c r="D3451" s="52" t="s">
        <v>2019</v>
      </c>
      <c r="E3451" s="52" t="s">
        <v>26</v>
      </c>
      <c r="F3451" s="52" t="s">
        <v>81</v>
      </c>
      <c r="G3451" s="52" t="s">
        <v>82</v>
      </c>
      <c r="H3451" s="4">
        <v>1</v>
      </c>
      <c r="I3451" s="2">
        <v>14.65</v>
      </c>
      <c r="J3451" s="52" t="s">
        <v>8442</v>
      </c>
      <c r="K3451" s="71" t="s">
        <v>8443</v>
      </c>
      <c r="L3451" s="52" t="s">
        <v>2063</v>
      </c>
      <c r="M3451" s="72">
        <v>4866</v>
      </c>
      <c r="N3451" s="52" t="s">
        <v>2066</v>
      </c>
      <c r="O3451" s="52" t="s">
        <v>2067</v>
      </c>
      <c r="P3451" s="52"/>
      <c r="Q3451" s="52"/>
      <c r="R3451" s="52"/>
      <c r="S3451" s="52"/>
      <c r="T3451" s="52"/>
      <c r="U3451" s="52"/>
      <c r="V3451" s="52"/>
      <c r="W3451" s="52"/>
    </row>
    <row r="3452" spans="1:23" hidden="1" x14ac:dyDescent="0.35">
      <c r="A3452" s="52" t="s">
        <v>78</v>
      </c>
      <c r="B3452" s="52" t="s">
        <v>79</v>
      </c>
      <c r="C3452" s="3">
        <v>10</v>
      </c>
      <c r="D3452" s="52" t="s">
        <v>83</v>
      </c>
      <c r="E3452" s="52" t="s">
        <v>26</v>
      </c>
      <c r="F3452" s="52" t="s">
        <v>81</v>
      </c>
      <c r="G3452" s="52" t="s">
        <v>82</v>
      </c>
      <c r="H3452" s="4">
        <v>1</v>
      </c>
      <c r="I3452" s="2">
        <v>14.65</v>
      </c>
      <c r="J3452" s="52" t="s">
        <v>8444</v>
      </c>
      <c r="K3452" s="71" t="s">
        <v>8445</v>
      </c>
      <c r="L3452" s="52" t="s">
        <v>2063</v>
      </c>
      <c r="M3452" s="72">
        <v>7582</v>
      </c>
      <c r="N3452" s="52" t="s">
        <v>2072</v>
      </c>
      <c r="O3452" s="52" t="s">
        <v>2073</v>
      </c>
      <c r="P3452" s="52"/>
      <c r="Q3452" s="52"/>
      <c r="R3452" s="52"/>
      <c r="S3452" s="52"/>
      <c r="T3452" s="52"/>
      <c r="U3452" s="52"/>
      <c r="V3452" s="52"/>
      <c r="W3452" s="52"/>
    </row>
    <row r="3453" spans="1:23" hidden="1" x14ac:dyDescent="0.35">
      <c r="A3453" s="52" t="s">
        <v>78</v>
      </c>
      <c r="B3453" s="52" t="s">
        <v>79</v>
      </c>
      <c r="C3453" s="3">
        <v>10</v>
      </c>
      <c r="D3453" s="52" t="s">
        <v>2023</v>
      </c>
      <c r="E3453" s="52" t="s">
        <v>26</v>
      </c>
      <c r="F3453" s="52" t="s">
        <v>81</v>
      </c>
      <c r="G3453" s="52" t="s">
        <v>82</v>
      </c>
      <c r="H3453" s="4">
        <v>1</v>
      </c>
      <c r="I3453" s="2">
        <v>14.65</v>
      </c>
      <c r="J3453" s="52" t="s">
        <v>8446</v>
      </c>
      <c r="K3453" s="71" t="s">
        <v>8447</v>
      </c>
      <c r="L3453" s="52" t="s">
        <v>2063</v>
      </c>
      <c r="M3453" s="72">
        <v>2092</v>
      </c>
      <c r="N3453" s="52" t="s">
        <v>2066</v>
      </c>
      <c r="O3453" s="52" t="s">
        <v>2067</v>
      </c>
      <c r="P3453" s="52"/>
      <c r="Q3453" s="52"/>
      <c r="R3453" s="52"/>
      <c r="S3453" s="52"/>
      <c r="T3453" s="52"/>
      <c r="U3453" s="52"/>
      <c r="V3453" s="52"/>
      <c r="W3453" s="52"/>
    </row>
    <row r="3454" spans="1:23" hidden="1" x14ac:dyDescent="0.35">
      <c r="A3454" s="52" t="s">
        <v>78</v>
      </c>
      <c r="B3454" s="52" t="s">
        <v>79</v>
      </c>
      <c r="C3454" s="3">
        <v>211</v>
      </c>
      <c r="D3454" s="52" t="s">
        <v>85</v>
      </c>
      <c r="E3454" s="52" t="s">
        <v>26</v>
      </c>
      <c r="F3454" s="52" t="s">
        <v>81</v>
      </c>
      <c r="G3454" s="52" t="s">
        <v>82</v>
      </c>
      <c r="H3454" s="4">
        <v>1</v>
      </c>
      <c r="I3454" s="2">
        <v>14.65</v>
      </c>
      <c r="J3454" s="52" t="s">
        <v>8448</v>
      </c>
      <c r="K3454" s="71" t="s">
        <v>8449</v>
      </c>
      <c r="L3454" s="52" t="s">
        <v>2063</v>
      </c>
      <c r="M3454" s="72">
        <v>9421</v>
      </c>
      <c r="N3454" s="52" t="s">
        <v>2066</v>
      </c>
      <c r="O3454" s="52" t="s">
        <v>2067</v>
      </c>
      <c r="P3454" s="52"/>
      <c r="Q3454" s="52"/>
      <c r="R3454" s="52"/>
      <c r="S3454" s="52"/>
      <c r="T3454" s="52"/>
      <c r="U3454" s="52"/>
      <c r="V3454" s="52"/>
      <c r="W3454" s="52"/>
    </row>
    <row r="3455" spans="1:23" hidden="1" x14ac:dyDescent="0.35">
      <c r="A3455" s="52" t="s">
        <v>78</v>
      </c>
      <c r="B3455" s="52" t="s">
        <v>79</v>
      </c>
      <c r="C3455" s="3">
        <v>20</v>
      </c>
      <c r="D3455" s="52" t="s">
        <v>86</v>
      </c>
      <c r="E3455" s="52" t="s">
        <v>26</v>
      </c>
      <c r="F3455" s="52" t="s">
        <v>81</v>
      </c>
      <c r="G3455" s="52" t="s">
        <v>82</v>
      </c>
      <c r="H3455" s="4">
        <v>1</v>
      </c>
      <c r="I3455" s="2">
        <v>14.65</v>
      </c>
      <c r="J3455" s="52" t="s">
        <v>8450</v>
      </c>
      <c r="K3455" s="71" t="s">
        <v>8451</v>
      </c>
      <c r="L3455" s="52" t="s">
        <v>2063</v>
      </c>
      <c r="M3455" s="72">
        <v>5050</v>
      </c>
      <c r="N3455" s="52"/>
      <c r="O3455" s="52"/>
      <c r="P3455" s="52"/>
      <c r="Q3455" s="52"/>
      <c r="R3455" s="52"/>
      <c r="S3455" s="52"/>
      <c r="T3455" s="52"/>
      <c r="U3455" s="52"/>
      <c r="V3455" s="52"/>
      <c r="W3455" s="52"/>
    </row>
    <row r="3456" spans="1:23" hidden="1" x14ac:dyDescent="0.35">
      <c r="A3456" s="52" t="s">
        <v>78</v>
      </c>
      <c r="B3456" s="52" t="s">
        <v>79</v>
      </c>
      <c r="C3456" s="3">
        <v>20</v>
      </c>
      <c r="D3456" s="52" t="s">
        <v>2019</v>
      </c>
      <c r="E3456" s="52" t="s">
        <v>26</v>
      </c>
      <c r="F3456" s="52" t="s">
        <v>81</v>
      </c>
      <c r="G3456" s="52" t="s">
        <v>82</v>
      </c>
      <c r="H3456" s="4">
        <v>1</v>
      </c>
      <c r="I3456" s="2">
        <v>14.65</v>
      </c>
      <c r="J3456" s="52" t="s">
        <v>8452</v>
      </c>
      <c r="K3456" s="71" t="s">
        <v>8453</v>
      </c>
      <c r="L3456" s="52" t="s">
        <v>2063</v>
      </c>
      <c r="M3456" s="72">
        <v>478</v>
      </c>
      <c r="N3456" s="52"/>
      <c r="O3456" s="52"/>
      <c r="P3456" s="52"/>
      <c r="Q3456" s="52"/>
      <c r="R3456" s="52"/>
      <c r="S3456" s="52"/>
      <c r="T3456" s="52"/>
      <c r="U3456" s="52"/>
      <c r="V3456" s="52"/>
      <c r="W3456" s="52"/>
    </row>
    <row r="3457" spans="1:23" hidden="1" x14ac:dyDescent="0.35">
      <c r="A3457" s="52" t="s">
        <v>78</v>
      </c>
      <c r="B3457" s="52" t="s">
        <v>79</v>
      </c>
      <c r="C3457" s="3">
        <v>20</v>
      </c>
      <c r="D3457" s="52" t="s">
        <v>2021</v>
      </c>
      <c r="E3457" s="52" t="s">
        <v>26</v>
      </c>
      <c r="F3457" s="52" t="s">
        <v>81</v>
      </c>
      <c r="G3457" s="52" t="s">
        <v>82</v>
      </c>
      <c r="H3457" s="4">
        <v>1</v>
      </c>
      <c r="I3457" s="2">
        <v>14.65</v>
      </c>
      <c r="J3457" s="52" t="s">
        <v>8454</v>
      </c>
      <c r="K3457" s="71" t="s">
        <v>8455</v>
      </c>
      <c r="L3457" s="52" t="s">
        <v>2063</v>
      </c>
      <c r="M3457" s="72">
        <v>3730</v>
      </c>
      <c r="N3457" s="52" t="s">
        <v>3091</v>
      </c>
      <c r="O3457" s="52" t="s">
        <v>3092</v>
      </c>
      <c r="P3457" s="52"/>
      <c r="Q3457" s="52"/>
      <c r="R3457" s="52"/>
      <c r="S3457" s="52"/>
      <c r="T3457" s="52"/>
      <c r="U3457" s="52"/>
      <c r="V3457" s="52"/>
      <c r="W3457" s="52"/>
    </row>
    <row r="3458" spans="1:23" hidden="1" x14ac:dyDescent="0.35">
      <c r="A3458" s="52" t="s">
        <v>78</v>
      </c>
      <c r="B3458" s="52" t="s">
        <v>79</v>
      </c>
      <c r="C3458" s="3">
        <v>20</v>
      </c>
      <c r="D3458" s="52" t="s">
        <v>85</v>
      </c>
      <c r="E3458" s="52" t="s">
        <v>26</v>
      </c>
      <c r="F3458" s="52" t="s">
        <v>81</v>
      </c>
      <c r="G3458" s="52" t="s">
        <v>82</v>
      </c>
      <c r="H3458" s="4">
        <v>1</v>
      </c>
      <c r="I3458" s="2">
        <v>14.65</v>
      </c>
      <c r="J3458" s="52" t="s">
        <v>8456</v>
      </c>
      <c r="K3458" s="71" t="s">
        <v>8457</v>
      </c>
      <c r="L3458" s="52" t="s">
        <v>2063</v>
      </c>
      <c r="M3458" s="72">
        <v>3003</v>
      </c>
      <c r="N3458" s="52" t="s">
        <v>2072</v>
      </c>
      <c r="O3458" s="52" t="s">
        <v>2073</v>
      </c>
      <c r="P3458" s="52"/>
      <c r="Q3458" s="52"/>
      <c r="R3458" s="52"/>
      <c r="S3458" s="52"/>
      <c r="T3458" s="52"/>
      <c r="U3458" s="52"/>
      <c r="V3458" s="52"/>
      <c r="W3458" s="52"/>
    </row>
    <row r="3459" spans="1:23" hidden="1" x14ac:dyDescent="0.35">
      <c r="A3459" s="52" t="s">
        <v>78</v>
      </c>
      <c r="B3459" s="52" t="s">
        <v>79</v>
      </c>
      <c r="C3459" s="3">
        <v>211</v>
      </c>
      <c r="D3459" s="52" t="s">
        <v>2019</v>
      </c>
      <c r="E3459" s="52" t="s">
        <v>26</v>
      </c>
      <c r="F3459" s="52" t="s">
        <v>81</v>
      </c>
      <c r="G3459" s="52" t="s">
        <v>82</v>
      </c>
      <c r="H3459" s="4">
        <v>1</v>
      </c>
      <c r="I3459" s="2">
        <v>14.65</v>
      </c>
      <c r="J3459" s="52" t="s">
        <v>8458</v>
      </c>
      <c r="K3459" s="71" t="s">
        <v>8459</v>
      </c>
      <c r="L3459" s="52" t="s">
        <v>2063</v>
      </c>
      <c r="M3459" s="72">
        <v>8844</v>
      </c>
      <c r="N3459" s="52" t="s">
        <v>2158</v>
      </c>
      <c r="O3459" s="52" t="s">
        <v>2159</v>
      </c>
      <c r="P3459" s="52"/>
      <c r="Q3459" s="52"/>
      <c r="R3459" s="52"/>
      <c r="S3459" s="52"/>
      <c r="T3459" s="52"/>
      <c r="U3459" s="52"/>
      <c r="V3459" s="52"/>
      <c r="W3459" s="52"/>
    </row>
    <row r="3460" spans="1:23" hidden="1" x14ac:dyDescent="0.35">
      <c r="A3460" s="52" t="s">
        <v>78</v>
      </c>
      <c r="B3460" s="52" t="s">
        <v>79</v>
      </c>
      <c r="C3460" s="3">
        <v>211</v>
      </c>
      <c r="D3460" s="52" t="s">
        <v>84</v>
      </c>
      <c r="E3460" s="52" t="s">
        <v>26</v>
      </c>
      <c r="F3460" s="52" t="s">
        <v>81</v>
      </c>
      <c r="G3460" s="52" t="s">
        <v>82</v>
      </c>
      <c r="H3460" s="4">
        <v>1</v>
      </c>
      <c r="I3460" s="2">
        <v>14.65</v>
      </c>
      <c r="J3460" s="52" t="s">
        <v>8460</v>
      </c>
      <c r="K3460" s="71" t="s">
        <v>8461</v>
      </c>
      <c r="L3460" s="52" t="s">
        <v>2063</v>
      </c>
      <c r="M3460" s="72">
        <v>288</v>
      </c>
      <c r="N3460" s="52" t="s">
        <v>2072</v>
      </c>
      <c r="O3460" s="52" t="s">
        <v>2073</v>
      </c>
      <c r="P3460" s="52"/>
      <c r="Q3460" s="52"/>
      <c r="R3460" s="52"/>
      <c r="S3460" s="52"/>
      <c r="T3460" s="52"/>
      <c r="U3460" s="52"/>
      <c r="V3460" s="52"/>
      <c r="W3460" s="52"/>
    </row>
    <row r="3461" spans="1:23" hidden="1" x14ac:dyDescent="0.35">
      <c r="A3461" s="52" t="s">
        <v>78</v>
      </c>
      <c r="B3461" s="52" t="s">
        <v>79</v>
      </c>
      <c r="C3461" s="3">
        <v>20</v>
      </c>
      <c r="D3461" s="52" t="s">
        <v>84</v>
      </c>
      <c r="E3461" s="52" t="s">
        <v>26</v>
      </c>
      <c r="F3461" s="52" t="s">
        <v>81</v>
      </c>
      <c r="G3461" s="52" t="s">
        <v>82</v>
      </c>
      <c r="H3461" s="4">
        <v>1</v>
      </c>
      <c r="I3461" s="2">
        <v>14.65</v>
      </c>
      <c r="J3461" s="52" t="s">
        <v>8462</v>
      </c>
      <c r="K3461" s="71" t="s">
        <v>8463</v>
      </c>
      <c r="L3461" s="52" t="s">
        <v>2063</v>
      </c>
      <c r="M3461" s="72">
        <v>4506</v>
      </c>
      <c r="N3461" s="52" t="s">
        <v>2066</v>
      </c>
      <c r="O3461" s="52" t="s">
        <v>2067</v>
      </c>
      <c r="P3461" s="52"/>
      <c r="Q3461" s="52"/>
      <c r="R3461" s="52"/>
      <c r="S3461" s="52"/>
      <c r="T3461" s="52"/>
      <c r="U3461" s="52"/>
      <c r="V3461" s="52"/>
      <c r="W3461" s="52"/>
    </row>
    <row r="3462" spans="1:23" hidden="1" x14ac:dyDescent="0.35">
      <c r="A3462" s="52" t="s">
        <v>78</v>
      </c>
      <c r="B3462" s="52" t="s">
        <v>79</v>
      </c>
      <c r="C3462" s="3">
        <v>10</v>
      </c>
      <c r="D3462" s="52" t="s">
        <v>2022</v>
      </c>
      <c r="E3462" s="52" t="s">
        <v>26</v>
      </c>
      <c r="F3462" s="52" t="s">
        <v>81</v>
      </c>
      <c r="G3462" s="52" t="s">
        <v>82</v>
      </c>
      <c r="H3462" s="4">
        <v>1</v>
      </c>
      <c r="I3462" s="2">
        <v>14.65</v>
      </c>
      <c r="J3462" s="52" t="s">
        <v>8464</v>
      </c>
      <c r="K3462" s="71" t="s">
        <v>8465</v>
      </c>
      <c r="L3462" s="52" t="s">
        <v>2063</v>
      </c>
      <c r="M3462" s="72">
        <v>5608</v>
      </c>
      <c r="N3462" s="52" t="s">
        <v>2072</v>
      </c>
      <c r="O3462" s="52" t="s">
        <v>2073</v>
      </c>
      <c r="P3462" s="52"/>
      <c r="Q3462" s="52"/>
      <c r="R3462" s="52"/>
      <c r="S3462" s="52"/>
      <c r="T3462" s="52"/>
      <c r="U3462" s="52"/>
      <c r="V3462" s="52"/>
      <c r="W3462" s="52"/>
    </row>
    <row r="3463" spans="1:23" hidden="1" x14ac:dyDescent="0.35">
      <c r="A3463" s="52" t="s">
        <v>78</v>
      </c>
      <c r="B3463" s="52" t="s">
        <v>79</v>
      </c>
      <c r="C3463" s="3">
        <v>20</v>
      </c>
      <c r="D3463" s="52" t="s">
        <v>83</v>
      </c>
      <c r="E3463" s="52" t="s">
        <v>26</v>
      </c>
      <c r="F3463" s="52" t="s">
        <v>81</v>
      </c>
      <c r="G3463" s="52" t="s">
        <v>82</v>
      </c>
      <c r="H3463" s="4">
        <v>1</v>
      </c>
      <c r="I3463" s="2">
        <v>14.65</v>
      </c>
      <c r="J3463" s="52" t="s">
        <v>8466</v>
      </c>
      <c r="K3463" s="71" t="s">
        <v>8467</v>
      </c>
      <c r="L3463" s="52" t="s">
        <v>2063</v>
      </c>
      <c r="M3463" s="72">
        <v>8208</v>
      </c>
      <c r="N3463" s="52" t="s">
        <v>2072</v>
      </c>
      <c r="O3463" s="52" t="s">
        <v>2073</v>
      </c>
      <c r="P3463" s="52"/>
      <c r="Q3463" s="52"/>
      <c r="R3463" s="52"/>
      <c r="S3463" s="52"/>
      <c r="T3463" s="52"/>
      <c r="U3463" s="52"/>
      <c r="V3463" s="52"/>
      <c r="W3463" s="52"/>
    </row>
    <row r="3464" spans="1:23" hidden="1" x14ac:dyDescent="0.35">
      <c r="A3464" s="52" t="s">
        <v>78</v>
      </c>
      <c r="B3464" s="52" t="s">
        <v>79</v>
      </c>
      <c r="C3464" s="3">
        <v>10</v>
      </c>
      <c r="D3464" s="52" t="s">
        <v>80</v>
      </c>
      <c r="E3464" s="52" t="s">
        <v>26</v>
      </c>
      <c r="F3464" s="52" t="s">
        <v>81</v>
      </c>
      <c r="G3464" s="52" t="s">
        <v>82</v>
      </c>
      <c r="H3464" s="4">
        <v>1</v>
      </c>
      <c r="I3464" s="2">
        <v>14.65</v>
      </c>
      <c r="J3464" s="52" t="s">
        <v>8444</v>
      </c>
      <c r="K3464" s="71" t="s">
        <v>8468</v>
      </c>
      <c r="L3464" s="52" t="s">
        <v>2063</v>
      </c>
      <c r="M3464" s="72">
        <v>3573</v>
      </c>
      <c r="N3464" s="52" t="s">
        <v>2072</v>
      </c>
      <c r="O3464" s="52" t="s">
        <v>2073</v>
      </c>
      <c r="P3464" s="52"/>
      <c r="Q3464" s="52"/>
      <c r="R3464" s="52"/>
      <c r="S3464" s="52"/>
      <c r="T3464" s="52"/>
      <c r="U3464" s="52"/>
      <c r="V3464" s="52"/>
      <c r="W3464" s="52"/>
    </row>
    <row r="3465" spans="1:23" hidden="1" x14ac:dyDescent="0.35">
      <c r="A3465" s="52" t="s">
        <v>78</v>
      </c>
      <c r="B3465" s="52" t="s">
        <v>79</v>
      </c>
      <c r="C3465" s="3">
        <v>20</v>
      </c>
      <c r="D3465" s="52" t="s">
        <v>2021</v>
      </c>
      <c r="E3465" s="52" t="s">
        <v>26</v>
      </c>
      <c r="F3465" s="52" t="s">
        <v>81</v>
      </c>
      <c r="G3465" s="52" t="s">
        <v>82</v>
      </c>
      <c r="H3465" s="4">
        <v>1</v>
      </c>
      <c r="I3465" s="2">
        <v>14.65</v>
      </c>
      <c r="J3465" s="52" t="s">
        <v>8469</v>
      </c>
      <c r="K3465" s="71" t="s">
        <v>8470</v>
      </c>
      <c r="L3465" s="52" t="s">
        <v>2063</v>
      </c>
      <c r="M3465" s="72">
        <v>2889</v>
      </c>
      <c r="N3465" s="52" t="s">
        <v>2072</v>
      </c>
      <c r="O3465" s="52" t="s">
        <v>2073</v>
      </c>
      <c r="P3465" s="52"/>
      <c r="Q3465" s="52"/>
      <c r="R3465" s="52"/>
      <c r="S3465" s="52"/>
      <c r="T3465" s="52"/>
      <c r="U3465" s="52"/>
      <c r="V3465" s="52"/>
      <c r="W3465" s="52"/>
    </row>
    <row r="3466" spans="1:23" hidden="1" x14ac:dyDescent="0.35">
      <c r="A3466" s="52" t="s">
        <v>78</v>
      </c>
      <c r="B3466" s="52" t="s">
        <v>79</v>
      </c>
      <c r="C3466" s="3">
        <v>20</v>
      </c>
      <c r="D3466" s="52" t="s">
        <v>84</v>
      </c>
      <c r="E3466" s="52" t="s">
        <v>26</v>
      </c>
      <c r="F3466" s="52" t="s">
        <v>81</v>
      </c>
      <c r="G3466" s="52" t="s">
        <v>82</v>
      </c>
      <c r="H3466" s="4">
        <v>1</v>
      </c>
      <c r="I3466" s="2">
        <v>14.65</v>
      </c>
      <c r="J3466" s="52" t="s">
        <v>8471</v>
      </c>
      <c r="K3466" s="71" t="s">
        <v>8472</v>
      </c>
      <c r="L3466" s="52" t="s">
        <v>2063</v>
      </c>
      <c r="M3466" s="72">
        <v>3769</v>
      </c>
      <c r="N3466" s="52" t="s">
        <v>2072</v>
      </c>
      <c r="O3466" s="52" t="s">
        <v>2073</v>
      </c>
      <c r="P3466" s="52"/>
      <c r="Q3466" s="52"/>
      <c r="R3466" s="52"/>
      <c r="S3466" s="52"/>
      <c r="T3466" s="52"/>
      <c r="U3466" s="52"/>
      <c r="V3466" s="52"/>
      <c r="W3466" s="52"/>
    </row>
    <row r="3467" spans="1:23" hidden="1" x14ac:dyDescent="0.35">
      <c r="A3467" s="52" t="s">
        <v>78</v>
      </c>
      <c r="B3467" s="52" t="s">
        <v>79</v>
      </c>
      <c r="C3467" s="3">
        <v>10</v>
      </c>
      <c r="D3467" s="52" t="s">
        <v>2024</v>
      </c>
      <c r="E3467" s="52" t="s">
        <v>26</v>
      </c>
      <c r="F3467" s="52" t="s">
        <v>81</v>
      </c>
      <c r="G3467" s="52" t="s">
        <v>82</v>
      </c>
      <c r="H3467" s="4">
        <v>1</v>
      </c>
      <c r="I3467" s="2">
        <v>14.65</v>
      </c>
      <c r="J3467" s="52" t="s">
        <v>8473</v>
      </c>
      <c r="K3467" s="71" t="s">
        <v>8474</v>
      </c>
      <c r="L3467" s="52" t="s">
        <v>2063</v>
      </c>
      <c r="M3467" s="72">
        <v>9445</v>
      </c>
      <c r="N3467" s="52" t="s">
        <v>2072</v>
      </c>
      <c r="O3467" s="52" t="s">
        <v>2073</v>
      </c>
      <c r="P3467" s="52"/>
      <c r="Q3467" s="52"/>
      <c r="R3467" s="52"/>
      <c r="S3467" s="52"/>
      <c r="T3467" s="52"/>
      <c r="U3467" s="52"/>
      <c r="V3467" s="52"/>
      <c r="W3467" s="52"/>
    </row>
    <row r="3468" spans="1:23" hidden="1" x14ac:dyDescent="0.35">
      <c r="A3468" s="52" t="s">
        <v>78</v>
      </c>
      <c r="B3468" s="52" t="s">
        <v>79</v>
      </c>
      <c r="C3468" s="3">
        <v>20</v>
      </c>
      <c r="D3468" s="52" t="s">
        <v>2021</v>
      </c>
      <c r="E3468" s="52" t="s">
        <v>26</v>
      </c>
      <c r="F3468" s="52" t="s">
        <v>81</v>
      </c>
      <c r="G3468" s="52" t="s">
        <v>82</v>
      </c>
      <c r="H3468" s="4">
        <v>1</v>
      </c>
      <c r="I3468" s="2">
        <v>14.65</v>
      </c>
      <c r="J3468" s="52" t="s">
        <v>8475</v>
      </c>
      <c r="K3468" s="71" t="s">
        <v>8476</v>
      </c>
      <c r="L3468" s="52" t="s">
        <v>2063</v>
      </c>
      <c r="M3468" s="72">
        <v>430</v>
      </c>
      <c r="N3468" s="52" t="s">
        <v>2072</v>
      </c>
      <c r="O3468" s="52" t="s">
        <v>2073</v>
      </c>
      <c r="P3468" s="52"/>
      <c r="Q3468" s="52"/>
      <c r="R3468" s="52"/>
      <c r="S3468" s="52"/>
      <c r="T3468" s="52"/>
      <c r="U3468" s="52"/>
      <c r="V3468" s="52"/>
      <c r="W3468" s="52"/>
    </row>
    <row r="3469" spans="1:23" hidden="1" x14ac:dyDescent="0.35">
      <c r="A3469" s="52" t="s">
        <v>78</v>
      </c>
      <c r="B3469" s="52" t="s">
        <v>79</v>
      </c>
      <c r="C3469" s="3">
        <v>20</v>
      </c>
      <c r="D3469" s="52" t="s">
        <v>84</v>
      </c>
      <c r="E3469" s="52" t="s">
        <v>26</v>
      </c>
      <c r="F3469" s="52" t="s">
        <v>81</v>
      </c>
      <c r="G3469" s="52" t="s">
        <v>82</v>
      </c>
      <c r="H3469" s="4">
        <v>1</v>
      </c>
      <c r="I3469" s="2">
        <v>14.65</v>
      </c>
      <c r="J3469" s="52" t="s">
        <v>8477</v>
      </c>
      <c r="K3469" s="71" t="s">
        <v>8478</v>
      </c>
      <c r="L3469" s="52" t="s">
        <v>2063</v>
      </c>
      <c r="M3469" s="72">
        <v>7605</v>
      </c>
      <c r="N3469" s="52" t="s">
        <v>2072</v>
      </c>
      <c r="O3469" s="52" t="s">
        <v>2073</v>
      </c>
      <c r="P3469" s="52"/>
      <c r="Q3469" s="52"/>
      <c r="R3469" s="52"/>
      <c r="S3469" s="52"/>
      <c r="T3469" s="52"/>
      <c r="U3469" s="52"/>
      <c r="V3469" s="52"/>
      <c r="W3469" s="52"/>
    </row>
    <row r="3470" spans="1:23" x14ac:dyDescent="0.35">
      <c r="A3470" s="52" t="s">
        <v>78</v>
      </c>
      <c r="B3470" s="52" t="s">
        <v>79</v>
      </c>
      <c r="C3470" s="3">
        <v>211</v>
      </c>
      <c r="D3470" s="52" t="s">
        <v>2019</v>
      </c>
      <c r="E3470" s="52" t="s">
        <v>26</v>
      </c>
      <c r="F3470" s="52" t="s">
        <v>81</v>
      </c>
      <c r="G3470" s="52" t="s">
        <v>82</v>
      </c>
      <c r="H3470" s="4">
        <v>1</v>
      </c>
      <c r="I3470" s="2">
        <v>14.65</v>
      </c>
      <c r="J3470" s="52" t="s">
        <v>8479</v>
      </c>
      <c r="K3470" s="71" t="s">
        <v>8480</v>
      </c>
      <c r="L3470" s="52" t="s">
        <v>2063</v>
      </c>
      <c r="M3470" s="72">
        <v>9892</v>
      </c>
      <c r="N3470" s="52" t="s">
        <v>2259</v>
      </c>
      <c r="O3470" s="52" t="s">
        <v>2260</v>
      </c>
      <c r="P3470" s="52"/>
      <c r="Q3470" s="52"/>
      <c r="R3470" s="52"/>
      <c r="S3470" s="52"/>
      <c r="T3470" s="52"/>
      <c r="U3470" s="52"/>
      <c r="V3470" s="52"/>
      <c r="W3470" s="52"/>
    </row>
    <row r="3471" spans="1:23" hidden="1" x14ac:dyDescent="0.35">
      <c r="A3471" s="52" t="s">
        <v>78</v>
      </c>
      <c r="B3471" s="52" t="s">
        <v>79</v>
      </c>
      <c r="C3471" s="3">
        <v>20</v>
      </c>
      <c r="D3471" s="52" t="s">
        <v>2020</v>
      </c>
      <c r="E3471" s="52" t="s">
        <v>26</v>
      </c>
      <c r="F3471" s="52" t="s">
        <v>81</v>
      </c>
      <c r="G3471" s="52" t="s">
        <v>82</v>
      </c>
      <c r="H3471" s="4">
        <v>1</v>
      </c>
      <c r="I3471" s="2">
        <v>14.65</v>
      </c>
      <c r="J3471" s="52" t="s">
        <v>8299</v>
      </c>
      <c r="K3471" s="71" t="s">
        <v>8481</v>
      </c>
      <c r="L3471" s="52" t="s">
        <v>2063</v>
      </c>
      <c r="M3471" s="72">
        <v>8824</v>
      </c>
      <c r="N3471" s="52" t="s">
        <v>2072</v>
      </c>
      <c r="O3471" s="52" t="s">
        <v>2073</v>
      </c>
      <c r="P3471" s="52"/>
      <c r="Q3471" s="52"/>
      <c r="R3471" s="52"/>
      <c r="S3471" s="52"/>
      <c r="T3471" s="52"/>
      <c r="U3471" s="52"/>
      <c r="V3471" s="52"/>
      <c r="W3471" s="52"/>
    </row>
    <row r="3472" spans="1:23" x14ac:dyDescent="0.35">
      <c r="A3472" s="52" t="s">
        <v>78</v>
      </c>
      <c r="B3472" s="52" t="s">
        <v>79</v>
      </c>
      <c r="C3472" s="3">
        <v>20</v>
      </c>
      <c r="D3472" s="52" t="s">
        <v>2021</v>
      </c>
      <c r="E3472" s="52" t="s">
        <v>26</v>
      </c>
      <c r="F3472" s="52" t="s">
        <v>81</v>
      </c>
      <c r="G3472" s="52" t="s">
        <v>82</v>
      </c>
      <c r="H3472" s="4">
        <v>1</v>
      </c>
      <c r="I3472" s="2">
        <v>14.65</v>
      </c>
      <c r="J3472" s="52" t="s">
        <v>8482</v>
      </c>
      <c r="K3472" s="71" t="s">
        <v>8483</v>
      </c>
      <c r="L3472" s="52" t="s">
        <v>2063</v>
      </c>
      <c r="M3472" s="72">
        <v>1831</v>
      </c>
      <c r="N3472" s="52" t="s">
        <v>2076</v>
      </c>
      <c r="O3472" s="52" t="s">
        <v>2077</v>
      </c>
      <c r="P3472" s="52"/>
      <c r="Q3472" s="52"/>
      <c r="R3472" s="52"/>
      <c r="S3472" s="52"/>
      <c r="T3472" s="52"/>
      <c r="U3472" s="52"/>
      <c r="V3472" s="52"/>
      <c r="W3472" s="52"/>
    </row>
    <row r="3473" spans="1:23" hidden="1" x14ac:dyDescent="0.35">
      <c r="A3473" s="52" t="s">
        <v>78</v>
      </c>
      <c r="B3473" s="52" t="s">
        <v>79</v>
      </c>
      <c r="C3473" s="3">
        <v>20</v>
      </c>
      <c r="D3473" s="52" t="s">
        <v>2021</v>
      </c>
      <c r="E3473" s="52" t="s">
        <v>26</v>
      </c>
      <c r="F3473" s="52" t="s">
        <v>81</v>
      </c>
      <c r="G3473" s="52" t="s">
        <v>82</v>
      </c>
      <c r="H3473" s="4">
        <v>1</v>
      </c>
      <c r="I3473" s="2">
        <v>14.65</v>
      </c>
      <c r="J3473" s="52" t="s">
        <v>8484</v>
      </c>
      <c r="K3473" s="71" t="s">
        <v>8485</v>
      </c>
      <c r="L3473" s="52" t="s">
        <v>2063</v>
      </c>
      <c r="M3473" s="72">
        <v>4986</v>
      </c>
      <c r="N3473" s="52" t="s">
        <v>2072</v>
      </c>
      <c r="O3473" s="52" t="s">
        <v>2073</v>
      </c>
      <c r="P3473" s="52"/>
      <c r="Q3473" s="52"/>
      <c r="R3473" s="52"/>
      <c r="S3473" s="52"/>
      <c r="T3473" s="52"/>
      <c r="U3473" s="52"/>
      <c r="V3473" s="52"/>
      <c r="W3473" s="52"/>
    </row>
    <row r="3474" spans="1:23" hidden="1" x14ac:dyDescent="0.35">
      <c r="A3474" s="52" t="s">
        <v>78</v>
      </c>
      <c r="B3474" s="52" t="s">
        <v>79</v>
      </c>
      <c r="C3474" s="3">
        <v>20</v>
      </c>
      <c r="D3474" s="52" t="s">
        <v>83</v>
      </c>
      <c r="E3474" s="52" t="s">
        <v>26</v>
      </c>
      <c r="F3474" s="52" t="s">
        <v>81</v>
      </c>
      <c r="G3474" s="52" t="s">
        <v>82</v>
      </c>
      <c r="H3474" s="4">
        <v>1</v>
      </c>
      <c r="I3474" s="2">
        <v>14.65</v>
      </c>
      <c r="J3474" s="52" t="s">
        <v>8486</v>
      </c>
      <c r="K3474" s="71" t="s">
        <v>8487</v>
      </c>
      <c r="L3474" s="52" t="s">
        <v>2063</v>
      </c>
      <c r="M3474" s="72">
        <v>9740</v>
      </c>
      <c r="N3474" s="52" t="s">
        <v>2072</v>
      </c>
      <c r="O3474" s="52" t="s">
        <v>2073</v>
      </c>
      <c r="P3474" s="52"/>
      <c r="Q3474" s="52"/>
      <c r="R3474" s="52"/>
      <c r="S3474" s="52"/>
      <c r="T3474" s="52"/>
      <c r="U3474" s="52"/>
      <c r="V3474" s="52"/>
      <c r="W3474" s="52"/>
    </row>
    <row r="3475" spans="1:23" hidden="1" x14ac:dyDescent="0.35">
      <c r="A3475" s="52" t="s">
        <v>78</v>
      </c>
      <c r="B3475" s="52" t="s">
        <v>79</v>
      </c>
      <c r="C3475" s="3">
        <v>20</v>
      </c>
      <c r="D3475" s="52" t="s">
        <v>2019</v>
      </c>
      <c r="E3475" s="52" t="s">
        <v>26</v>
      </c>
      <c r="F3475" s="52" t="s">
        <v>81</v>
      </c>
      <c r="G3475" s="52" t="s">
        <v>82</v>
      </c>
      <c r="H3475" s="4">
        <v>1</v>
      </c>
      <c r="I3475" s="2">
        <v>14.65</v>
      </c>
      <c r="J3475" s="52" t="s">
        <v>8488</v>
      </c>
      <c r="K3475" s="71" t="s">
        <v>8489</v>
      </c>
      <c r="L3475" s="52" t="s">
        <v>2063</v>
      </c>
      <c r="M3475" s="72">
        <v>6302</v>
      </c>
      <c r="N3475" s="52" t="s">
        <v>2066</v>
      </c>
      <c r="O3475" s="52" t="s">
        <v>2067</v>
      </c>
      <c r="P3475" s="52"/>
      <c r="Q3475" s="52"/>
      <c r="R3475" s="52"/>
      <c r="S3475" s="52"/>
      <c r="T3475" s="52"/>
      <c r="U3475" s="52"/>
      <c r="V3475" s="52"/>
      <c r="W3475" s="52"/>
    </row>
    <row r="3476" spans="1:23" hidden="1" x14ac:dyDescent="0.35">
      <c r="A3476" s="52" t="s">
        <v>78</v>
      </c>
      <c r="B3476" s="52" t="s">
        <v>79</v>
      </c>
      <c r="C3476" s="3">
        <v>20</v>
      </c>
      <c r="D3476" s="52" t="s">
        <v>2023</v>
      </c>
      <c r="E3476" s="52" t="s">
        <v>26</v>
      </c>
      <c r="F3476" s="52" t="s">
        <v>81</v>
      </c>
      <c r="G3476" s="52" t="s">
        <v>82</v>
      </c>
      <c r="H3476" s="4">
        <v>1</v>
      </c>
      <c r="I3476" s="2">
        <v>14.65</v>
      </c>
      <c r="J3476" s="52" t="s">
        <v>8490</v>
      </c>
      <c r="K3476" s="71" t="s">
        <v>8491</v>
      </c>
      <c r="L3476" s="52" t="s">
        <v>2063</v>
      </c>
      <c r="M3476" s="72">
        <v>5563</v>
      </c>
      <c r="N3476" s="52" t="s">
        <v>2072</v>
      </c>
      <c r="O3476" s="52" t="s">
        <v>2073</v>
      </c>
      <c r="P3476" s="52"/>
      <c r="Q3476" s="52"/>
      <c r="R3476" s="52"/>
      <c r="S3476" s="52"/>
      <c r="T3476" s="52"/>
      <c r="U3476" s="52"/>
      <c r="V3476" s="52"/>
      <c r="W3476" s="52"/>
    </row>
    <row r="3477" spans="1:23" hidden="1" x14ac:dyDescent="0.35">
      <c r="A3477" s="52" t="s">
        <v>78</v>
      </c>
      <c r="B3477" s="52" t="s">
        <v>79</v>
      </c>
      <c r="C3477" s="3">
        <v>20</v>
      </c>
      <c r="D3477" s="52" t="s">
        <v>86</v>
      </c>
      <c r="E3477" s="52" t="s">
        <v>26</v>
      </c>
      <c r="F3477" s="52" t="s">
        <v>81</v>
      </c>
      <c r="G3477" s="52" t="s">
        <v>82</v>
      </c>
      <c r="H3477" s="4">
        <v>1</v>
      </c>
      <c r="I3477" s="2">
        <v>14.65</v>
      </c>
      <c r="J3477" s="52" t="s">
        <v>8492</v>
      </c>
      <c r="K3477" s="71" t="s">
        <v>8493</v>
      </c>
      <c r="L3477" s="52" t="s">
        <v>2063</v>
      </c>
      <c r="M3477" s="72">
        <v>5569</v>
      </c>
      <c r="N3477" s="52" t="s">
        <v>2154</v>
      </c>
      <c r="O3477" s="52" t="s">
        <v>2155</v>
      </c>
      <c r="P3477" s="52"/>
      <c r="Q3477" s="52"/>
      <c r="R3477" s="52"/>
      <c r="S3477" s="52"/>
      <c r="T3477" s="52"/>
      <c r="U3477" s="52"/>
      <c r="V3477" s="52"/>
      <c r="W3477" s="52"/>
    </row>
    <row r="3478" spans="1:23" hidden="1" x14ac:dyDescent="0.35">
      <c r="A3478" s="52" t="s">
        <v>78</v>
      </c>
      <c r="B3478" s="52" t="s">
        <v>79</v>
      </c>
      <c r="C3478" s="3">
        <v>20</v>
      </c>
      <c r="D3478" s="52" t="s">
        <v>84</v>
      </c>
      <c r="E3478" s="52" t="s">
        <v>26</v>
      </c>
      <c r="F3478" s="52" t="s">
        <v>81</v>
      </c>
      <c r="G3478" s="52" t="s">
        <v>82</v>
      </c>
      <c r="H3478" s="4">
        <v>1</v>
      </c>
      <c r="I3478" s="2">
        <v>14.65</v>
      </c>
      <c r="J3478" s="52" t="s">
        <v>8494</v>
      </c>
      <c r="K3478" s="71" t="s">
        <v>8495</v>
      </c>
      <c r="L3478" s="52" t="s">
        <v>2063</v>
      </c>
      <c r="M3478" s="72">
        <v>9385</v>
      </c>
      <c r="N3478" s="52" t="s">
        <v>2072</v>
      </c>
      <c r="O3478" s="52" t="s">
        <v>2073</v>
      </c>
      <c r="P3478" s="52"/>
      <c r="Q3478" s="52"/>
      <c r="R3478" s="52"/>
      <c r="S3478" s="52"/>
      <c r="T3478" s="52"/>
      <c r="U3478" s="52"/>
      <c r="V3478" s="52"/>
      <c r="W3478" s="52"/>
    </row>
    <row r="3479" spans="1:23" hidden="1" x14ac:dyDescent="0.35">
      <c r="A3479" s="52" t="s">
        <v>78</v>
      </c>
      <c r="B3479" s="52" t="s">
        <v>79</v>
      </c>
      <c r="C3479" s="3">
        <v>20</v>
      </c>
      <c r="D3479" s="52" t="s">
        <v>2022</v>
      </c>
      <c r="E3479" s="52" t="s">
        <v>26</v>
      </c>
      <c r="F3479" s="52" t="s">
        <v>81</v>
      </c>
      <c r="G3479" s="52" t="s">
        <v>82</v>
      </c>
      <c r="H3479" s="4">
        <v>1</v>
      </c>
      <c r="I3479" s="2">
        <v>14.65</v>
      </c>
      <c r="J3479" s="52" t="s">
        <v>8427</v>
      </c>
      <c r="K3479" s="71" t="s">
        <v>8496</v>
      </c>
      <c r="L3479" s="52" t="s">
        <v>2063</v>
      </c>
      <c r="M3479" s="72">
        <v>6757</v>
      </c>
      <c r="N3479" s="52" t="s">
        <v>2066</v>
      </c>
      <c r="O3479" s="52" t="s">
        <v>2067</v>
      </c>
      <c r="P3479" s="52"/>
      <c r="Q3479" s="52"/>
      <c r="R3479" s="52"/>
      <c r="S3479" s="52"/>
      <c r="T3479" s="52"/>
      <c r="U3479" s="52"/>
      <c r="V3479" s="52"/>
      <c r="W3479" s="52"/>
    </row>
    <row r="3480" spans="1:23" hidden="1" x14ac:dyDescent="0.35">
      <c r="A3480" s="52" t="s">
        <v>78</v>
      </c>
      <c r="B3480" s="52" t="s">
        <v>79</v>
      </c>
      <c r="C3480" s="3">
        <v>10</v>
      </c>
      <c r="D3480" s="52" t="s">
        <v>84</v>
      </c>
      <c r="E3480" s="52" t="s">
        <v>26</v>
      </c>
      <c r="F3480" s="52" t="s">
        <v>81</v>
      </c>
      <c r="G3480" s="52" t="s">
        <v>82</v>
      </c>
      <c r="H3480" s="4">
        <v>1</v>
      </c>
      <c r="I3480" s="2">
        <v>14.65</v>
      </c>
      <c r="J3480" s="52" t="s">
        <v>8497</v>
      </c>
      <c r="K3480" s="71" t="s">
        <v>8498</v>
      </c>
      <c r="L3480" s="52" t="s">
        <v>2063</v>
      </c>
      <c r="M3480" s="72">
        <v>2418</v>
      </c>
      <c r="N3480" s="52"/>
      <c r="O3480" s="52"/>
      <c r="P3480" s="52"/>
      <c r="Q3480" s="52"/>
      <c r="R3480" s="52"/>
      <c r="S3480" s="52"/>
      <c r="T3480" s="52"/>
      <c r="U3480" s="52"/>
      <c r="V3480" s="52"/>
      <c r="W3480" s="52"/>
    </row>
    <row r="3481" spans="1:23" hidden="1" x14ac:dyDescent="0.35">
      <c r="A3481" s="52" t="s">
        <v>78</v>
      </c>
      <c r="B3481" s="52" t="s">
        <v>79</v>
      </c>
      <c r="C3481" s="3">
        <v>20</v>
      </c>
      <c r="D3481" s="52" t="s">
        <v>2023</v>
      </c>
      <c r="E3481" s="52" t="s">
        <v>26</v>
      </c>
      <c r="F3481" s="52" t="s">
        <v>81</v>
      </c>
      <c r="G3481" s="52" t="s">
        <v>82</v>
      </c>
      <c r="H3481" s="4">
        <v>1</v>
      </c>
      <c r="I3481" s="2">
        <v>14.65</v>
      </c>
      <c r="J3481" s="52" t="s">
        <v>8499</v>
      </c>
      <c r="K3481" s="71" t="s">
        <v>8500</v>
      </c>
      <c r="L3481" s="52" t="s">
        <v>2063</v>
      </c>
      <c r="M3481" s="72">
        <v>9563</v>
      </c>
      <c r="N3481" s="52"/>
      <c r="O3481" s="52"/>
      <c r="P3481" s="52"/>
      <c r="Q3481" s="52"/>
      <c r="R3481" s="52"/>
      <c r="S3481" s="52"/>
      <c r="T3481" s="52"/>
      <c r="U3481" s="52"/>
      <c r="V3481" s="52"/>
      <c r="W3481" s="52"/>
    </row>
    <row r="3482" spans="1:23" hidden="1" x14ac:dyDescent="0.35">
      <c r="A3482" s="52" t="s">
        <v>78</v>
      </c>
      <c r="B3482" s="52" t="s">
        <v>79</v>
      </c>
      <c r="C3482" s="3">
        <v>10</v>
      </c>
      <c r="D3482" s="52" t="s">
        <v>80</v>
      </c>
      <c r="E3482" s="52" t="s">
        <v>26</v>
      </c>
      <c r="F3482" s="52" t="s">
        <v>81</v>
      </c>
      <c r="G3482" s="52" t="s">
        <v>82</v>
      </c>
      <c r="H3482" s="4">
        <v>1</v>
      </c>
      <c r="I3482" s="2">
        <v>14.65</v>
      </c>
      <c r="J3482" s="52" t="s">
        <v>8249</v>
      </c>
      <c r="K3482" s="71" t="s">
        <v>8501</v>
      </c>
      <c r="L3482" s="52" t="s">
        <v>2095</v>
      </c>
      <c r="M3482" s="72">
        <v>1080</v>
      </c>
      <c r="N3482" s="52"/>
      <c r="O3482" s="52"/>
      <c r="P3482" s="52"/>
      <c r="Q3482" s="52"/>
      <c r="R3482" s="52"/>
      <c r="S3482" s="52"/>
      <c r="T3482" s="52"/>
      <c r="U3482" s="52"/>
      <c r="V3482" s="52"/>
      <c r="W3482" s="52"/>
    </row>
    <row r="3483" spans="1:23" x14ac:dyDescent="0.35">
      <c r="A3483" s="52" t="s">
        <v>78</v>
      </c>
      <c r="B3483" s="52" t="s">
        <v>79</v>
      </c>
      <c r="C3483" s="3">
        <v>20</v>
      </c>
      <c r="D3483" s="52" t="s">
        <v>84</v>
      </c>
      <c r="E3483" s="52" t="s">
        <v>26</v>
      </c>
      <c r="F3483" s="52" t="s">
        <v>81</v>
      </c>
      <c r="G3483" s="52" t="s">
        <v>82</v>
      </c>
      <c r="H3483" s="4">
        <v>1</v>
      </c>
      <c r="I3483" s="2">
        <v>14.65</v>
      </c>
      <c r="J3483" s="52" t="s">
        <v>8502</v>
      </c>
      <c r="K3483" s="71" t="s">
        <v>8503</v>
      </c>
      <c r="L3483" s="52" t="s">
        <v>2063</v>
      </c>
      <c r="M3483" s="72">
        <v>1422</v>
      </c>
      <c r="N3483" s="52" t="s">
        <v>2076</v>
      </c>
      <c r="O3483" s="52" t="s">
        <v>2077</v>
      </c>
      <c r="P3483" s="52"/>
      <c r="Q3483" s="52"/>
      <c r="R3483" s="52"/>
      <c r="S3483" s="52"/>
      <c r="T3483" s="52"/>
      <c r="U3483" s="52"/>
      <c r="V3483" s="52"/>
      <c r="W3483" s="52"/>
    </row>
    <row r="3484" spans="1:23" hidden="1" x14ac:dyDescent="0.35">
      <c r="A3484" s="52" t="s">
        <v>78</v>
      </c>
      <c r="B3484" s="52" t="s">
        <v>79</v>
      </c>
      <c r="C3484" s="3">
        <v>20</v>
      </c>
      <c r="D3484" s="52" t="s">
        <v>2022</v>
      </c>
      <c r="E3484" s="52" t="s">
        <v>26</v>
      </c>
      <c r="F3484" s="52" t="s">
        <v>81</v>
      </c>
      <c r="G3484" s="52" t="s">
        <v>82</v>
      </c>
      <c r="H3484" s="4">
        <v>1</v>
      </c>
      <c r="I3484" s="2">
        <v>14.65</v>
      </c>
      <c r="J3484" s="52" t="s">
        <v>8504</v>
      </c>
      <c r="K3484" s="71" t="s">
        <v>8505</v>
      </c>
      <c r="L3484" s="52" t="s">
        <v>2063</v>
      </c>
      <c r="M3484" s="72">
        <v>3359</v>
      </c>
      <c r="N3484" s="52"/>
      <c r="O3484" s="52"/>
      <c r="P3484" s="52"/>
      <c r="Q3484" s="52"/>
      <c r="R3484" s="52"/>
      <c r="S3484" s="52"/>
      <c r="T3484" s="52"/>
      <c r="U3484" s="52"/>
      <c r="V3484" s="52"/>
      <c r="W3484" s="52"/>
    </row>
    <row r="3485" spans="1:23" hidden="1" x14ac:dyDescent="0.35">
      <c r="A3485" s="52" t="s">
        <v>78</v>
      </c>
      <c r="B3485" s="52" t="s">
        <v>79</v>
      </c>
      <c r="C3485" s="3">
        <v>10</v>
      </c>
      <c r="D3485" s="52" t="s">
        <v>2020</v>
      </c>
      <c r="E3485" s="52" t="s">
        <v>26</v>
      </c>
      <c r="F3485" s="52" t="s">
        <v>81</v>
      </c>
      <c r="G3485" s="52" t="s">
        <v>82</v>
      </c>
      <c r="H3485" s="4">
        <v>1</v>
      </c>
      <c r="I3485" s="2">
        <v>14.65</v>
      </c>
      <c r="J3485" s="52" t="s">
        <v>8506</v>
      </c>
      <c r="K3485" s="71" t="s">
        <v>8507</v>
      </c>
      <c r="L3485" s="52" t="s">
        <v>2063</v>
      </c>
      <c r="M3485" s="72">
        <v>771</v>
      </c>
      <c r="N3485" s="52" t="s">
        <v>2072</v>
      </c>
      <c r="O3485" s="52" t="s">
        <v>2073</v>
      </c>
      <c r="P3485" s="52"/>
      <c r="Q3485" s="52"/>
      <c r="R3485" s="52"/>
      <c r="S3485" s="52"/>
      <c r="T3485" s="52"/>
      <c r="U3485" s="52"/>
      <c r="V3485" s="52"/>
      <c r="W3485" s="52"/>
    </row>
    <row r="3486" spans="1:23" hidden="1" x14ac:dyDescent="0.35">
      <c r="A3486" s="52" t="s">
        <v>78</v>
      </c>
      <c r="B3486" s="52" t="s">
        <v>79</v>
      </c>
      <c r="C3486" s="3">
        <v>20</v>
      </c>
      <c r="D3486" s="52" t="s">
        <v>87</v>
      </c>
      <c r="E3486" s="52" t="s">
        <v>26</v>
      </c>
      <c r="F3486" s="52" t="s">
        <v>81</v>
      </c>
      <c r="G3486" s="52" t="s">
        <v>82</v>
      </c>
      <c r="H3486" s="4">
        <v>1</v>
      </c>
      <c r="I3486" s="2">
        <v>14.65</v>
      </c>
      <c r="J3486" s="52" t="s">
        <v>8508</v>
      </c>
      <c r="K3486" s="71" t="s">
        <v>8509</v>
      </c>
      <c r="L3486" s="52" t="s">
        <v>2063</v>
      </c>
      <c r="M3486" s="72">
        <v>1467</v>
      </c>
      <c r="N3486" s="52" t="s">
        <v>2072</v>
      </c>
      <c r="O3486" s="52" t="s">
        <v>2073</v>
      </c>
      <c r="P3486" s="52"/>
      <c r="Q3486" s="52"/>
      <c r="R3486" s="52"/>
      <c r="S3486" s="52"/>
      <c r="T3486" s="52"/>
      <c r="U3486" s="52"/>
      <c r="V3486" s="52"/>
      <c r="W3486" s="52"/>
    </row>
    <row r="3487" spans="1:23" hidden="1" x14ac:dyDescent="0.35">
      <c r="A3487" s="52" t="s">
        <v>78</v>
      </c>
      <c r="B3487" s="52" t="s">
        <v>79</v>
      </c>
      <c r="C3487" s="3">
        <v>212</v>
      </c>
      <c r="D3487" s="52" t="s">
        <v>84</v>
      </c>
      <c r="E3487" s="52" t="s">
        <v>26</v>
      </c>
      <c r="F3487" s="52" t="s">
        <v>81</v>
      </c>
      <c r="G3487" s="52" t="s">
        <v>82</v>
      </c>
      <c r="H3487" s="4">
        <v>1</v>
      </c>
      <c r="I3487" s="2">
        <v>14.65</v>
      </c>
      <c r="J3487" s="52" t="s">
        <v>8510</v>
      </c>
      <c r="K3487" s="71" t="s">
        <v>8511</v>
      </c>
      <c r="L3487" s="52" t="s">
        <v>2063</v>
      </c>
      <c r="M3487" s="72">
        <v>7408</v>
      </c>
      <c r="N3487" s="52" t="s">
        <v>2304</v>
      </c>
      <c r="O3487" s="52" t="s">
        <v>2305</v>
      </c>
      <c r="P3487" s="52"/>
      <c r="Q3487" s="52"/>
      <c r="R3487" s="52"/>
      <c r="S3487" s="52"/>
      <c r="T3487" s="52"/>
      <c r="U3487" s="52"/>
      <c r="V3487" s="52"/>
      <c r="W3487" s="52"/>
    </row>
    <row r="3488" spans="1:23" hidden="1" x14ac:dyDescent="0.35">
      <c r="A3488" s="52" t="s">
        <v>78</v>
      </c>
      <c r="B3488" s="52" t="s">
        <v>79</v>
      </c>
      <c r="C3488" s="3">
        <v>211</v>
      </c>
      <c r="D3488" s="52" t="s">
        <v>2021</v>
      </c>
      <c r="E3488" s="52" t="s">
        <v>26</v>
      </c>
      <c r="F3488" s="52" t="s">
        <v>81</v>
      </c>
      <c r="G3488" s="52" t="s">
        <v>82</v>
      </c>
      <c r="H3488" s="4">
        <v>1</v>
      </c>
      <c r="I3488" s="2">
        <v>14.65</v>
      </c>
      <c r="J3488" s="52" t="s">
        <v>8512</v>
      </c>
      <c r="K3488" s="71" t="s">
        <v>8513</v>
      </c>
      <c r="L3488" s="52" t="s">
        <v>2063</v>
      </c>
      <c r="M3488" s="72">
        <v>1726</v>
      </c>
      <c r="N3488" s="52" t="s">
        <v>2072</v>
      </c>
      <c r="O3488" s="52" t="s">
        <v>2073</v>
      </c>
      <c r="P3488" s="52"/>
      <c r="Q3488" s="52"/>
      <c r="R3488" s="52"/>
      <c r="S3488" s="52"/>
      <c r="T3488" s="52"/>
      <c r="U3488" s="52"/>
      <c r="V3488" s="52"/>
      <c r="W3488" s="52"/>
    </row>
    <row r="3489" spans="1:23" hidden="1" x14ac:dyDescent="0.35">
      <c r="A3489" s="52" t="s">
        <v>78</v>
      </c>
      <c r="B3489" s="52" t="s">
        <v>79</v>
      </c>
      <c r="C3489" s="3">
        <v>10</v>
      </c>
      <c r="D3489" s="52" t="s">
        <v>2022</v>
      </c>
      <c r="E3489" s="52" t="s">
        <v>26</v>
      </c>
      <c r="F3489" s="52" t="s">
        <v>81</v>
      </c>
      <c r="G3489" s="52" t="s">
        <v>82</v>
      </c>
      <c r="H3489" s="4">
        <v>1</v>
      </c>
      <c r="I3489" s="2">
        <v>14.65</v>
      </c>
      <c r="J3489" s="52" t="s">
        <v>8514</v>
      </c>
      <c r="K3489" s="71" t="s">
        <v>8515</v>
      </c>
      <c r="L3489" s="52" t="s">
        <v>2063</v>
      </c>
      <c r="M3489" s="72">
        <v>6597</v>
      </c>
      <c r="N3489" s="52"/>
      <c r="O3489" s="52"/>
      <c r="P3489" s="52"/>
      <c r="Q3489" s="52"/>
      <c r="R3489" s="52"/>
      <c r="S3489" s="52"/>
      <c r="T3489" s="52"/>
      <c r="U3489" s="52"/>
      <c r="V3489" s="52"/>
      <c r="W3489" s="52"/>
    </row>
    <row r="3490" spans="1:23" x14ac:dyDescent="0.35">
      <c r="A3490" s="52" t="s">
        <v>78</v>
      </c>
      <c r="B3490" s="52" t="s">
        <v>79</v>
      </c>
      <c r="C3490" s="3">
        <v>10</v>
      </c>
      <c r="D3490" s="52" t="s">
        <v>2021</v>
      </c>
      <c r="E3490" s="52" t="s">
        <v>26</v>
      </c>
      <c r="F3490" s="52" t="s">
        <v>81</v>
      </c>
      <c r="G3490" s="52" t="s">
        <v>82</v>
      </c>
      <c r="H3490" s="4">
        <v>1</v>
      </c>
      <c r="I3490" s="2">
        <v>14.65</v>
      </c>
      <c r="J3490" s="52" t="s">
        <v>8516</v>
      </c>
      <c r="K3490" s="71" t="s">
        <v>8517</v>
      </c>
      <c r="L3490" s="52" t="s">
        <v>2063</v>
      </c>
      <c r="M3490" s="72">
        <v>1786</v>
      </c>
      <c r="N3490" s="52" t="s">
        <v>2259</v>
      </c>
      <c r="O3490" s="52" t="s">
        <v>2260</v>
      </c>
      <c r="P3490" s="52"/>
      <c r="Q3490" s="52"/>
      <c r="R3490" s="52"/>
      <c r="S3490" s="52"/>
      <c r="T3490" s="52"/>
      <c r="U3490" s="52"/>
      <c r="V3490" s="52"/>
      <c r="W3490" s="52"/>
    </row>
    <row r="3491" spans="1:23" hidden="1" x14ac:dyDescent="0.35">
      <c r="A3491" s="52" t="s">
        <v>78</v>
      </c>
      <c r="B3491" s="52" t="s">
        <v>79</v>
      </c>
      <c r="C3491" s="3">
        <v>10</v>
      </c>
      <c r="D3491" s="52" t="s">
        <v>2019</v>
      </c>
      <c r="E3491" s="52" t="s">
        <v>26</v>
      </c>
      <c r="F3491" s="52" t="s">
        <v>81</v>
      </c>
      <c r="G3491" s="52" t="s">
        <v>82</v>
      </c>
      <c r="H3491" s="4">
        <v>1</v>
      </c>
      <c r="I3491" s="2">
        <v>14.65</v>
      </c>
      <c r="J3491" s="52" t="s">
        <v>8518</v>
      </c>
      <c r="K3491" s="71" t="s">
        <v>8519</v>
      </c>
      <c r="L3491" s="52" t="s">
        <v>2095</v>
      </c>
      <c r="M3491" s="72">
        <v>5256</v>
      </c>
      <c r="N3491" s="52"/>
      <c r="O3491" s="52"/>
      <c r="P3491" s="52"/>
      <c r="Q3491" s="52"/>
      <c r="R3491" s="52"/>
      <c r="S3491" s="52"/>
      <c r="T3491" s="52"/>
      <c r="U3491" s="52"/>
      <c r="V3491" s="52"/>
      <c r="W3491" s="52"/>
    </row>
    <row r="3492" spans="1:23" hidden="1" x14ac:dyDescent="0.35">
      <c r="A3492" s="52" t="s">
        <v>78</v>
      </c>
      <c r="B3492" s="52" t="s">
        <v>79</v>
      </c>
      <c r="C3492" s="3">
        <v>20</v>
      </c>
      <c r="D3492" s="52" t="s">
        <v>2019</v>
      </c>
      <c r="E3492" s="52" t="s">
        <v>26</v>
      </c>
      <c r="F3492" s="52" t="s">
        <v>81</v>
      </c>
      <c r="G3492" s="52" t="s">
        <v>82</v>
      </c>
      <c r="H3492" s="4">
        <v>1</v>
      </c>
      <c r="I3492" s="2">
        <v>14.65</v>
      </c>
      <c r="J3492" s="52" t="s">
        <v>8520</v>
      </c>
      <c r="K3492" s="71" t="s">
        <v>8521</v>
      </c>
      <c r="L3492" s="52" t="s">
        <v>2063</v>
      </c>
      <c r="M3492" s="72">
        <v>9502</v>
      </c>
      <c r="N3492" s="52"/>
      <c r="O3492" s="52"/>
      <c r="P3492" s="52"/>
      <c r="Q3492" s="52"/>
      <c r="R3492" s="52"/>
      <c r="S3492" s="52"/>
      <c r="T3492" s="52"/>
      <c r="U3492" s="52"/>
      <c r="V3492" s="52"/>
      <c r="W3492" s="52"/>
    </row>
    <row r="3493" spans="1:23" hidden="1" x14ac:dyDescent="0.35">
      <c r="A3493" s="52" t="s">
        <v>78</v>
      </c>
      <c r="B3493" s="52" t="s">
        <v>79</v>
      </c>
      <c r="C3493" s="3">
        <v>211</v>
      </c>
      <c r="D3493" s="52" t="s">
        <v>83</v>
      </c>
      <c r="E3493" s="52" t="s">
        <v>26</v>
      </c>
      <c r="F3493" s="52" t="s">
        <v>81</v>
      </c>
      <c r="G3493" s="52" t="s">
        <v>82</v>
      </c>
      <c r="H3493" s="4">
        <v>1</v>
      </c>
      <c r="I3493" s="2">
        <v>14.65</v>
      </c>
      <c r="J3493" s="52" t="s">
        <v>8522</v>
      </c>
      <c r="K3493" s="71" t="s">
        <v>8523</v>
      </c>
      <c r="L3493" s="52" t="s">
        <v>2063</v>
      </c>
      <c r="M3493" s="72">
        <v>601</v>
      </c>
      <c r="N3493" s="52" t="s">
        <v>2072</v>
      </c>
      <c r="O3493" s="52" t="s">
        <v>2073</v>
      </c>
      <c r="P3493" s="52"/>
      <c r="Q3493" s="52"/>
      <c r="R3493" s="52"/>
      <c r="S3493" s="52"/>
      <c r="T3493" s="52"/>
      <c r="U3493" s="52"/>
      <c r="V3493" s="52"/>
      <c r="W3493" s="52"/>
    </row>
    <row r="3494" spans="1:23" hidden="1" x14ac:dyDescent="0.35">
      <c r="A3494" s="52" t="s">
        <v>78</v>
      </c>
      <c r="B3494" s="52" t="s">
        <v>79</v>
      </c>
      <c r="C3494" s="3">
        <v>20</v>
      </c>
      <c r="D3494" s="52" t="s">
        <v>2022</v>
      </c>
      <c r="E3494" s="52" t="s">
        <v>26</v>
      </c>
      <c r="F3494" s="52" t="s">
        <v>81</v>
      </c>
      <c r="G3494" s="52" t="s">
        <v>82</v>
      </c>
      <c r="H3494" s="4">
        <v>1</v>
      </c>
      <c r="I3494" s="2">
        <v>14.65</v>
      </c>
      <c r="J3494" s="52" t="s">
        <v>8524</v>
      </c>
      <c r="K3494" s="71" t="s">
        <v>8525</v>
      </c>
      <c r="L3494" s="52" t="s">
        <v>2063</v>
      </c>
      <c r="M3494" s="72">
        <v>5176</v>
      </c>
      <c r="N3494" s="52" t="s">
        <v>2066</v>
      </c>
      <c r="O3494" s="52" t="s">
        <v>2067</v>
      </c>
      <c r="P3494" s="52"/>
      <c r="Q3494" s="52"/>
      <c r="R3494" s="52"/>
      <c r="S3494" s="52"/>
      <c r="T3494" s="52"/>
      <c r="U3494" s="52"/>
      <c r="V3494" s="52"/>
      <c r="W3494" s="52"/>
    </row>
    <row r="3495" spans="1:23" hidden="1" x14ac:dyDescent="0.35">
      <c r="A3495" s="52" t="s">
        <v>78</v>
      </c>
      <c r="B3495" s="52" t="s">
        <v>79</v>
      </c>
      <c r="C3495" s="3">
        <v>212</v>
      </c>
      <c r="D3495" s="52" t="s">
        <v>85</v>
      </c>
      <c r="E3495" s="52" t="s">
        <v>26</v>
      </c>
      <c r="F3495" s="52" t="s">
        <v>81</v>
      </c>
      <c r="G3495" s="52" t="s">
        <v>82</v>
      </c>
      <c r="H3495" s="4">
        <v>1</v>
      </c>
      <c r="I3495" s="2">
        <v>14.65</v>
      </c>
      <c r="J3495" s="52" t="s">
        <v>8329</v>
      </c>
      <c r="K3495" s="71" t="s">
        <v>8526</v>
      </c>
      <c r="L3495" s="52" t="s">
        <v>2063</v>
      </c>
      <c r="M3495" s="72">
        <v>7545</v>
      </c>
      <c r="N3495" s="52" t="s">
        <v>2072</v>
      </c>
      <c r="O3495" s="52" t="s">
        <v>2073</v>
      </c>
      <c r="P3495" s="52"/>
      <c r="Q3495" s="52"/>
      <c r="R3495" s="52"/>
      <c r="S3495" s="52"/>
      <c r="T3495" s="52"/>
      <c r="U3495" s="52"/>
      <c r="V3495" s="52"/>
      <c r="W3495" s="52"/>
    </row>
    <row r="3496" spans="1:23" hidden="1" x14ac:dyDescent="0.35">
      <c r="A3496" s="52" t="s">
        <v>78</v>
      </c>
      <c r="B3496" s="52" t="s">
        <v>79</v>
      </c>
      <c r="C3496" s="3">
        <v>10</v>
      </c>
      <c r="D3496" s="52" t="s">
        <v>2021</v>
      </c>
      <c r="E3496" s="52" t="s">
        <v>26</v>
      </c>
      <c r="F3496" s="52" t="s">
        <v>81</v>
      </c>
      <c r="G3496" s="52" t="s">
        <v>82</v>
      </c>
      <c r="H3496" s="4">
        <v>1</v>
      </c>
      <c r="I3496" s="2">
        <v>14.65</v>
      </c>
      <c r="J3496" s="52" t="s">
        <v>8527</v>
      </c>
      <c r="K3496" s="71" t="s">
        <v>8528</v>
      </c>
      <c r="L3496" s="52" t="s">
        <v>2063</v>
      </c>
      <c r="M3496" s="72">
        <v>9411</v>
      </c>
      <c r="N3496" s="52" t="s">
        <v>2072</v>
      </c>
      <c r="O3496" s="52" t="s">
        <v>2073</v>
      </c>
      <c r="P3496" s="52"/>
      <c r="Q3496" s="52"/>
      <c r="R3496" s="52"/>
      <c r="S3496" s="52"/>
      <c r="T3496" s="52"/>
      <c r="U3496" s="52"/>
      <c r="V3496" s="52"/>
      <c r="W3496" s="52"/>
    </row>
    <row r="3497" spans="1:23" hidden="1" x14ac:dyDescent="0.35">
      <c r="A3497" s="52" t="s">
        <v>78</v>
      </c>
      <c r="B3497" s="52" t="s">
        <v>79</v>
      </c>
      <c r="C3497" s="3">
        <v>20</v>
      </c>
      <c r="D3497" s="52" t="s">
        <v>87</v>
      </c>
      <c r="E3497" s="52" t="s">
        <v>26</v>
      </c>
      <c r="F3497" s="52" t="s">
        <v>81</v>
      </c>
      <c r="G3497" s="52" t="s">
        <v>82</v>
      </c>
      <c r="H3497" s="4">
        <v>1</v>
      </c>
      <c r="I3497" s="2">
        <v>14.65</v>
      </c>
      <c r="J3497" s="52" t="s">
        <v>8529</v>
      </c>
      <c r="K3497" s="71" t="s">
        <v>8530</v>
      </c>
      <c r="L3497" s="52" t="s">
        <v>2063</v>
      </c>
      <c r="M3497" s="72">
        <v>4104</v>
      </c>
      <c r="N3497" s="52" t="s">
        <v>2066</v>
      </c>
      <c r="O3497" s="52" t="s">
        <v>2067</v>
      </c>
      <c r="P3497" s="52"/>
      <c r="Q3497" s="52"/>
      <c r="R3497" s="52"/>
      <c r="S3497" s="52"/>
      <c r="T3497" s="52"/>
      <c r="U3497" s="52"/>
      <c r="V3497" s="52"/>
      <c r="W3497" s="52"/>
    </row>
    <row r="3498" spans="1:23" hidden="1" x14ac:dyDescent="0.35">
      <c r="A3498" s="52" t="s">
        <v>78</v>
      </c>
      <c r="B3498" s="52" t="s">
        <v>79</v>
      </c>
      <c r="C3498" s="3">
        <v>10</v>
      </c>
      <c r="D3498" s="52" t="s">
        <v>2019</v>
      </c>
      <c r="E3498" s="52" t="s">
        <v>26</v>
      </c>
      <c r="F3498" s="52" t="s">
        <v>81</v>
      </c>
      <c r="G3498" s="52" t="s">
        <v>82</v>
      </c>
      <c r="H3498" s="4">
        <v>1</v>
      </c>
      <c r="I3498" s="2">
        <v>14.65</v>
      </c>
      <c r="J3498" s="52" t="s">
        <v>8335</v>
      </c>
      <c r="K3498" s="71" t="s">
        <v>8531</v>
      </c>
      <c r="L3498" s="52" t="s">
        <v>2063</v>
      </c>
      <c r="M3498" s="72">
        <v>44</v>
      </c>
      <c r="N3498" s="52"/>
      <c r="O3498" s="52"/>
      <c r="P3498" s="52"/>
      <c r="Q3498" s="52"/>
      <c r="R3498" s="52"/>
      <c r="S3498" s="52"/>
      <c r="T3498" s="52"/>
      <c r="U3498" s="52"/>
      <c r="V3498" s="52"/>
      <c r="W3498" s="52"/>
    </row>
    <row r="3499" spans="1:23" hidden="1" x14ac:dyDescent="0.35">
      <c r="A3499" s="52" t="s">
        <v>78</v>
      </c>
      <c r="B3499" s="52" t="s">
        <v>79</v>
      </c>
      <c r="C3499" s="3">
        <v>20</v>
      </c>
      <c r="D3499" s="52" t="s">
        <v>2019</v>
      </c>
      <c r="E3499" s="52" t="s">
        <v>26</v>
      </c>
      <c r="F3499" s="52" t="s">
        <v>81</v>
      </c>
      <c r="G3499" s="52" t="s">
        <v>82</v>
      </c>
      <c r="H3499" s="4">
        <v>1</v>
      </c>
      <c r="I3499" s="2">
        <v>14.65</v>
      </c>
      <c r="J3499" s="52" t="s">
        <v>8520</v>
      </c>
      <c r="K3499" s="71" t="s">
        <v>8532</v>
      </c>
      <c r="L3499" s="52" t="s">
        <v>2063</v>
      </c>
      <c r="M3499" s="72">
        <v>2349</v>
      </c>
      <c r="N3499" s="52"/>
      <c r="O3499" s="52"/>
      <c r="P3499" s="52"/>
      <c r="Q3499" s="52"/>
      <c r="R3499" s="52"/>
      <c r="S3499" s="52"/>
      <c r="T3499" s="52"/>
      <c r="U3499" s="52"/>
      <c r="V3499" s="52"/>
      <c r="W3499" s="52"/>
    </row>
    <row r="3500" spans="1:23" hidden="1" x14ac:dyDescent="0.35">
      <c r="A3500" s="52" t="s">
        <v>78</v>
      </c>
      <c r="B3500" s="52" t="s">
        <v>79</v>
      </c>
      <c r="C3500" s="3">
        <v>20</v>
      </c>
      <c r="D3500" s="52" t="s">
        <v>87</v>
      </c>
      <c r="E3500" s="52" t="s">
        <v>26</v>
      </c>
      <c r="F3500" s="52" t="s">
        <v>81</v>
      </c>
      <c r="G3500" s="52" t="s">
        <v>82</v>
      </c>
      <c r="H3500" s="4">
        <v>1</v>
      </c>
      <c r="I3500" s="2">
        <v>14.65</v>
      </c>
      <c r="J3500" s="52" t="s">
        <v>8533</v>
      </c>
      <c r="K3500" s="71" t="s">
        <v>8534</v>
      </c>
      <c r="L3500" s="52" t="s">
        <v>2063</v>
      </c>
      <c r="M3500" s="72">
        <v>319</v>
      </c>
      <c r="N3500" s="52" t="s">
        <v>2066</v>
      </c>
      <c r="O3500" s="52" t="s">
        <v>2067</v>
      </c>
      <c r="P3500" s="52"/>
      <c r="Q3500" s="52"/>
      <c r="R3500" s="52"/>
      <c r="S3500" s="52"/>
      <c r="T3500" s="52"/>
      <c r="U3500" s="52"/>
      <c r="V3500" s="52"/>
      <c r="W3500" s="52"/>
    </row>
    <row r="3501" spans="1:23" hidden="1" x14ac:dyDescent="0.35">
      <c r="A3501" s="52" t="s">
        <v>78</v>
      </c>
      <c r="B3501" s="52" t="s">
        <v>79</v>
      </c>
      <c r="C3501" s="3">
        <v>10</v>
      </c>
      <c r="D3501" s="52" t="s">
        <v>2024</v>
      </c>
      <c r="E3501" s="52" t="s">
        <v>26</v>
      </c>
      <c r="F3501" s="52" t="s">
        <v>81</v>
      </c>
      <c r="G3501" s="52" t="s">
        <v>82</v>
      </c>
      <c r="H3501" s="4">
        <v>1</v>
      </c>
      <c r="I3501" s="2">
        <v>14.65</v>
      </c>
      <c r="J3501" s="52" t="s">
        <v>8535</v>
      </c>
      <c r="K3501" s="71" t="s">
        <v>8536</v>
      </c>
      <c r="L3501" s="52" t="s">
        <v>2063</v>
      </c>
      <c r="M3501" s="72">
        <v>3940</v>
      </c>
      <c r="N3501" s="52" t="s">
        <v>2072</v>
      </c>
      <c r="O3501" s="52" t="s">
        <v>2073</v>
      </c>
      <c r="P3501" s="52"/>
      <c r="Q3501" s="52"/>
      <c r="R3501" s="52"/>
      <c r="S3501" s="52"/>
      <c r="T3501" s="52"/>
      <c r="U3501" s="52"/>
      <c r="V3501" s="52"/>
      <c r="W3501" s="52"/>
    </row>
    <row r="3502" spans="1:23" hidden="1" x14ac:dyDescent="0.35">
      <c r="A3502" s="52" t="s">
        <v>78</v>
      </c>
      <c r="B3502" s="52" t="s">
        <v>79</v>
      </c>
      <c r="C3502" s="3">
        <v>10</v>
      </c>
      <c r="D3502" s="52" t="s">
        <v>2022</v>
      </c>
      <c r="E3502" s="52" t="s">
        <v>26</v>
      </c>
      <c r="F3502" s="52" t="s">
        <v>81</v>
      </c>
      <c r="G3502" s="52" t="s">
        <v>82</v>
      </c>
      <c r="H3502" s="4">
        <v>1</v>
      </c>
      <c r="I3502" s="2">
        <v>14.65</v>
      </c>
      <c r="J3502" s="52" t="s">
        <v>8537</v>
      </c>
      <c r="K3502" s="71" t="s">
        <v>8538</v>
      </c>
      <c r="L3502" s="52" t="s">
        <v>2063</v>
      </c>
      <c r="M3502" s="72">
        <v>1104</v>
      </c>
      <c r="N3502" s="52" t="s">
        <v>2066</v>
      </c>
      <c r="O3502" s="52" t="s">
        <v>2067</v>
      </c>
      <c r="P3502" s="52"/>
      <c r="Q3502" s="52"/>
      <c r="R3502" s="52"/>
      <c r="S3502" s="52"/>
      <c r="T3502" s="52"/>
      <c r="U3502" s="52"/>
      <c r="V3502" s="52"/>
      <c r="W3502" s="52"/>
    </row>
    <row r="3503" spans="1:23" hidden="1" x14ac:dyDescent="0.35">
      <c r="A3503" s="52" t="s">
        <v>78</v>
      </c>
      <c r="B3503" s="52" t="s">
        <v>79</v>
      </c>
      <c r="C3503" s="3">
        <v>10</v>
      </c>
      <c r="D3503" s="52" t="s">
        <v>87</v>
      </c>
      <c r="E3503" s="52" t="s">
        <v>26</v>
      </c>
      <c r="F3503" s="52" t="s">
        <v>81</v>
      </c>
      <c r="G3503" s="52" t="s">
        <v>82</v>
      </c>
      <c r="H3503" s="4">
        <v>1</v>
      </c>
      <c r="I3503" s="2">
        <v>14.65</v>
      </c>
      <c r="J3503" s="52" t="s">
        <v>8539</v>
      </c>
      <c r="K3503" s="71" t="s">
        <v>8540</v>
      </c>
      <c r="L3503" s="52" t="s">
        <v>2095</v>
      </c>
      <c r="M3503" s="72">
        <v>5842</v>
      </c>
      <c r="N3503" s="52" t="s">
        <v>2154</v>
      </c>
      <c r="O3503" s="52" t="s">
        <v>2155</v>
      </c>
      <c r="P3503" s="52"/>
      <c r="Q3503" s="52"/>
      <c r="R3503" s="52"/>
      <c r="S3503" s="52"/>
      <c r="T3503" s="52"/>
      <c r="U3503" s="52"/>
      <c r="V3503" s="52"/>
      <c r="W3503" s="52"/>
    </row>
    <row r="3504" spans="1:23" hidden="1" x14ac:dyDescent="0.35">
      <c r="A3504" s="52" t="s">
        <v>78</v>
      </c>
      <c r="B3504" s="52" t="s">
        <v>79</v>
      </c>
      <c r="C3504" s="3">
        <v>10</v>
      </c>
      <c r="D3504" s="52" t="s">
        <v>2021</v>
      </c>
      <c r="E3504" s="52" t="s">
        <v>26</v>
      </c>
      <c r="F3504" s="52" t="s">
        <v>81</v>
      </c>
      <c r="G3504" s="52" t="s">
        <v>82</v>
      </c>
      <c r="H3504" s="4">
        <v>1</v>
      </c>
      <c r="I3504" s="2">
        <v>14.65</v>
      </c>
      <c r="J3504" s="52" t="s">
        <v>8541</v>
      </c>
      <c r="K3504" s="71" t="s">
        <v>8542</v>
      </c>
      <c r="L3504" s="52" t="s">
        <v>2063</v>
      </c>
      <c r="M3504" s="72">
        <v>6589</v>
      </c>
      <c r="N3504" s="52" t="s">
        <v>2072</v>
      </c>
      <c r="O3504" s="52" t="s">
        <v>2073</v>
      </c>
      <c r="P3504" s="52"/>
      <c r="Q3504" s="52"/>
      <c r="R3504" s="52"/>
      <c r="S3504" s="52"/>
      <c r="T3504" s="52"/>
      <c r="U3504" s="52"/>
      <c r="V3504" s="52"/>
      <c r="W3504" s="52"/>
    </row>
    <row r="3505" spans="1:23" hidden="1" x14ac:dyDescent="0.35">
      <c r="A3505" s="52" t="s">
        <v>78</v>
      </c>
      <c r="B3505" s="52" t="s">
        <v>79</v>
      </c>
      <c r="C3505" s="3">
        <v>20</v>
      </c>
      <c r="D3505" s="52" t="s">
        <v>2021</v>
      </c>
      <c r="E3505" s="52" t="s">
        <v>26</v>
      </c>
      <c r="F3505" s="52" t="s">
        <v>81</v>
      </c>
      <c r="G3505" s="52" t="s">
        <v>82</v>
      </c>
      <c r="H3505" s="4">
        <v>1</v>
      </c>
      <c r="I3505" s="2">
        <v>14.65</v>
      </c>
      <c r="J3505" s="52" t="s">
        <v>8543</v>
      </c>
      <c r="K3505" s="71" t="s">
        <v>8544</v>
      </c>
      <c r="L3505" s="52" t="s">
        <v>2063</v>
      </c>
      <c r="M3505" s="72">
        <v>4726</v>
      </c>
      <c r="N3505" s="52" t="s">
        <v>2066</v>
      </c>
      <c r="O3505" s="52" t="s">
        <v>2067</v>
      </c>
      <c r="P3505" s="52"/>
      <c r="Q3505" s="52"/>
      <c r="R3505" s="52"/>
      <c r="S3505" s="52"/>
      <c r="T3505" s="52"/>
      <c r="U3505" s="52"/>
      <c r="V3505" s="52"/>
      <c r="W3505" s="52"/>
    </row>
    <row r="3506" spans="1:23" hidden="1" x14ac:dyDescent="0.35">
      <c r="A3506" s="52" t="s">
        <v>78</v>
      </c>
      <c r="B3506" s="52" t="s">
        <v>79</v>
      </c>
      <c r="C3506" s="3">
        <v>20</v>
      </c>
      <c r="D3506" s="52" t="s">
        <v>2019</v>
      </c>
      <c r="E3506" s="52" t="s">
        <v>26</v>
      </c>
      <c r="F3506" s="52" t="s">
        <v>81</v>
      </c>
      <c r="G3506" s="52" t="s">
        <v>82</v>
      </c>
      <c r="H3506" s="4">
        <v>1</v>
      </c>
      <c r="I3506" s="2">
        <v>14.65</v>
      </c>
      <c r="J3506" s="52" t="s">
        <v>8545</v>
      </c>
      <c r="K3506" s="71" t="s">
        <v>8546</v>
      </c>
      <c r="L3506" s="52" t="s">
        <v>2095</v>
      </c>
      <c r="M3506" s="72">
        <v>5923</v>
      </c>
      <c r="N3506" s="52" t="s">
        <v>2072</v>
      </c>
      <c r="O3506" s="52" t="s">
        <v>2073</v>
      </c>
      <c r="P3506" s="52"/>
      <c r="Q3506" s="52"/>
      <c r="R3506" s="52"/>
      <c r="S3506" s="52"/>
      <c r="T3506" s="52"/>
      <c r="U3506" s="52"/>
      <c r="V3506" s="52"/>
      <c r="W3506" s="52"/>
    </row>
    <row r="3507" spans="1:23" hidden="1" x14ac:dyDescent="0.35">
      <c r="A3507" s="52" t="s">
        <v>78</v>
      </c>
      <c r="B3507" s="52" t="s">
        <v>79</v>
      </c>
      <c r="C3507" s="3">
        <v>10</v>
      </c>
      <c r="D3507" s="52" t="s">
        <v>2021</v>
      </c>
      <c r="E3507" s="52" t="s">
        <v>26</v>
      </c>
      <c r="F3507" s="52" t="s">
        <v>81</v>
      </c>
      <c r="G3507" s="52" t="s">
        <v>82</v>
      </c>
      <c r="H3507" s="4">
        <v>1</v>
      </c>
      <c r="I3507" s="2">
        <v>14.65</v>
      </c>
      <c r="J3507" s="52" t="s">
        <v>8547</v>
      </c>
      <c r="K3507" s="71" t="s">
        <v>8548</v>
      </c>
      <c r="L3507" s="52" t="s">
        <v>2063</v>
      </c>
      <c r="M3507" s="72">
        <v>3641</v>
      </c>
      <c r="N3507" s="52"/>
      <c r="O3507" s="52"/>
      <c r="P3507" s="52"/>
      <c r="Q3507" s="52"/>
      <c r="R3507" s="52"/>
      <c r="S3507" s="52"/>
      <c r="T3507" s="52"/>
      <c r="U3507" s="52"/>
      <c r="V3507" s="52"/>
      <c r="W3507" s="52"/>
    </row>
    <row r="3508" spans="1:23" hidden="1" x14ac:dyDescent="0.35">
      <c r="A3508" s="52" t="s">
        <v>78</v>
      </c>
      <c r="B3508" s="52" t="s">
        <v>79</v>
      </c>
      <c r="C3508" s="3">
        <v>20</v>
      </c>
      <c r="D3508" s="52" t="s">
        <v>83</v>
      </c>
      <c r="E3508" s="52" t="s">
        <v>26</v>
      </c>
      <c r="F3508" s="52" t="s">
        <v>81</v>
      </c>
      <c r="G3508" s="52" t="s">
        <v>82</v>
      </c>
      <c r="H3508" s="4">
        <v>1</v>
      </c>
      <c r="I3508" s="2">
        <v>14.65</v>
      </c>
      <c r="J3508" s="52" t="s">
        <v>8549</v>
      </c>
      <c r="K3508" s="71" t="s">
        <v>8550</v>
      </c>
      <c r="L3508" s="52" t="s">
        <v>2063</v>
      </c>
      <c r="M3508" s="72">
        <v>4801</v>
      </c>
      <c r="N3508" s="52" t="s">
        <v>2072</v>
      </c>
      <c r="O3508" s="52" t="s">
        <v>2073</v>
      </c>
      <c r="P3508" s="52"/>
      <c r="Q3508" s="52"/>
      <c r="R3508" s="52"/>
      <c r="S3508" s="52"/>
      <c r="T3508" s="52"/>
      <c r="U3508" s="52"/>
      <c r="V3508" s="52"/>
      <c r="W3508" s="52"/>
    </row>
    <row r="3509" spans="1:23" hidden="1" x14ac:dyDescent="0.35">
      <c r="A3509" s="52" t="s">
        <v>78</v>
      </c>
      <c r="B3509" s="52" t="s">
        <v>79</v>
      </c>
      <c r="C3509" s="3">
        <v>20</v>
      </c>
      <c r="D3509" s="52" t="s">
        <v>2019</v>
      </c>
      <c r="E3509" s="52" t="s">
        <v>26</v>
      </c>
      <c r="F3509" s="52" t="s">
        <v>81</v>
      </c>
      <c r="G3509" s="52" t="s">
        <v>82</v>
      </c>
      <c r="H3509" s="4">
        <v>1</v>
      </c>
      <c r="I3509" s="2">
        <v>14.65</v>
      </c>
      <c r="J3509" s="52" t="s">
        <v>8551</v>
      </c>
      <c r="K3509" s="71" t="s">
        <v>8552</v>
      </c>
      <c r="L3509" s="52" t="s">
        <v>2063</v>
      </c>
      <c r="M3509" s="72">
        <v>2946</v>
      </c>
      <c r="N3509" s="52" t="s">
        <v>2072</v>
      </c>
      <c r="O3509" s="52" t="s">
        <v>2073</v>
      </c>
      <c r="P3509" s="52"/>
      <c r="Q3509" s="52"/>
      <c r="R3509" s="52"/>
      <c r="S3509" s="52"/>
      <c r="T3509" s="52"/>
      <c r="U3509" s="52"/>
      <c r="V3509" s="52"/>
      <c r="W3509" s="52"/>
    </row>
    <row r="3510" spans="1:23" hidden="1" x14ac:dyDescent="0.35">
      <c r="A3510" s="52" t="s">
        <v>78</v>
      </c>
      <c r="B3510" s="52" t="s">
        <v>79</v>
      </c>
      <c r="C3510" s="3">
        <v>20</v>
      </c>
      <c r="D3510" s="52" t="s">
        <v>80</v>
      </c>
      <c r="E3510" s="52" t="s">
        <v>26</v>
      </c>
      <c r="F3510" s="52" t="s">
        <v>81</v>
      </c>
      <c r="G3510" s="52" t="s">
        <v>82</v>
      </c>
      <c r="H3510" s="4">
        <v>1</v>
      </c>
      <c r="I3510" s="2">
        <v>14.65</v>
      </c>
      <c r="J3510" s="52" t="s">
        <v>8553</v>
      </c>
      <c r="K3510" s="71" t="s">
        <v>8554</v>
      </c>
      <c r="L3510" s="52" t="s">
        <v>2063</v>
      </c>
      <c r="M3510" s="72">
        <v>5284</v>
      </c>
      <c r="N3510" s="52" t="s">
        <v>2066</v>
      </c>
      <c r="O3510" s="52" t="s">
        <v>2067</v>
      </c>
      <c r="P3510" s="52"/>
      <c r="Q3510" s="52"/>
      <c r="R3510" s="52"/>
      <c r="S3510" s="52"/>
      <c r="T3510" s="52"/>
      <c r="U3510" s="52"/>
      <c r="V3510" s="52"/>
      <c r="W3510" s="52"/>
    </row>
    <row r="3511" spans="1:23" hidden="1" x14ac:dyDescent="0.35">
      <c r="A3511" s="52" t="s">
        <v>78</v>
      </c>
      <c r="B3511" s="52" t="s">
        <v>79</v>
      </c>
      <c r="C3511" s="3">
        <v>10</v>
      </c>
      <c r="D3511" s="52" t="s">
        <v>2024</v>
      </c>
      <c r="E3511" s="52" t="s">
        <v>26</v>
      </c>
      <c r="F3511" s="52" t="s">
        <v>81</v>
      </c>
      <c r="G3511" s="52" t="s">
        <v>82</v>
      </c>
      <c r="H3511" s="4">
        <v>1</v>
      </c>
      <c r="I3511" s="2">
        <v>14.65</v>
      </c>
      <c r="J3511" s="52" t="s">
        <v>8555</v>
      </c>
      <c r="K3511" s="71" t="s">
        <v>8556</v>
      </c>
      <c r="L3511" s="52" t="s">
        <v>2063</v>
      </c>
      <c r="M3511" s="72">
        <v>5772</v>
      </c>
      <c r="N3511" s="52" t="s">
        <v>2072</v>
      </c>
      <c r="O3511" s="52" t="s">
        <v>2073</v>
      </c>
      <c r="P3511" s="52"/>
      <c r="Q3511" s="52"/>
      <c r="R3511" s="52"/>
      <c r="S3511" s="52"/>
      <c r="T3511" s="52"/>
      <c r="U3511" s="52"/>
      <c r="V3511" s="52"/>
      <c r="W3511" s="52"/>
    </row>
    <row r="3512" spans="1:23" hidden="1" x14ac:dyDescent="0.35">
      <c r="A3512" s="52" t="s">
        <v>78</v>
      </c>
      <c r="B3512" s="52" t="s">
        <v>79</v>
      </c>
      <c r="C3512" s="3">
        <v>20</v>
      </c>
      <c r="D3512" s="52" t="s">
        <v>2020</v>
      </c>
      <c r="E3512" s="52" t="s">
        <v>26</v>
      </c>
      <c r="F3512" s="52" t="s">
        <v>81</v>
      </c>
      <c r="G3512" s="52" t="s">
        <v>82</v>
      </c>
      <c r="H3512" s="4">
        <v>1</v>
      </c>
      <c r="I3512" s="2">
        <v>14.65</v>
      </c>
      <c r="J3512" s="52" t="s">
        <v>8557</v>
      </c>
      <c r="K3512" s="71" t="s">
        <v>8558</v>
      </c>
      <c r="L3512" s="52" t="s">
        <v>2063</v>
      </c>
      <c r="M3512" s="72">
        <v>4044</v>
      </c>
      <c r="N3512" s="52" t="s">
        <v>2072</v>
      </c>
      <c r="O3512" s="52" t="s">
        <v>2073</v>
      </c>
      <c r="P3512" s="52"/>
      <c r="Q3512" s="52"/>
      <c r="R3512" s="52"/>
      <c r="S3512" s="52"/>
      <c r="T3512" s="52"/>
      <c r="U3512" s="52"/>
      <c r="V3512" s="52"/>
      <c r="W3512" s="52"/>
    </row>
    <row r="3513" spans="1:23" hidden="1" x14ac:dyDescent="0.35">
      <c r="A3513" s="52" t="s">
        <v>78</v>
      </c>
      <c r="B3513" s="52" t="s">
        <v>79</v>
      </c>
      <c r="C3513" s="3">
        <v>20</v>
      </c>
      <c r="D3513" s="52" t="s">
        <v>84</v>
      </c>
      <c r="E3513" s="52" t="s">
        <v>26</v>
      </c>
      <c r="F3513" s="52" t="s">
        <v>81</v>
      </c>
      <c r="G3513" s="52" t="s">
        <v>82</v>
      </c>
      <c r="H3513" s="4">
        <v>1</v>
      </c>
      <c r="I3513" s="2">
        <v>14.65</v>
      </c>
      <c r="J3513" s="52" t="s">
        <v>8559</v>
      </c>
      <c r="K3513" s="71" t="s">
        <v>8560</v>
      </c>
      <c r="L3513" s="52" t="s">
        <v>2063</v>
      </c>
      <c r="M3513" s="72">
        <v>5544</v>
      </c>
      <c r="N3513" s="52" t="s">
        <v>2072</v>
      </c>
      <c r="O3513" s="52" t="s">
        <v>2073</v>
      </c>
      <c r="P3513" s="52"/>
      <c r="Q3513" s="52"/>
      <c r="R3513" s="52"/>
      <c r="S3513" s="52"/>
      <c r="T3513" s="52"/>
      <c r="U3513" s="52"/>
      <c r="V3513" s="52"/>
      <c r="W3513" s="52"/>
    </row>
    <row r="3514" spans="1:23" hidden="1" x14ac:dyDescent="0.35">
      <c r="A3514" s="52" t="s">
        <v>78</v>
      </c>
      <c r="B3514" s="52" t="s">
        <v>79</v>
      </c>
      <c r="C3514" s="3">
        <v>211</v>
      </c>
      <c r="D3514" s="52" t="s">
        <v>2020</v>
      </c>
      <c r="E3514" s="52" t="s">
        <v>26</v>
      </c>
      <c r="F3514" s="52" t="s">
        <v>81</v>
      </c>
      <c r="G3514" s="52" t="s">
        <v>82</v>
      </c>
      <c r="H3514" s="4">
        <v>1</v>
      </c>
      <c r="I3514" s="2">
        <v>14.65</v>
      </c>
      <c r="J3514" s="52" t="s">
        <v>8438</v>
      </c>
      <c r="K3514" s="71" t="s">
        <v>8561</v>
      </c>
      <c r="L3514" s="52" t="s">
        <v>2063</v>
      </c>
      <c r="M3514" s="72">
        <v>2596</v>
      </c>
      <c r="N3514" s="52" t="s">
        <v>2072</v>
      </c>
      <c r="O3514" s="52" t="s">
        <v>2073</v>
      </c>
      <c r="P3514" s="52"/>
      <c r="Q3514" s="52"/>
      <c r="R3514" s="52"/>
      <c r="S3514" s="52"/>
      <c r="T3514" s="52"/>
      <c r="U3514" s="52"/>
      <c r="V3514" s="52"/>
      <c r="W3514" s="52"/>
    </row>
    <row r="3515" spans="1:23" hidden="1" x14ac:dyDescent="0.35">
      <c r="A3515" s="52" t="s">
        <v>78</v>
      </c>
      <c r="B3515" s="52" t="s">
        <v>79</v>
      </c>
      <c r="C3515" s="3">
        <v>20</v>
      </c>
      <c r="D3515" s="52" t="s">
        <v>80</v>
      </c>
      <c r="E3515" s="52" t="s">
        <v>26</v>
      </c>
      <c r="F3515" s="52" t="s">
        <v>81</v>
      </c>
      <c r="G3515" s="52" t="s">
        <v>82</v>
      </c>
      <c r="H3515" s="4">
        <v>1</v>
      </c>
      <c r="I3515" s="2">
        <v>14.65</v>
      </c>
      <c r="J3515" s="52" t="s">
        <v>8562</v>
      </c>
      <c r="K3515" s="71" t="s">
        <v>8563</v>
      </c>
      <c r="L3515" s="52" t="s">
        <v>2063</v>
      </c>
      <c r="M3515" s="72">
        <v>8918</v>
      </c>
      <c r="N3515" s="52"/>
      <c r="O3515" s="52"/>
      <c r="P3515" s="52"/>
      <c r="Q3515" s="52"/>
      <c r="R3515" s="52"/>
      <c r="S3515" s="52"/>
      <c r="T3515" s="52"/>
      <c r="U3515" s="52"/>
      <c r="V3515" s="52"/>
      <c r="W3515" s="52"/>
    </row>
    <row r="3516" spans="1:23" hidden="1" x14ac:dyDescent="0.35">
      <c r="A3516" s="52" t="s">
        <v>78</v>
      </c>
      <c r="B3516" s="52" t="s">
        <v>79</v>
      </c>
      <c r="C3516" s="3">
        <v>20</v>
      </c>
      <c r="D3516" s="52" t="s">
        <v>83</v>
      </c>
      <c r="E3516" s="52" t="s">
        <v>26</v>
      </c>
      <c r="F3516" s="52" t="s">
        <v>81</v>
      </c>
      <c r="G3516" s="52" t="s">
        <v>82</v>
      </c>
      <c r="H3516" s="4">
        <v>1</v>
      </c>
      <c r="I3516" s="2">
        <v>14.65</v>
      </c>
      <c r="J3516" s="52" t="s">
        <v>8564</v>
      </c>
      <c r="K3516" s="71" t="s">
        <v>8565</v>
      </c>
      <c r="L3516" s="52" t="s">
        <v>2063</v>
      </c>
      <c r="M3516" s="72">
        <v>5509</v>
      </c>
      <c r="N3516" s="52" t="s">
        <v>2072</v>
      </c>
      <c r="O3516" s="52" t="s">
        <v>2073</v>
      </c>
      <c r="P3516" s="52"/>
      <c r="Q3516" s="52"/>
      <c r="R3516" s="52"/>
      <c r="S3516" s="52"/>
      <c r="T3516" s="52"/>
      <c r="U3516" s="52"/>
      <c r="V3516" s="52"/>
      <c r="W3516" s="52"/>
    </row>
    <row r="3517" spans="1:23" hidden="1" x14ac:dyDescent="0.35">
      <c r="A3517" s="52" t="s">
        <v>78</v>
      </c>
      <c r="B3517" s="52" t="s">
        <v>79</v>
      </c>
      <c r="C3517" s="3">
        <v>20</v>
      </c>
      <c r="D3517" s="52" t="s">
        <v>2024</v>
      </c>
      <c r="E3517" s="52" t="s">
        <v>26</v>
      </c>
      <c r="F3517" s="52" t="s">
        <v>81</v>
      </c>
      <c r="G3517" s="52" t="s">
        <v>82</v>
      </c>
      <c r="H3517" s="4">
        <v>1</v>
      </c>
      <c r="I3517" s="2">
        <v>14.65</v>
      </c>
      <c r="J3517" s="52" t="s">
        <v>8566</v>
      </c>
      <c r="K3517" s="71" t="s">
        <v>8567</v>
      </c>
      <c r="L3517" s="52" t="s">
        <v>2063</v>
      </c>
      <c r="M3517" s="72">
        <v>8928</v>
      </c>
      <c r="N3517" s="52" t="s">
        <v>2066</v>
      </c>
      <c r="O3517" s="52" t="s">
        <v>2067</v>
      </c>
      <c r="P3517" s="52"/>
      <c r="Q3517" s="52"/>
      <c r="R3517" s="52"/>
      <c r="S3517" s="52"/>
      <c r="T3517" s="52"/>
      <c r="U3517" s="52"/>
      <c r="V3517" s="52"/>
      <c r="W3517" s="52"/>
    </row>
    <row r="3518" spans="1:23" hidden="1" x14ac:dyDescent="0.35">
      <c r="A3518" s="52" t="s">
        <v>78</v>
      </c>
      <c r="B3518" s="52" t="s">
        <v>79</v>
      </c>
      <c r="C3518" s="3">
        <v>20</v>
      </c>
      <c r="D3518" s="52" t="s">
        <v>85</v>
      </c>
      <c r="E3518" s="52" t="s">
        <v>26</v>
      </c>
      <c r="F3518" s="52" t="s">
        <v>81</v>
      </c>
      <c r="G3518" s="52" t="s">
        <v>82</v>
      </c>
      <c r="H3518" s="4">
        <v>1</v>
      </c>
      <c r="I3518" s="2">
        <v>14.65</v>
      </c>
      <c r="J3518" s="52" t="s">
        <v>8568</v>
      </c>
      <c r="K3518" s="71" t="s">
        <v>8569</v>
      </c>
      <c r="L3518" s="52" t="s">
        <v>2063</v>
      </c>
      <c r="M3518" s="72">
        <v>622</v>
      </c>
      <c r="N3518" s="52" t="s">
        <v>2072</v>
      </c>
      <c r="O3518" s="52" t="s">
        <v>2073</v>
      </c>
      <c r="P3518" s="52"/>
      <c r="Q3518" s="52"/>
      <c r="R3518" s="52"/>
      <c r="S3518" s="52"/>
      <c r="T3518" s="52"/>
      <c r="U3518" s="52"/>
      <c r="V3518" s="52"/>
      <c r="W3518" s="52"/>
    </row>
    <row r="3519" spans="1:23" hidden="1" x14ac:dyDescent="0.35">
      <c r="A3519" s="52" t="s">
        <v>78</v>
      </c>
      <c r="B3519" s="52" t="s">
        <v>79</v>
      </c>
      <c r="C3519" s="3">
        <v>20</v>
      </c>
      <c r="D3519" s="52" t="s">
        <v>2020</v>
      </c>
      <c r="E3519" s="52" t="s">
        <v>26</v>
      </c>
      <c r="F3519" s="52" t="s">
        <v>81</v>
      </c>
      <c r="G3519" s="52" t="s">
        <v>82</v>
      </c>
      <c r="H3519" s="4">
        <v>1</v>
      </c>
      <c r="I3519" s="2">
        <v>14.65</v>
      </c>
      <c r="J3519" s="52" t="s">
        <v>8570</v>
      </c>
      <c r="K3519" s="71" t="s">
        <v>8571</v>
      </c>
      <c r="L3519" s="52" t="s">
        <v>2063</v>
      </c>
      <c r="M3519" s="72">
        <v>8945</v>
      </c>
      <c r="N3519" s="52" t="s">
        <v>2066</v>
      </c>
      <c r="O3519" s="52" t="s">
        <v>2067</v>
      </c>
      <c r="P3519" s="52"/>
      <c r="Q3519" s="52"/>
      <c r="R3519" s="52"/>
      <c r="S3519" s="52"/>
      <c r="T3519" s="52"/>
      <c r="U3519" s="52"/>
      <c r="V3519" s="52"/>
      <c r="W3519" s="52"/>
    </row>
    <row r="3520" spans="1:23" hidden="1" x14ac:dyDescent="0.35">
      <c r="A3520" s="52" t="s">
        <v>78</v>
      </c>
      <c r="B3520" s="52" t="s">
        <v>79</v>
      </c>
      <c r="C3520" s="3">
        <v>20</v>
      </c>
      <c r="D3520" s="52" t="s">
        <v>84</v>
      </c>
      <c r="E3520" s="52" t="s">
        <v>26</v>
      </c>
      <c r="F3520" s="52" t="s">
        <v>81</v>
      </c>
      <c r="G3520" s="52" t="s">
        <v>82</v>
      </c>
      <c r="H3520" s="4">
        <v>1</v>
      </c>
      <c r="I3520" s="2">
        <v>14.65</v>
      </c>
      <c r="J3520" s="52" t="s">
        <v>8572</v>
      </c>
      <c r="K3520" s="71" t="s">
        <v>8573</v>
      </c>
      <c r="L3520" s="52" t="s">
        <v>2063</v>
      </c>
      <c r="M3520" s="72">
        <v>6137</v>
      </c>
      <c r="N3520" s="52" t="s">
        <v>2066</v>
      </c>
      <c r="O3520" s="52" t="s">
        <v>2067</v>
      </c>
      <c r="P3520" s="52"/>
      <c r="Q3520" s="52"/>
      <c r="R3520" s="52"/>
      <c r="S3520" s="52"/>
      <c r="T3520" s="52"/>
      <c r="U3520" s="52"/>
      <c r="V3520" s="52"/>
      <c r="W3520" s="52"/>
    </row>
    <row r="3521" spans="1:23" hidden="1" x14ac:dyDescent="0.35">
      <c r="A3521" s="52" t="s">
        <v>78</v>
      </c>
      <c r="B3521" s="52" t="s">
        <v>79</v>
      </c>
      <c r="C3521" s="3">
        <v>10</v>
      </c>
      <c r="D3521" s="52" t="s">
        <v>2020</v>
      </c>
      <c r="E3521" s="52" t="s">
        <v>26</v>
      </c>
      <c r="F3521" s="52" t="s">
        <v>81</v>
      </c>
      <c r="G3521" s="52" t="s">
        <v>82</v>
      </c>
      <c r="H3521" s="4">
        <v>1</v>
      </c>
      <c r="I3521" s="2">
        <v>14.65</v>
      </c>
      <c r="J3521" s="52" t="s">
        <v>8574</v>
      </c>
      <c r="K3521" s="71" t="s">
        <v>8575</v>
      </c>
      <c r="L3521" s="52" t="s">
        <v>2063</v>
      </c>
      <c r="M3521" s="72">
        <v>7734</v>
      </c>
      <c r="N3521" s="52" t="s">
        <v>2158</v>
      </c>
      <c r="O3521" s="52" t="s">
        <v>2159</v>
      </c>
      <c r="P3521" s="52"/>
      <c r="Q3521" s="52"/>
      <c r="R3521" s="52"/>
      <c r="S3521" s="52"/>
      <c r="T3521" s="52"/>
      <c r="U3521" s="52"/>
      <c r="V3521" s="52"/>
      <c r="W3521" s="52"/>
    </row>
    <row r="3522" spans="1:23" hidden="1" x14ac:dyDescent="0.35">
      <c r="A3522" s="52" t="s">
        <v>78</v>
      </c>
      <c r="B3522" s="52" t="s">
        <v>79</v>
      </c>
      <c r="C3522" s="3">
        <v>20</v>
      </c>
      <c r="D3522" s="52" t="s">
        <v>84</v>
      </c>
      <c r="E3522" s="52" t="s">
        <v>26</v>
      </c>
      <c r="F3522" s="52" t="s">
        <v>81</v>
      </c>
      <c r="G3522" s="52" t="s">
        <v>82</v>
      </c>
      <c r="H3522" s="4">
        <v>1</v>
      </c>
      <c r="I3522" s="2">
        <v>14.65</v>
      </c>
      <c r="J3522" s="52" t="s">
        <v>8576</v>
      </c>
      <c r="K3522" s="71" t="s">
        <v>8577</v>
      </c>
      <c r="L3522" s="52" t="s">
        <v>2063</v>
      </c>
      <c r="M3522" s="72">
        <v>8039</v>
      </c>
      <c r="N3522" s="52" t="s">
        <v>2066</v>
      </c>
      <c r="O3522" s="52" t="s">
        <v>2067</v>
      </c>
      <c r="P3522" s="52"/>
      <c r="Q3522" s="52"/>
      <c r="R3522" s="52"/>
      <c r="S3522" s="52"/>
      <c r="T3522" s="52"/>
      <c r="U3522" s="52"/>
      <c r="V3522" s="52"/>
      <c r="W3522" s="52"/>
    </row>
    <row r="3523" spans="1:23" hidden="1" x14ac:dyDescent="0.35">
      <c r="A3523" s="52" t="s">
        <v>78</v>
      </c>
      <c r="B3523" s="52" t="s">
        <v>79</v>
      </c>
      <c r="C3523" s="3">
        <v>20</v>
      </c>
      <c r="D3523" s="52" t="s">
        <v>83</v>
      </c>
      <c r="E3523" s="52" t="s">
        <v>26</v>
      </c>
      <c r="F3523" s="52" t="s">
        <v>81</v>
      </c>
      <c r="G3523" s="52" t="s">
        <v>82</v>
      </c>
      <c r="H3523" s="4">
        <v>1</v>
      </c>
      <c r="I3523" s="2">
        <v>14.65</v>
      </c>
      <c r="J3523" s="52" t="s">
        <v>8578</v>
      </c>
      <c r="K3523" s="71" t="s">
        <v>8579</v>
      </c>
      <c r="L3523" s="52" t="s">
        <v>2063</v>
      </c>
      <c r="M3523" s="72">
        <v>1468</v>
      </c>
      <c r="N3523" s="52" t="s">
        <v>2066</v>
      </c>
      <c r="O3523" s="52" t="s">
        <v>2067</v>
      </c>
      <c r="P3523" s="52"/>
      <c r="Q3523" s="52"/>
      <c r="R3523" s="52"/>
      <c r="S3523" s="52"/>
      <c r="T3523" s="52"/>
      <c r="U3523" s="52"/>
      <c r="V3523" s="52"/>
      <c r="W3523" s="52"/>
    </row>
    <row r="3524" spans="1:23" hidden="1" x14ac:dyDescent="0.35">
      <c r="A3524" s="52" t="s">
        <v>78</v>
      </c>
      <c r="B3524" s="52" t="s">
        <v>79</v>
      </c>
      <c r="C3524" s="3">
        <v>10</v>
      </c>
      <c r="D3524" s="52" t="s">
        <v>83</v>
      </c>
      <c r="E3524" s="52" t="s">
        <v>26</v>
      </c>
      <c r="F3524" s="52" t="s">
        <v>81</v>
      </c>
      <c r="G3524" s="52" t="s">
        <v>82</v>
      </c>
      <c r="H3524" s="4">
        <v>1</v>
      </c>
      <c r="I3524" s="2">
        <v>14.65</v>
      </c>
      <c r="J3524" s="52" t="s">
        <v>8580</v>
      </c>
      <c r="K3524" s="71" t="s">
        <v>8581</v>
      </c>
      <c r="L3524" s="52" t="s">
        <v>2063</v>
      </c>
      <c r="M3524" s="72">
        <v>6989</v>
      </c>
      <c r="N3524" s="52" t="s">
        <v>2072</v>
      </c>
      <c r="O3524" s="52" t="s">
        <v>2073</v>
      </c>
      <c r="P3524" s="52"/>
      <c r="Q3524" s="52"/>
      <c r="R3524" s="52"/>
      <c r="S3524" s="52"/>
      <c r="T3524" s="52"/>
      <c r="U3524" s="52"/>
      <c r="V3524" s="52"/>
      <c r="W3524" s="52"/>
    </row>
    <row r="3525" spans="1:23" hidden="1" x14ac:dyDescent="0.35">
      <c r="A3525" s="52" t="s">
        <v>78</v>
      </c>
      <c r="B3525" s="52" t="s">
        <v>79</v>
      </c>
      <c r="C3525" s="3">
        <v>20</v>
      </c>
      <c r="D3525" s="52" t="s">
        <v>84</v>
      </c>
      <c r="E3525" s="52" t="s">
        <v>26</v>
      </c>
      <c r="F3525" s="52" t="s">
        <v>81</v>
      </c>
      <c r="G3525" s="52" t="s">
        <v>82</v>
      </c>
      <c r="H3525" s="4">
        <v>1</v>
      </c>
      <c r="I3525" s="2">
        <v>14.65</v>
      </c>
      <c r="J3525" s="52" t="s">
        <v>8582</v>
      </c>
      <c r="K3525" s="71" t="s">
        <v>8583</v>
      </c>
      <c r="L3525" s="52" t="s">
        <v>2063</v>
      </c>
      <c r="M3525" s="72">
        <v>4404</v>
      </c>
      <c r="N3525" s="52" t="s">
        <v>2072</v>
      </c>
      <c r="O3525" s="52" t="s">
        <v>2073</v>
      </c>
      <c r="P3525" s="52"/>
      <c r="Q3525" s="52"/>
      <c r="R3525" s="52"/>
      <c r="S3525" s="52"/>
      <c r="T3525" s="52"/>
      <c r="U3525" s="52"/>
      <c r="V3525" s="52"/>
      <c r="W3525" s="52"/>
    </row>
    <row r="3526" spans="1:23" x14ac:dyDescent="0.35">
      <c r="A3526" s="52" t="s">
        <v>78</v>
      </c>
      <c r="B3526" s="52" t="s">
        <v>79</v>
      </c>
      <c r="C3526" s="3">
        <v>212</v>
      </c>
      <c r="D3526" s="52" t="s">
        <v>87</v>
      </c>
      <c r="E3526" s="52" t="s">
        <v>26</v>
      </c>
      <c r="F3526" s="52" t="s">
        <v>81</v>
      </c>
      <c r="G3526" s="52" t="s">
        <v>82</v>
      </c>
      <c r="H3526" s="4">
        <v>1</v>
      </c>
      <c r="I3526" s="2">
        <v>14.65</v>
      </c>
      <c r="J3526" s="52" t="s">
        <v>7367</v>
      </c>
      <c r="K3526" s="71" t="s">
        <v>8584</v>
      </c>
      <c r="L3526" s="52" t="s">
        <v>2063</v>
      </c>
      <c r="M3526" s="72">
        <v>4293</v>
      </c>
      <c r="N3526" s="52" t="s">
        <v>2259</v>
      </c>
      <c r="O3526" s="52" t="s">
        <v>2260</v>
      </c>
      <c r="P3526" s="52"/>
      <c r="Q3526" s="52"/>
      <c r="R3526" s="52"/>
      <c r="S3526" s="52"/>
      <c r="T3526" s="52"/>
      <c r="U3526" s="52"/>
      <c r="V3526" s="52"/>
      <c r="W3526" s="52"/>
    </row>
    <row r="3527" spans="1:23" hidden="1" x14ac:dyDescent="0.35">
      <c r="A3527" s="52" t="s">
        <v>78</v>
      </c>
      <c r="B3527" s="52" t="s">
        <v>79</v>
      </c>
      <c r="C3527" s="3">
        <v>20</v>
      </c>
      <c r="D3527" s="52" t="s">
        <v>2022</v>
      </c>
      <c r="E3527" s="52" t="s">
        <v>26</v>
      </c>
      <c r="F3527" s="52" t="s">
        <v>81</v>
      </c>
      <c r="G3527" s="52" t="s">
        <v>82</v>
      </c>
      <c r="H3527" s="4">
        <v>1</v>
      </c>
      <c r="I3527" s="2">
        <v>14.65</v>
      </c>
      <c r="J3527" s="52" t="s">
        <v>8585</v>
      </c>
      <c r="K3527" s="71" t="s">
        <v>8586</v>
      </c>
      <c r="L3527" s="52" t="s">
        <v>2063</v>
      </c>
      <c r="M3527" s="72">
        <v>2135</v>
      </c>
      <c r="N3527" s="52" t="s">
        <v>2072</v>
      </c>
      <c r="O3527" s="52" t="s">
        <v>2073</v>
      </c>
      <c r="P3527" s="52"/>
      <c r="Q3527" s="52"/>
      <c r="R3527" s="52"/>
      <c r="S3527" s="52"/>
      <c r="T3527" s="52"/>
      <c r="U3527" s="52"/>
      <c r="V3527" s="52"/>
      <c r="W3527" s="52"/>
    </row>
    <row r="3528" spans="1:23" hidden="1" x14ac:dyDescent="0.35">
      <c r="A3528" s="52" t="s">
        <v>78</v>
      </c>
      <c r="B3528" s="52" t="s">
        <v>79</v>
      </c>
      <c r="C3528" s="3">
        <v>10</v>
      </c>
      <c r="D3528" s="52" t="s">
        <v>2019</v>
      </c>
      <c r="E3528" s="52" t="s">
        <v>26</v>
      </c>
      <c r="F3528" s="52" t="s">
        <v>81</v>
      </c>
      <c r="G3528" s="52" t="s">
        <v>82</v>
      </c>
      <c r="H3528" s="4">
        <v>1</v>
      </c>
      <c r="I3528" s="2">
        <v>14.65</v>
      </c>
      <c r="J3528" s="52" t="s">
        <v>8587</v>
      </c>
      <c r="K3528" s="71" t="s">
        <v>8588</v>
      </c>
      <c r="L3528" s="52" t="s">
        <v>2063</v>
      </c>
      <c r="M3528" s="72">
        <v>2255</v>
      </c>
      <c r="N3528" s="52"/>
      <c r="O3528" s="52"/>
      <c r="P3528" s="52"/>
      <c r="Q3528" s="52"/>
      <c r="R3528" s="52"/>
      <c r="S3528" s="52"/>
      <c r="T3528" s="52"/>
      <c r="U3528" s="52"/>
      <c r="V3528" s="52"/>
      <c r="W3528" s="52"/>
    </row>
    <row r="3529" spans="1:23" hidden="1" x14ac:dyDescent="0.35">
      <c r="A3529" s="52" t="s">
        <v>78</v>
      </c>
      <c r="B3529" s="52" t="s">
        <v>79</v>
      </c>
      <c r="C3529" s="3">
        <v>20</v>
      </c>
      <c r="D3529" s="52" t="s">
        <v>2021</v>
      </c>
      <c r="E3529" s="52" t="s">
        <v>26</v>
      </c>
      <c r="F3529" s="52" t="s">
        <v>81</v>
      </c>
      <c r="G3529" s="52" t="s">
        <v>82</v>
      </c>
      <c r="H3529" s="4">
        <v>1</v>
      </c>
      <c r="I3529" s="2">
        <v>14.65</v>
      </c>
      <c r="J3529" s="52" t="s">
        <v>8589</v>
      </c>
      <c r="K3529" s="71" t="s">
        <v>8590</v>
      </c>
      <c r="L3529" s="52" t="s">
        <v>2063</v>
      </c>
      <c r="M3529" s="72">
        <v>7598</v>
      </c>
      <c r="N3529" s="52" t="s">
        <v>2072</v>
      </c>
      <c r="O3529" s="52" t="s">
        <v>2073</v>
      </c>
      <c r="P3529" s="52"/>
      <c r="Q3529" s="52"/>
      <c r="R3529" s="52"/>
      <c r="S3529" s="52"/>
      <c r="T3529" s="52"/>
      <c r="U3529" s="52"/>
      <c r="V3529" s="52"/>
      <c r="W3529" s="52"/>
    </row>
    <row r="3530" spans="1:23" hidden="1" x14ac:dyDescent="0.35">
      <c r="A3530" s="52" t="s">
        <v>78</v>
      </c>
      <c r="B3530" s="52" t="s">
        <v>79</v>
      </c>
      <c r="C3530" s="3">
        <v>20</v>
      </c>
      <c r="D3530" s="52" t="s">
        <v>80</v>
      </c>
      <c r="E3530" s="52" t="s">
        <v>26</v>
      </c>
      <c r="F3530" s="52" t="s">
        <v>81</v>
      </c>
      <c r="G3530" s="52" t="s">
        <v>82</v>
      </c>
      <c r="H3530" s="4">
        <v>1</v>
      </c>
      <c r="I3530" s="2">
        <v>14.65</v>
      </c>
      <c r="J3530" s="52" t="s">
        <v>8591</v>
      </c>
      <c r="K3530" s="71" t="s">
        <v>8592</v>
      </c>
      <c r="L3530" s="52" t="s">
        <v>2063</v>
      </c>
      <c r="M3530" s="72">
        <v>6465</v>
      </c>
      <c r="N3530" s="52" t="s">
        <v>2072</v>
      </c>
      <c r="O3530" s="52" t="s">
        <v>2073</v>
      </c>
      <c r="P3530" s="52"/>
      <c r="Q3530" s="52"/>
      <c r="R3530" s="52"/>
      <c r="S3530" s="52"/>
      <c r="T3530" s="52"/>
      <c r="U3530" s="52"/>
      <c r="V3530" s="52"/>
      <c r="W3530" s="52"/>
    </row>
    <row r="3531" spans="1:23" hidden="1" x14ac:dyDescent="0.35">
      <c r="A3531" s="52" t="s">
        <v>78</v>
      </c>
      <c r="B3531" s="52" t="s">
        <v>79</v>
      </c>
      <c r="C3531" s="3">
        <v>10</v>
      </c>
      <c r="D3531" s="52" t="s">
        <v>80</v>
      </c>
      <c r="E3531" s="52" t="s">
        <v>26</v>
      </c>
      <c r="F3531" s="52" t="s">
        <v>81</v>
      </c>
      <c r="G3531" s="52" t="s">
        <v>82</v>
      </c>
      <c r="H3531" s="4">
        <v>1</v>
      </c>
      <c r="I3531" s="2">
        <v>14.65</v>
      </c>
      <c r="J3531" s="52" t="s">
        <v>8593</v>
      </c>
      <c r="K3531" s="71" t="s">
        <v>8594</v>
      </c>
      <c r="L3531" s="52" t="s">
        <v>2063</v>
      </c>
      <c r="M3531" s="72">
        <v>5463</v>
      </c>
      <c r="N3531" s="52"/>
      <c r="O3531" s="52"/>
      <c r="P3531" s="52"/>
      <c r="Q3531" s="52"/>
      <c r="R3531" s="52"/>
      <c r="S3531" s="52"/>
      <c r="T3531" s="52"/>
      <c r="U3531" s="52"/>
      <c r="V3531" s="52"/>
      <c r="W3531" s="52"/>
    </row>
    <row r="3532" spans="1:23" x14ac:dyDescent="0.35">
      <c r="A3532" s="52" t="s">
        <v>78</v>
      </c>
      <c r="B3532" s="52" t="s">
        <v>79</v>
      </c>
      <c r="C3532" s="3">
        <v>10</v>
      </c>
      <c r="D3532" s="52" t="s">
        <v>2020</v>
      </c>
      <c r="E3532" s="52" t="s">
        <v>26</v>
      </c>
      <c r="F3532" s="52" t="s">
        <v>81</v>
      </c>
      <c r="G3532" s="52" t="s">
        <v>82</v>
      </c>
      <c r="H3532" s="4">
        <v>1</v>
      </c>
      <c r="I3532" s="2">
        <v>14.65</v>
      </c>
      <c r="J3532" s="52" t="s">
        <v>8595</v>
      </c>
      <c r="K3532" s="71" t="s">
        <v>8596</v>
      </c>
      <c r="L3532" s="52" t="s">
        <v>2063</v>
      </c>
      <c r="M3532" s="72">
        <v>9953</v>
      </c>
      <c r="N3532" s="52" t="s">
        <v>2076</v>
      </c>
      <c r="O3532" s="52" t="s">
        <v>2077</v>
      </c>
      <c r="P3532" s="52"/>
      <c r="Q3532" s="52"/>
      <c r="R3532" s="52"/>
      <c r="S3532" s="52"/>
      <c r="T3532" s="52"/>
      <c r="U3532" s="52"/>
      <c r="V3532" s="52"/>
      <c r="W3532" s="52"/>
    </row>
    <row r="3533" spans="1:23" hidden="1" x14ac:dyDescent="0.35">
      <c r="A3533" s="52" t="s">
        <v>78</v>
      </c>
      <c r="B3533" s="52" t="s">
        <v>79</v>
      </c>
      <c r="C3533" s="3">
        <v>20</v>
      </c>
      <c r="D3533" s="52" t="s">
        <v>2022</v>
      </c>
      <c r="E3533" s="52" t="s">
        <v>26</v>
      </c>
      <c r="F3533" s="52" t="s">
        <v>81</v>
      </c>
      <c r="G3533" s="52" t="s">
        <v>82</v>
      </c>
      <c r="H3533" s="4">
        <v>1</v>
      </c>
      <c r="I3533" s="2">
        <v>14.65</v>
      </c>
      <c r="J3533" s="52" t="s">
        <v>8597</v>
      </c>
      <c r="K3533" s="71" t="s">
        <v>8598</v>
      </c>
      <c r="L3533" s="52" t="s">
        <v>2063</v>
      </c>
      <c r="M3533" s="72">
        <v>7091</v>
      </c>
      <c r="N3533" s="52" t="s">
        <v>2072</v>
      </c>
      <c r="O3533" s="52" t="s">
        <v>2073</v>
      </c>
      <c r="P3533" s="52"/>
      <c r="Q3533" s="52"/>
      <c r="R3533" s="52"/>
      <c r="S3533" s="52"/>
      <c r="T3533" s="52"/>
      <c r="U3533" s="52"/>
      <c r="V3533" s="52"/>
      <c r="W3533" s="52"/>
    </row>
    <row r="3534" spans="1:23" hidden="1" x14ac:dyDescent="0.35">
      <c r="A3534" s="52" t="s">
        <v>78</v>
      </c>
      <c r="B3534" s="52" t="s">
        <v>79</v>
      </c>
      <c r="C3534" s="3">
        <v>20</v>
      </c>
      <c r="D3534" s="52" t="s">
        <v>85</v>
      </c>
      <c r="E3534" s="52" t="s">
        <v>26</v>
      </c>
      <c r="F3534" s="52" t="s">
        <v>81</v>
      </c>
      <c r="G3534" s="52" t="s">
        <v>82</v>
      </c>
      <c r="H3534" s="4">
        <v>1</v>
      </c>
      <c r="I3534" s="2">
        <v>14.65</v>
      </c>
      <c r="J3534" s="52" t="s">
        <v>8243</v>
      </c>
      <c r="K3534" s="71" t="s">
        <v>8599</v>
      </c>
      <c r="L3534" s="52" t="s">
        <v>2063</v>
      </c>
      <c r="M3534" s="72">
        <v>981</v>
      </c>
      <c r="N3534" s="52" t="s">
        <v>2072</v>
      </c>
      <c r="O3534" s="52" t="s">
        <v>2073</v>
      </c>
      <c r="P3534" s="52"/>
      <c r="Q3534" s="52"/>
      <c r="R3534" s="52"/>
      <c r="S3534" s="52"/>
      <c r="T3534" s="52"/>
      <c r="U3534" s="52"/>
      <c r="V3534" s="52"/>
      <c r="W3534" s="52"/>
    </row>
    <row r="3535" spans="1:23" hidden="1" x14ac:dyDescent="0.35">
      <c r="A3535" s="52" t="s">
        <v>78</v>
      </c>
      <c r="B3535" s="52" t="s">
        <v>79</v>
      </c>
      <c r="C3535" s="3">
        <v>20</v>
      </c>
      <c r="D3535" s="52" t="s">
        <v>2021</v>
      </c>
      <c r="E3535" s="52" t="s">
        <v>26</v>
      </c>
      <c r="F3535" s="52" t="s">
        <v>81</v>
      </c>
      <c r="G3535" s="52" t="s">
        <v>82</v>
      </c>
      <c r="H3535" s="4">
        <v>1</v>
      </c>
      <c r="I3535" s="2">
        <v>14.65</v>
      </c>
      <c r="J3535" s="52" t="s">
        <v>8281</v>
      </c>
      <c r="K3535" s="71" t="s">
        <v>8600</v>
      </c>
      <c r="L3535" s="52" t="s">
        <v>2063</v>
      </c>
      <c r="M3535" s="72">
        <v>470</v>
      </c>
      <c r="N3535" s="52"/>
      <c r="O3535" s="52"/>
      <c r="P3535" s="52"/>
      <c r="Q3535" s="52"/>
      <c r="R3535" s="52"/>
      <c r="S3535" s="52"/>
      <c r="T3535" s="52"/>
      <c r="U3535" s="52"/>
      <c r="V3535" s="52"/>
      <c r="W3535" s="52"/>
    </row>
    <row r="3536" spans="1:23" hidden="1" x14ac:dyDescent="0.35">
      <c r="A3536" s="52" t="s">
        <v>78</v>
      </c>
      <c r="B3536" s="52" t="s">
        <v>79</v>
      </c>
      <c r="C3536" s="3">
        <v>10</v>
      </c>
      <c r="D3536" s="52" t="s">
        <v>2021</v>
      </c>
      <c r="E3536" s="52" t="s">
        <v>26</v>
      </c>
      <c r="F3536" s="52" t="s">
        <v>81</v>
      </c>
      <c r="G3536" s="52" t="s">
        <v>82</v>
      </c>
      <c r="H3536" s="4">
        <v>1</v>
      </c>
      <c r="I3536" s="2">
        <v>14.65</v>
      </c>
      <c r="J3536" s="52" t="s">
        <v>8601</v>
      </c>
      <c r="K3536" s="71" t="s">
        <v>8602</v>
      </c>
      <c r="L3536" s="52" t="s">
        <v>2063</v>
      </c>
      <c r="M3536" s="72">
        <v>6607</v>
      </c>
      <c r="N3536" s="52" t="s">
        <v>2072</v>
      </c>
      <c r="O3536" s="52" t="s">
        <v>2073</v>
      </c>
      <c r="P3536" s="52"/>
      <c r="Q3536" s="52"/>
      <c r="R3536" s="52"/>
      <c r="S3536" s="52"/>
      <c r="T3536" s="52"/>
      <c r="U3536" s="52"/>
      <c r="V3536" s="52"/>
      <c r="W3536" s="52"/>
    </row>
    <row r="3537" spans="1:23" hidden="1" x14ac:dyDescent="0.35">
      <c r="A3537" s="52" t="s">
        <v>78</v>
      </c>
      <c r="B3537" s="52" t="s">
        <v>79</v>
      </c>
      <c r="C3537" s="3">
        <v>20</v>
      </c>
      <c r="D3537" s="52" t="s">
        <v>80</v>
      </c>
      <c r="E3537" s="52" t="s">
        <v>26</v>
      </c>
      <c r="F3537" s="52" t="s">
        <v>81</v>
      </c>
      <c r="G3537" s="52" t="s">
        <v>82</v>
      </c>
      <c r="H3537" s="4">
        <v>1</v>
      </c>
      <c r="I3537" s="2">
        <v>14.65</v>
      </c>
      <c r="J3537" s="52" t="s">
        <v>8603</v>
      </c>
      <c r="K3537" s="71" t="s">
        <v>8604</v>
      </c>
      <c r="L3537" s="52" t="s">
        <v>2063</v>
      </c>
      <c r="M3537" s="72">
        <v>7811</v>
      </c>
      <c r="N3537" s="52"/>
      <c r="O3537" s="52"/>
      <c r="P3537" s="52"/>
      <c r="Q3537" s="52"/>
      <c r="R3537" s="52"/>
      <c r="S3537" s="52"/>
      <c r="T3537" s="52"/>
      <c r="U3537" s="52"/>
      <c r="V3537" s="52"/>
      <c r="W3537" s="52"/>
    </row>
    <row r="3538" spans="1:23" hidden="1" x14ac:dyDescent="0.35">
      <c r="A3538" s="52" t="s">
        <v>78</v>
      </c>
      <c r="B3538" s="52" t="s">
        <v>79</v>
      </c>
      <c r="C3538" s="3">
        <v>10</v>
      </c>
      <c r="D3538" s="52" t="s">
        <v>86</v>
      </c>
      <c r="E3538" s="52" t="s">
        <v>26</v>
      </c>
      <c r="F3538" s="52" t="s">
        <v>81</v>
      </c>
      <c r="G3538" s="52" t="s">
        <v>82</v>
      </c>
      <c r="H3538" s="4">
        <v>1</v>
      </c>
      <c r="I3538" s="2">
        <v>14.65</v>
      </c>
      <c r="J3538" s="52" t="s">
        <v>8605</v>
      </c>
      <c r="K3538" s="71" t="s">
        <v>8606</v>
      </c>
      <c r="L3538" s="52" t="s">
        <v>2063</v>
      </c>
      <c r="M3538" s="72">
        <v>4554</v>
      </c>
      <c r="N3538" s="52" t="s">
        <v>2072</v>
      </c>
      <c r="O3538" s="52" t="s">
        <v>2073</v>
      </c>
      <c r="P3538" s="52"/>
      <c r="Q3538" s="52"/>
      <c r="R3538" s="52"/>
      <c r="S3538" s="52"/>
      <c r="T3538" s="52"/>
      <c r="U3538" s="52"/>
      <c r="V3538" s="52"/>
      <c r="W3538" s="52"/>
    </row>
    <row r="3539" spans="1:23" hidden="1" x14ac:dyDescent="0.35">
      <c r="A3539" s="52" t="s">
        <v>78</v>
      </c>
      <c r="B3539" s="52" t="s">
        <v>79</v>
      </c>
      <c r="C3539" s="3">
        <v>211</v>
      </c>
      <c r="D3539" s="52" t="s">
        <v>83</v>
      </c>
      <c r="E3539" s="52" t="s">
        <v>26</v>
      </c>
      <c r="F3539" s="52" t="s">
        <v>81</v>
      </c>
      <c r="G3539" s="52" t="s">
        <v>82</v>
      </c>
      <c r="H3539" s="4">
        <v>1</v>
      </c>
      <c r="I3539" s="2">
        <v>14.65</v>
      </c>
      <c r="J3539" s="52" t="s">
        <v>8607</v>
      </c>
      <c r="K3539" s="71" t="s">
        <v>8608</v>
      </c>
      <c r="L3539" s="52" t="s">
        <v>2063</v>
      </c>
      <c r="M3539" s="72">
        <v>6916</v>
      </c>
      <c r="N3539" s="52" t="s">
        <v>2072</v>
      </c>
      <c r="O3539" s="52" t="s">
        <v>2073</v>
      </c>
      <c r="P3539" s="52"/>
      <c r="Q3539" s="52"/>
      <c r="R3539" s="52"/>
      <c r="S3539" s="52"/>
      <c r="T3539" s="52"/>
      <c r="U3539" s="52"/>
      <c r="V3539" s="52"/>
      <c r="W3539" s="52"/>
    </row>
    <row r="3540" spans="1:23" hidden="1" x14ac:dyDescent="0.35">
      <c r="A3540" s="52" t="s">
        <v>78</v>
      </c>
      <c r="B3540" s="52" t="s">
        <v>79</v>
      </c>
      <c r="C3540" s="3">
        <v>10</v>
      </c>
      <c r="D3540" s="52" t="s">
        <v>87</v>
      </c>
      <c r="E3540" s="52" t="s">
        <v>26</v>
      </c>
      <c r="F3540" s="52" t="s">
        <v>81</v>
      </c>
      <c r="G3540" s="52" t="s">
        <v>82</v>
      </c>
      <c r="H3540" s="4">
        <v>1</v>
      </c>
      <c r="I3540" s="2">
        <v>14.65</v>
      </c>
      <c r="J3540" s="52" t="s">
        <v>8609</v>
      </c>
      <c r="K3540" s="71" t="s">
        <v>8610</v>
      </c>
      <c r="L3540" s="52" t="s">
        <v>2063</v>
      </c>
      <c r="M3540" s="72">
        <v>7576</v>
      </c>
      <c r="N3540" s="52" t="s">
        <v>2304</v>
      </c>
      <c r="O3540" s="52" t="s">
        <v>2305</v>
      </c>
      <c r="P3540" s="52"/>
      <c r="Q3540" s="52"/>
      <c r="R3540" s="52"/>
      <c r="S3540" s="52"/>
      <c r="T3540" s="52"/>
      <c r="U3540" s="52"/>
      <c r="V3540" s="52"/>
      <c r="W3540" s="52"/>
    </row>
    <row r="3541" spans="1:23" hidden="1" x14ac:dyDescent="0.35">
      <c r="A3541" s="52" t="s">
        <v>78</v>
      </c>
      <c r="B3541" s="52" t="s">
        <v>79</v>
      </c>
      <c r="C3541" s="3">
        <v>211</v>
      </c>
      <c r="D3541" s="52" t="s">
        <v>2022</v>
      </c>
      <c r="E3541" s="52" t="s">
        <v>26</v>
      </c>
      <c r="F3541" s="52" t="s">
        <v>81</v>
      </c>
      <c r="G3541" s="52" t="s">
        <v>82</v>
      </c>
      <c r="H3541" s="4">
        <v>1</v>
      </c>
      <c r="I3541" s="2">
        <v>14.65</v>
      </c>
      <c r="J3541" s="52" t="s">
        <v>8611</v>
      </c>
      <c r="K3541" s="71" t="s">
        <v>8612</v>
      </c>
      <c r="L3541" s="52" t="s">
        <v>2063</v>
      </c>
      <c r="M3541" s="72">
        <v>2143</v>
      </c>
      <c r="N3541" s="52" t="s">
        <v>2304</v>
      </c>
      <c r="O3541" s="52" t="s">
        <v>2305</v>
      </c>
      <c r="P3541" s="52"/>
      <c r="Q3541" s="52"/>
      <c r="R3541" s="52"/>
      <c r="S3541" s="52"/>
      <c r="T3541" s="52"/>
      <c r="U3541" s="52"/>
      <c r="V3541" s="52"/>
      <c r="W3541" s="52"/>
    </row>
    <row r="3542" spans="1:23" hidden="1" x14ac:dyDescent="0.35">
      <c r="A3542" s="52" t="s">
        <v>78</v>
      </c>
      <c r="B3542" s="52" t="s">
        <v>79</v>
      </c>
      <c r="C3542" s="3">
        <v>10</v>
      </c>
      <c r="D3542" s="52" t="s">
        <v>2022</v>
      </c>
      <c r="E3542" s="52" t="s">
        <v>26</v>
      </c>
      <c r="F3542" s="52" t="s">
        <v>81</v>
      </c>
      <c r="G3542" s="52" t="s">
        <v>82</v>
      </c>
      <c r="H3542" s="4">
        <v>1</v>
      </c>
      <c r="I3542" s="2">
        <v>14.65</v>
      </c>
      <c r="J3542" s="52" t="s">
        <v>8613</v>
      </c>
      <c r="K3542" s="71" t="s">
        <v>8614</v>
      </c>
      <c r="L3542" s="52" t="s">
        <v>2063</v>
      </c>
      <c r="M3542" s="72">
        <v>5546</v>
      </c>
      <c r="N3542" s="52" t="s">
        <v>2072</v>
      </c>
      <c r="O3542" s="52" t="s">
        <v>2073</v>
      </c>
      <c r="P3542" s="52"/>
      <c r="Q3542" s="52"/>
      <c r="R3542" s="52"/>
      <c r="S3542" s="52"/>
      <c r="T3542" s="52"/>
      <c r="U3542" s="52"/>
      <c r="V3542" s="52"/>
      <c r="W3542" s="52"/>
    </row>
    <row r="3543" spans="1:23" hidden="1" x14ac:dyDescent="0.35">
      <c r="A3543" s="52" t="s">
        <v>78</v>
      </c>
      <c r="B3543" s="52" t="s">
        <v>79</v>
      </c>
      <c r="C3543" s="3">
        <v>20</v>
      </c>
      <c r="D3543" s="52" t="s">
        <v>80</v>
      </c>
      <c r="E3543" s="52" t="s">
        <v>26</v>
      </c>
      <c r="F3543" s="52" t="s">
        <v>81</v>
      </c>
      <c r="G3543" s="52" t="s">
        <v>82</v>
      </c>
      <c r="H3543" s="4">
        <v>1</v>
      </c>
      <c r="I3543" s="2">
        <v>14.65</v>
      </c>
      <c r="J3543" s="52" t="s">
        <v>8615</v>
      </c>
      <c r="K3543" s="71" t="s">
        <v>8616</v>
      </c>
      <c r="L3543" s="52" t="s">
        <v>2063</v>
      </c>
      <c r="M3543" s="72">
        <v>3918</v>
      </c>
      <c r="N3543" s="52" t="s">
        <v>2072</v>
      </c>
      <c r="O3543" s="52" t="s">
        <v>2073</v>
      </c>
      <c r="P3543" s="52"/>
      <c r="Q3543" s="52"/>
      <c r="R3543" s="52"/>
      <c r="S3543" s="52"/>
      <c r="T3543" s="52"/>
      <c r="U3543" s="52"/>
      <c r="V3543" s="52"/>
      <c r="W3543" s="52"/>
    </row>
    <row r="3544" spans="1:23" hidden="1" x14ac:dyDescent="0.35">
      <c r="A3544" s="52" t="s">
        <v>78</v>
      </c>
      <c r="B3544" s="52" t="s">
        <v>79</v>
      </c>
      <c r="C3544" s="3">
        <v>20</v>
      </c>
      <c r="D3544" s="52" t="s">
        <v>87</v>
      </c>
      <c r="E3544" s="52" t="s">
        <v>26</v>
      </c>
      <c r="F3544" s="52" t="s">
        <v>81</v>
      </c>
      <c r="G3544" s="52" t="s">
        <v>82</v>
      </c>
      <c r="H3544" s="4">
        <v>1</v>
      </c>
      <c r="I3544" s="2">
        <v>14.65</v>
      </c>
      <c r="J3544" s="52" t="s">
        <v>8603</v>
      </c>
      <c r="K3544" s="71" t="s">
        <v>8617</v>
      </c>
      <c r="L3544" s="52" t="s">
        <v>2063</v>
      </c>
      <c r="M3544" s="72">
        <v>331</v>
      </c>
      <c r="N3544" s="52"/>
      <c r="O3544" s="52"/>
      <c r="P3544" s="52"/>
      <c r="Q3544" s="52"/>
      <c r="R3544" s="52"/>
      <c r="S3544" s="52"/>
      <c r="T3544" s="52"/>
      <c r="U3544" s="52"/>
      <c r="V3544" s="52"/>
      <c r="W3544" s="52"/>
    </row>
    <row r="3545" spans="1:23" hidden="1" x14ac:dyDescent="0.35">
      <c r="A3545" s="52" t="s">
        <v>78</v>
      </c>
      <c r="B3545" s="52" t="s">
        <v>79</v>
      </c>
      <c r="C3545" s="3">
        <v>10</v>
      </c>
      <c r="D3545" s="52" t="s">
        <v>80</v>
      </c>
      <c r="E3545" s="52" t="s">
        <v>26</v>
      </c>
      <c r="F3545" s="52" t="s">
        <v>81</v>
      </c>
      <c r="G3545" s="52" t="s">
        <v>82</v>
      </c>
      <c r="H3545" s="4">
        <v>1</v>
      </c>
      <c r="I3545" s="2">
        <v>14.65</v>
      </c>
      <c r="J3545" s="52" t="s">
        <v>8618</v>
      </c>
      <c r="K3545" s="71" t="s">
        <v>8619</v>
      </c>
      <c r="L3545" s="52" t="s">
        <v>2063</v>
      </c>
      <c r="M3545" s="72">
        <v>3088</v>
      </c>
      <c r="N3545" s="52" t="s">
        <v>2066</v>
      </c>
      <c r="O3545" s="52" t="s">
        <v>2067</v>
      </c>
      <c r="P3545" s="52"/>
      <c r="Q3545" s="52"/>
      <c r="R3545" s="52"/>
      <c r="S3545" s="52"/>
      <c r="T3545" s="52"/>
      <c r="U3545" s="52"/>
      <c r="V3545" s="52"/>
      <c r="W3545" s="52"/>
    </row>
    <row r="3546" spans="1:23" x14ac:dyDescent="0.35">
      <c r="A3546" s="52" t="s">
        <v>78</v>
      </c>
      <c r="B3546" s="52" t="s">
        <v>79</v>
      </c>
      <c r="C3546" s="3">
        <v>212</v>
      </c>
      <c r="D3546" s="52" t="s">
        <v>87</v>
      </c>
      <c r="E3546" s="52" t="s">
        <v>26</v>
      </c>
      <c r="F3546" s="52" t="s">
        <v>81</v>
      </c>
      <c r="G3546" s="52" t="s">
        <v>82</v>
      </c>
      <c r="H3546" s="4">
        <v>1</v>
      </c>
      <c r="I3546" s="2">
        <v>14.65</v>
      </c>
      <c r="J3546" s="52" t="s">
        <v>8620</v>
      </c>
      <c r="K3546" s="71" t="s">
        <v>8621</v>
      </c>
      <c r="L3546" s="52" t="s">
        <v>2063</v>
      </c>
      <c r="M3546" s="72">
        <v>9478</v>
      </c>
      <c r="N3546" s="52" t="s">
        <v>2238</v>
      </c>
      <c r="O3546" s="52" t="s">
        <v>2239</v>
      </c>
      <c r="P3546" s="52"/>
      <c r="Q3546" s="52"/>
      <c r="R3546" s="52"/>
      <c r="S3546" s="52"/>
      <c r="T3546" s="52"/>
      <c r="U3546" s="52"/>
      <c r="V3546" s="52"/>
      <c r="W3546" s="52"/>
    </row>
    <row r="3547" spans="1:23" hidden="1" x14ac:dyDescent="0.35">
      <c r="A3547" s="52" t="s">
        <v>78</v>
      </c>
      <c r="B3547" s="52" t="s">
        <v>79</v>
      </c>
      <c r="C3547" s="3">
        <v>20</v>
      </c>
      <c r="D3547" s="52" t="s">
        <v>83</v>
      </c>
      <c r="E3547" s="52" t="s">
        <v>26</v>
      </c>
      <c r="F3547" s="52" t="s">
        <v>81</v>
      </c>
      <c r="G3547" s="52" t="s">
        <v>82</v>
      </c>
      <c r="H3547" s="4">
        <v>1</v>
      </c>
      <c r="I3547" s="2">
        <v>14.65</v>
      </c>
      <c r="J3547" s="52" t="s">
        <v>8622</v>
      </c>
      <c r="K3547" s="71" t="s">
        <v>8623</v>
      </c>
      <c r="L3547" s="52" t="s">
        <v>2063</v>
      </c>
      <c r="M3547" s="72">
        <v>5199</v>
      </c>
      <c r="N3547" s="52" t="s">
        <v>2066</v>
      </c>
      <c r="O3547" s="52" t="s">
        <v>2067</v>
      </c>
      <c r="P3547" s="52"/>
      <c r="Q3547" s="52"/>
      <c r="R3547" s="52"/>
      <c r="S3547" s="52"/>
      <c r="T3547" s="52"/>
      <c r="U3547" s="52"/>
      <c r="V3547" s="52"/>
      <c r="W3547" s="52"/>
    </row>
    <row r="3548" spans="1:23" hidden="1" x14ac:dyDescent="0.35">
      <c r="A3548" s="52" t="s">
        <v>78</v>
      </c>
      <c r="B3548" s="52" t="s">
        <v>79</v>
      </c>
      <c r="C3548" s="3">
        <v>10</v>
      </c>
      <c r="D3548" s="52" t="s">
        <v>84</v>
      </c>
      <c r="E3548" s="52" t="s">
        <v>26</v>
      </c>
      <c r="F3548" s="52" t="s">
        <v>81</v>
      </c>
      <c r="G3548" s="52" t="s">
        <v>82</v>
      </c>
      <c r="H3548" s="4">
        <v>1</v>
      </c>
      <c r="I3548" s="2">
        <v>14.65</v>
      </c>
      <c r="J3548" s="52" t="s">
        <v>8624</v>
      </c>
      <c r="K3548" s="71" t="s">
        <v>8625</v>
      </c>
      <c r="L3548" s="52" t="s">
        <v>2063</v>
      </c>
      <c r="M3548" s="72">
        <v>7078</v>
      </c>
      <c r="N3548" s="52" t="s">
        <v>2072</v>
      </c>
      <c r="O3548" s="52" t="s">
        <v>2073</v>
      </c>
      <c r="P3548" s="52"/>
      <c r="Q3548" s="52"/>
      <c r="R3548" s="52"/>
      <c r="S3548" s="52"/>
      <c r="T3548" s="52"/>
      <c r="U3548" s="52"/>
      <c r="V3548" s="52"/>
      <c r="W3548" s="52"/>
    </row>
    <row r="3549" spans="1:23" hidden="1" x14ac:dyDescent="0.35">
      <c r="A3549" s="52" t="s">
        <v>78</v>
      </c>
      <c r="B3549" s="52" t="s">
        <v>79</v>
      </c>
      <c r="C3549" s="3">
        <v>20</v>
      </c>
      <c r="D3549" s="52" t="s">
        <v>2021</v>
      </c>
      <c r="E3549" s="52" t="s">
        <v>26</v>
      </c>
      <c r="F3549" s="52" t="s">
        <v>81</v>
      </c>
      <c r="G3549" s="52" t="s">
        <v>82</v>
      </c>
      <c r="H3549" s="4">
        <v>1</v>
      </c>
      <c r="I3549" s="2">
        <v>14.65</v>
      </c>
      <c r="J3549" s="52" t="s">
        <v>8568</v>
      </c>
      <c r="K3549" s="71" t="s">
        <v>8626</v>
      </c>
      <c r="L3549" s="52" t="s">
        <v>2063</v>
      </c>
      <c r="M3549" s="72">
        <v>443</v>
      </c>
      <c r="N3549" s="52" t="s">
        <v>2072</v>
      </c>
      <c r="O3549" s="52" t="s">
        <v>2073</v>
      </c>
      <c r="P3549" s="52"/>
      <c r="Q3549" s="52"/>
      <c r="R3549" s="52"/>
      <c r="S3549" s="52"/>
      <c r="T3549" s="52"/>
      <c r="U3549" s="52"/>
      <c r="V3549" s="52"/>
      <c r="W3549" s="52"/>
    </row>
    <row r="3550" spans="1:23" hidden="1" x14ac:dyDescent="0.35">
      <c r="A3550" s="52" t="s">
        <v>78</v>
      </c>
      <c r="B3550" s="52" t="s">
        <v>79</v>
      </c>
      <c r="C3550" s="3">
        <v>20</v>
      </c>
      <c r="D3550" s="52" t="s">
        <v>2019</v>
      </c>
      <c r="E3550" s="52" t="s">
        <v>26</v>
      </c>
      <c r="F3550" s="52" t="s">
        <v>81</v>
      </c>
      <c r="G3550" s="52" t="s">
        <v>82</v>
      </c>
      <c r="H3550" s="4">
        <v>1</v>
      </c>
      <c r="I3550" s="2">
        <v>14.65</v>
      </c>
      <c r="J3550" s="52" t="s">
        <v>8627</v>
      </c>
      <c r="K3550" s="71" t="s">
        <v>8628</v>
      </c>
      <c r="L3550" s="52" t="s">
        <v>2063</v>
      </c>
      <c r="M3550" s="72">
        <v>3321</v>
      </c>
      <c r="N3550" s="52" t="s">
        <v>2072</v>
      </c>
      <c r="O3550" s="52" t="s">
        <v>2073</v>
      </c>
      <c r="P3550" s="52"/>
      <c r="Q3550" s="52"/>
      <c r="R3550" s="52"/>
      <c r="S3550" s="52"/>
      <c r="T3550" s="52"/>
      <c r="U3550" s="52"/>
      <c r="V3550" s="52"/>
      <c r="W3550" s="52"/>
    </row>
    <row r="3551" spans="1:23" x14ac:dyDescent="0.35">
      <c r="A3551" s="52" t="s">
        <v>78</v>
      </c>
      <c r="B3551" s="52" t="s">
        <v>79</v>
      </c>
      <c r="C3551" s="3">
        <v>10</v>
      </c>
      <c r="D3551" s="52" t="s">
        <v>2019</v>
      </c>
      <c r="E3551" s="52" t="s">
        <v>26</v>
      </c>
      <c r="F3551" s="52" t="s">
        <v>81</v>
      </c>
      <c r="G3551" s="52" t="s">
        <v>82</v>
      </c>
      <c r="H3551" s="4">
        <v>1</v>
      </c>
      <c r="I3551" s="2">
        <v>14.65</v>
      </c>
      <c r="J3551" s="52" t="s">
        <v>8629</v>
      </c>
      <c r="K3551" s="71" t="s">
        <v>8630</v>
      </c>
      <c r="L3551" s="52" t="s">
        <v>2063</v>
      </c>
      <c r="M3551" s="72">
        <v>1815</v>
      </c>
      <c r="N3551" s="52" t="s">
        <v>2076</v>
      </c>
      <c r="O3551" s="52" t="s">
        <v>2077</v>
      </c>
      <c r="P3551" s="52" t="s">
        <v>2076</v>
      </c>
      <c r="Q3551" s="52" t="s">
        <v>2077</v>
      </c>
      <c r="R3551" s="52"/>
      <c r="S3551" s="52"/>
      <c r="T3551" s="52"/>
      <c r="U3551" s="52"/>
      <c r="V3551" s="52"/>
      <c r="W3551" s="52"/>
    </row>
    <row r="3552" spans="1:23" hidden="1" x14ac:dyDescent="0.35">
      <c r="A3552" s="52" t="s">
        <v>78</v>
      </c>
      <c r="B3552" s="52" t="s">
        <v>79</v>
      </c>
      <c r="C3552" s="3">
        <v>10</v>
      </c>
      <c r="D3552" s="52" t="s">
        <v>87</v>
      </c>
      <c r="E3552" s="52" t="s">
        <v>26</v>
      </c>
      <c r="F3552" s="52" t="s">
        <v>81</v>
      </c>
      <c r="G3552" s="52" t="s">
        <v>82</v>
      </c>
      <c r="H3552" s="4">
        <v>1</v>
      </c>
      <c r="I3552" s="2">
        <v>14.65</v>
      </c>
      <c r="J3552" s="52" t="s">
        <v>8631</v>
      </c>
      <c r="K3552" s="71" t="s">
        <v>8632</v>
      </c>
      <c r="L3552" s="52" t="s">
        <v>2063</v>
      </c>
      <c r="M3552" s="72">
        <v>1565</v>
      </c>
      <c r="N3552" s="52" t="s">
        <v>2072</v>
      </c>
      <c r="O3552" s="52" t="s">
        <v>2073</v>
      </c>
      <c r="P3552" s="52"/>
      <c r="Q3552" s="52"/>
      <c r="R3552" s="52"/>
      <c r="S3552" s="52"/>
      <c r="T3552" s="52"/>
      <c r="U3552" s="52"/>
      <c r="V3552" s="52"/>
      <c r="W3552" s="52"/>
    </row>
    <row r="3553" spans="1:23" hidden="1" x14ac:dyDescent="0.35">
      <c r="A3553" s="52" t="s">
        <v>78</v>
      </c>
      <c r="B3553" s="52" t="s">
        <v>79</v>
      </c>
      <c r="C3553" s="3">
        <v>10</v>
      </c>
      <c r="D3553" s="52" t="s">
        <v>80</v>
      </c>
      <c r="E3553" s="52" t="s">
        <v>26</v>
      </c>
      <c r="F3553" s="52" t="s">
        <v>81</v>
      </c>
      <c r="G3553" s="52" t="s">
        <v>82</v>
      </c>
      <c r="H3553" s="4">
        <v>1</v>
      </c>
      <c r="I3553" s="2">
        <v>14.65</v>
      </c>
      <c r="J3553" s="52" t="s">
        <v>8633</v>
      </c>
      <c r="K3553" s="71" t="s">
        <v>8634</v>
      </c>
      <c r="L3553" s="52" t="s">
        <v>2063</v>
      </c>
      <c r="M3553" s="72">
        <v>1125</v>
      </c>
      <c r="N3553" s="52"/>
      <c r="O3553" s="52"/>
      <c r="P3553" s="52"/>
      <c r="Q3553" s="52"/>
      <c r="R3553" s="52"/>
      <c r="S3553" s="52"/>
      <c r="T3553" s="52"/>
      <c r="U3553" s="52"/>
      <c r="V3553" s="52"/>
      <c r="W3553" s="52"/>
    </row>
    <row r="3554" spans="1:23" hidden="1" x14ac:dyDescent="0.35">
      <c r="A3554" s="52" t="s">
        <v>78</v>
      </c>
      <c r="B3554" s="52" t="s">
        <v>79</v>
      </c>
      <c r="C3554" s="3">
        <v>10</v>
      </c>
      <c r="D3554" s="52" t="s">
        <v>84</v>
      </c>
      <c r="E3554" s="52" t="s">
        <v>26</v>
      </c>
      <c r="F3554" s="52" t="s">
        <v>81</v>
      </c>
      <c r="G3554" s="52" t="s">
        <v>82</v>
      </c>
      <c r="H3554" s="4">
        <v>1</v>
      </c>
      <c r="I3554" s="2">
        <v>14.65</v>
      </c>
      <c r="J3554" s="52" t="s">
        <v>8635</v>
      </c>
      <c r="K3554" s="71" t="s">
        <v>8636</v>
      </c>
      <c r="L3554" s="52" t="s">
        <v>2063</v>
      </c>
      <c r="M3554" s="72">
        <v>3262</v>
      </c>
      <c r="N3554" s="52" t="s">
        <v>2072</v>
      </c>
      <c r="O3554" s="52" t="s">
        <v>2073</v>
      </c>
      <c r="P3554" s="52"/>
      <c r="Q3554" s="52"/>
      <c r="R3554" s="52"/>
      <c r="S3554" s="52"/>
      <c r="T3554" s="52"/>
      <c r="U3554" s="52"/>
      <c r="V3554" s="52"/>
      <c r="W3554" s="52"/>
    </row>
    <row r="3555" spans="1:23" hidden="1" x14ac:dyDescent="0.35">
      <c r="A3555" s="52" t="s">
        <v>78</v>
      </c>
      <c r="B3555" s="52" t="s">
        <v>79</v>
      </c>
      <c r="C3555" s="3">
        <v>20</v>
      </c>
      <c r="D3555" s="52" t="s">
        <v>87</v>
      </c>
      <c r="E3555" s="52" t="s">
        <v>26</v>
      </c>
      <c r="F3555" s="52" t="s">
        <v>81</v>
      </c>
      <c r="G3555" s="52" t="s">
        <v>82</v>
      </c>
      <c r="H3555" s="4">
        <v>1</v>
      </c>
      <c r="I3555" s="2">
        <v>14.65</v>
      </c>
      <c r="J3555" s="52" t="s">
        <v>8637</v>
      </c>
      <c r="K3555" s="71" t="s">
        <v>8638</v>
      </c>
      <c r="L3555" s="52" t="s">
        <v>2063</v>
      </c>
      <c r="M3555" s="72">
        <v>5827</v>
      </c>
      <c r="N3555" s="52" t="s">
        <v>2066</v>
      </c>
      <c r="O3555" s="52" t="s">
        <v>2067</v>
      </c>
      <c r="P3555" s="52"/>
      <c r="Q3555" s="52"/>
      <c r="R3555" s="52"/>
      <c r="S3555" s="52"/>
      <c r="T3555" s="52"/>
      <c r="U3555" s="52"/>
      <c r="V3555" s="52"/>
      <c r="W3555" s="52"/>
    </row>
    <row r="3556" spans="1:23" hidden="1" x14ac:dyDescent="0.35">
      <c r="A3556" s="52" t="s">
        <v>78</v>
      </c>
      <c r="B3556" s="52" t="s">
        <v>79</v>
      </c>
      <c r="C3556" s="3">
        <v>10</v>
      </c>
      <c r="D3556" s="52" t="s">
        <v>86</v>
      </c>
      <c r="E3556" s="52" t="s">
        <v>26</v>
      </c>
      <c r="F3556" s="52" t="s">
        <v>81</v>
      </c>
      <c r="G3556" s="52" t="s">
        <v>82</v>
      </c>
      <c r="H3556" s="4">
        <v>1</v>
      </c>
      <c r="I3556" s="2">
        <v>14.65</v>
      </c>
      <c r="J3556" s="52" t="s">
        <v>8639</v>
      </c>
      <c r="K3556" s="71" t="s">
        <v>8640</v>
      </c>
      <c r="L3556" s="52" t="s">
        <v>2063</v>
      </c>
      <c r="M3556" s="72">
        <v>6554</v>
      </c>
      <c r="N3556" s="52" t="s">
        <v>2072</v>
      </c>
      <c r="O3556" s="52" t="s">
        <v>2073</v>
      </c>
      <c r="P3556" s="52"/>
      <c r="Q3556" s="52"/>
      <c r="R3556" s="52"/>
      <c r="S3556" s="52"/>
      <c r="T3556" s="52"/>
      <c r="U3556" s="52"/>
      <c r="V3556" s="52"/>
      <c r="W3556" s="52"/>
    </row>
    <row r="3557" spans="1:23" hidden="1" x14ac:dyDescent="0.35">
      <c r="A3557" s="52" t="s">
        <v>78</v>
      </c>
      <c r="B3557" s="52" t="s">
        <v>79</v>
      </c>
      <c r="C3557" s="3">
        <v>20</v>
      </c>
      <c r="D3557" s="52" t="s">
        <v>2023</v>
      </c>
      <c r="E3557" s="52" t="s">
        <v>26</v>
      </c>
      <c r="F3557" s="52" t="s">
        <v>81</v>
      </c>
      <c r="G3557" s="52" t="s">
        <v>82</v>
      </c>
      <c r="H3557" s="4">
        <v>1</v>
      </c>
      <c r="I3557" s="2">
        <v>14.65</v>
      </c>
      <c r="J3557" s="52" t="s">
        <v>8641</v>
      </c>
      <c r="K3557" s="71" t="s">
        <v>8642</v>
      </c>
      <c r="L3557" s="52" t="s">
        <v>2063</v>
      </c>
      <c r="M3557" s="72">
        <v>3737</v>
      </c>
      <c r="N3557" s="52"/>
      <c r="O3557" s="52"/>
      <c r="P3557" s="52"/>
      <c r="Q3557" s="52"/>
      <c r="R3557" s="52"/>
      <c r="S3557" s="52"/>
      <c r="T3557" s="52"/>
      <c r="U3557" s="52"/>
      <c r="V3557" s="52"/>
      <c r="W3557" s="52"/>
    </row>
    <row r="3558" spans="1:23" hidden="1" x14ac:dyDescent="0.35">
      <c r="A3558" s="52" t="s">
        <v>78</v>
      </c>
      <c r="B3558" s="52" t="s">
        <v>79</v>
      </c>
      <c r="C3558" s="3">
        <v>10</v>
      </c>
      <c r="D3558" s="52" t="s">
        <v>2021</v>
      </c>
      <c r="E3558" s="52" t="s">
        <v>26</v>
      </c>
      <c r="F3558" s="52" t="s">
        <v>81</v>
      </c>
      <c r="G3558" s="52" t="s">
        <v>82</v>
      </c>
      <c r="H3558" s="4">
        <v>1</v>
      </c>
      <c r="I3558" s="2">
        <v>14.65</v>
      </c>
      <c r="J3558" s="52" t="s">
        <v>8643</v>
      </c>
      <c r="K3558" s="71" t="s">
        <v>8644</v>
      </c>
      <c r="L3558" s="52" t="s">
        <v>2063</v>
      </c>
      <c r="M3558" s="72">
        <v>4094</v>
      </c>
      <c r="N3558" s="52"/>
      <c r="O3558" s="52"/>
      <c r="P3558" s="52"/>
      <c r="Q3558" s="52"/>
      <c r="R3558" s="52"/>
      <c r="S3558" s="52"/>
      <c r="T3558" s="52"/>
      <c r="U3558" s="52"/>
      <c r="V3558" s="52"/>
      <c r="W3558" s="52"/>
    </row>
    <row r="3559" spans="1:23" hidden="1" x14ac:dyDescent="0.35">
      <c r="A3559" s="52" t="s">
        <v>78</v>
      </c>
      <c r="B3559" s="52" t="s">
        <v>79</v>
      </c>
      <c r="C3559" s="3">
        <v>20</v>
      </c>
      <c r="D3559" s="52" t="s">
        <v>2023</v>
      </c>
      <c r="E3559" s="52" t="s">
        <v>26</v>
      </c>
      <c r="F3559" s="52" t="s">
        <v>81</v>
      </c>
      <c r="G3559" s="52" t="s">
        <v>82</v>
      </c>
      <c r="H3559" s="4">
        <v>1</v>
      </c>
      <c r="I3559" s="2">
        <v>14.65</v>
      </c>
      <c r="J3559" s="52" t="s">
        <v>8645</v>
      </c>
      <c r="K3559" s="71" t="s">
        <v>8646</v>
      </c>
      <c r="L3559" s="52" t="s">
        <v>2063</v>
      </c>
      <c r="M3559" s="72">
        <v>842</v>
      </c>
      <c r="N3559" s="52" t="s">
        <v>2158</v>
      </c>
      <c r="O3559" s="52" t="s">
        <v>2159</v>
      </c>
      <c r="P3559" s="52"/>
      <c r="Q3559" s="52"/>
      <c r="R3559" s="52"/>
      <c r="S3559" s="52"/>
      <c r="T3559" s="52"/>
      <c r="U3559" s="52"/>
      <c r="V3559" s="52"/>
      <c r="W3559" s="52"/>
    </row>
    <row r="3560" spans="1:23" x14ac:dyDescent="0.35">
      <c r="A3560" s="52" t="s">
        <v>78</v>
      </c>
      <c r="B3560" s="52" t="s">
        <v>79</v>
      </c>
      <c r="C3560" s="3">
        <v>20</v>
      </c>
      <c r="D3560" s="52" t="s">
        <v>84</v>
      </c>
      <c r="E3560" s="52" t="s">
        <v>26</v>
      </c>
      <c r="F3560" s="52" t="s">
        <v>81</v>
      </c>
      <c r="G3560" s="52" t="s">
        <v>82</v>
      </c>
      <c r="H3560" s="4">
        <v>1</v>
      </c>
      <c r="I3560" s="2">
        <v>14.65</v>
      </c>
      <c r="J3560" s="52" t="s">
        <v>8647</v>
      </c>
      <c r="K3560" s="71" t="s">
        <v>8648</v>
      </c>
      <c r="L3560" s="52" t="s">
        <v>2063</v>
      </c>
      <c r="M3560" s="72">
        <v>5047</v>
      </c>
      <c r="N3560" s="52" t="s">
        <v>2076</v>
      </c>
      <c r="O3560" s="52" t="s">
        <v>2077</v>
      </c>
      <c r="P3560" s="52"/>
      <c r="Q3560" s="52"/>
      <c r="R3560" s="52"/>
      <c r="S3560" s="52"/>
      <c r="T3560" s="52"/>
      <c r="U3560" s="52"/>
      <c r="V3560" s="52"/>
      <c r="W3560" s="52"/>
    </row>
    <row r="3561" spans="1:23" hidden="1" x14ac:dyDescent="0.35">
      <c r="A3561" s="52" t="s">
        <v>78</v>
      </c>
      <c r="B3561" s="52" t="s">
        <v>79</v>
      </c>
      <c r="C3561" s="3">
        <v>10</v>
      </c>
      <c r="D3561" s="52" t="s">
        <v>80</v>
      </c>
      <c r="E3561" s="52" t="s">
        <v>26</v>
      </c>
      <c r="F3561" s="52" t="s">
        <v>81</v>
      </c>
      <c r="G3561" s="52" t="s">
        <v>82</v>
      </c>
      <c r="H3561" s="4">
        <v>1</v>
      </c>
      <c r="I3561" s="2">
        <v>14.65</v>
      </c>
      <c r="J3561" s="52" t="s">
        <v>8649</v>
      </c>
      <c r="K3561" s="71" t="s">
        <v>8650</v>
      </c>
      <c r="L3561" s="52" t="s">
        <v>2063</v>
      </c>
      <c r="M3561" s="72">
        <v>2061</v>
      </c>
      <c r="N3561" s="52" t="s">
        <v>2066</v>
      </c>
      <c r="O3561" s="52" t="s">
        <v>2067</v>
      </c>
      <c r="P3561" s="52"/>
      <c r="Q3561" s="52"/>
      <c r="R3561" s="52"/>
      <c r="S3561" s="52"/>
      <c r="T3561" s="52"/>
      <c r="U3561" s="52"/>
      <c r="V3561" s="52"/>
      <c r="W3561" s="52"/>
    </row>
    <row r="3562" spans="1:23" hidden="1" x14ac:dyDescent="0.35">
      <c r="A3562" s="52" t="s">
        <v>78</v>
      </c>
      <c r="B3562" s="52" t="s">
        <v>79</v>
      </c>
      <c r="C3562" s="3">
        <v>20</v>
      </c>
      <c r="D3562" s="52" t="s">
        <v>2020</v>
      </c>
      <c r="E3562" s="52" t="s">
        <v>26</v>
      </c>
      <c r="F3562" s="52" t="s">
        <v>81</v>
      </c>
      <c r="G3562" s="52" t="s">
        <v>82</v>
      </c>
      <c r="H3562" s="4">
        <v>1</v>
      </c>
      <c r="I3562" s="2">
        <v>14.65</v>
      </c>
      <c r="J3562" s="52" t="s">
        <v>8651</v>
      </c>
      <c r="K3562" s="71" t="s">
        <v>8652</v>
      </c>
      <c r="L3562" s="52" t="s">
        <v>2063</v>
      </c>
      <c r="M3562" s="72">
        <v>1806</v>
      </c>
      <c r="N3562" s="52" t="s">
        <v>2072</v>
      </c>
      <c r="O3562" s="52" t="s">
        <v>2073</v>
      </c>
      <c r="P3562" s="52"/>
      <c r="Q3562" s="52"/>
      <c r="R3562" s="52"/>
      <c r="S3562" s="52"/>
      <c r="T3562" s="52"/>
      <c r="U3562" s="52"/>
      <c r="V3562" s="52"/>
      <c r="W3562" s="52"/>
    </row>
    <row r="3563" spans="1:23" hidden="1" x14ac:dyDescent="0.35">
      <c r="A3563" s="52" t="s">
        <v>78</v>
      </c>
      <c r="B3563" s="52" t="s">
        <v>79</v>
      </c>
      <c r="C3563" s="3">
        <v>20</v>
      </c>
      <c r="D3563" s="52" t="s">
        <v>83</v>
      </c>
      <c r="E3563" s="52" t="s">
        <v>26</v>
      </c>
      <c r="F3563" s="52" t="s">
        <v>81</v>
      </c>
      <c r="G3563" s="52" t="s">
        <v>82</v>
      </c>
      <c r="H3563" s="4">
        <v>1</v>
      </c>
      <c r="I3563" s="2">
        <v>14.65</v>
      </c>
      <c r="J3563" s="52" t="s">
        <v>8653</v>
      </c>
      <c r="K3563" s="71" t="s">
        <v>8654</v>
      </c>
      <c r="L3563" s="52" t="s">
        <v>2063</v>
      </c>
      <c r="M3563" s="72">
        <v>4215</v>
      </c>
      <c r="N3563" s="52" t="s">
        <v>2066</v>
      </c>
      <c r="O3563" s="52" t="s">
        <v>2067</v>
      </c>
      <c r="P3563" s="52"/>
      <c r="Q3563" s="52"/>
      <c r="R3563" s="52"/>
      <c r="S3563" s="52"/>
      <c r="T3563" s="52"/>
      <c r="U3563" s="52"/>
      <c r="V3563" s="52"/>
      <c r="W3563" s="52"/>
    </row>
    <row r="3564" spans="1:23" hidden="1" x14ac:dyDescent="0.35">
      <c r="A3564" s="52" t="s">
        <v>78</v>
      </c>
      <c r="B3564" s="52" t="s">
        <v>79</v>
      </c>
      <c r="C3564" s="3">
        <v>10</v>
      </c>
      <c r="D3564" s="52" t="s">
        <v>2023</v>
      </c>
      <c r="E3564" s="52" t="s">
        <v>26</v>
      </c>
      <c r="F3564" s="52" t="s">
        <v>81</v>
      </c>
      <c r="G3564" s="52" t="s">
        <v>82</v>
      </c>
      <c r="H3564" s="4">
        <v>1</v>
      </c>
      <c r="I3564" s="2">
        <v>14.65</v>
      </c>
      <c r="J3564" s="52" t="s">
        <v>8655</v>
      </c>
      <c r="K3564" s="71" t="s">
        <v>8656</v>
      </c>
      <c r="L3564" s="52" t="s">
        <v>2063</v>
      </c>
      <c r="M3564" s="72">
        <v>2439</v>
      </c>
      <c r="N3564" s="52" t="s">
        <v>2072</v>
      </c>
      <c r="O3564" s="52" t="s">
        <v>2073</v>
      </c>
      <c r="P3564" s="52"/>
      <c r="Q3564" s="52"/>
      <c r="R3564" s="52"/>
      <c r="S3564" s="52"/>
      <c r="T3564" s="52"/>
      <c r="U3564" s="52"/>
      <c r="V3564" s="52"/>
      <c r="W3564" s="52"/>
    </row>
    <row r="3565" spans="1:23" hidden="1" x14ac:dyDescent="0.35">
      <c r="A3565" s="52" t="s">
        <v>78</v>
      </c>
      <c r="B3565" s="52" t="s">
        <v>79</v>
      </c>
      <c r="C3565" s="3">
        <v>211</v>
      </c>
      <c r="D3565" s="52" t="s">
        <v>2024</v>
      </c>
      <c r="E3565" s="52" t="s">
        <v>26</v>
      </c>
      <c r="F3565" s="52" t="s">
        <v>81</v>
      </c>
      <c r="G3565" s="52" t="s">
        <v>82</v>
      </c>
      <c r="H3565" s="4">
        <v>1</v>
      </c>
      <c r="I3565" s="2">
        <v>14.65</v>
      </c>
      <c r="J3565" s="52" t="s">
        <v>8657</v>
      </c>
      <c r="K3565" s="71" t="s">
        <v>8658</v>
      </c>
      <c r="L3565" s="52" t="s">
        <v>2063</v>
      </c>
      <c r="M3565" s="72">
        <v>5463</v>
      </c>
      <c r="N3565" s="52" t="s">
        <v>2066</v>
      </c>
      <c r="O3565" s="52" t="s">
        <v>2067</v>
      </c>
      <c r="P3565" s="52"/>
      <c r="Q3565" s="52"/>
      <c r="R3565" s="52"/>
      <c r="S3565" s="52"/>
      <c r="T3565" s="52"/>
      <c r="U3565" s="52"/>
      <c r="V3565" s="52"/>
      <c r="W3565" s="52"/>
    </row>
    <row r="3566" spans="1:23" hidden="1" x14ac:dyDescent="0.35">
      <c r="A3566" s="52" t="s">
        <v>78</v>
      </c>
      <c r="B3566" s="52" t="s">
        <v>79</v>
      </c>
      <c r="C3566" s="3">
        <v>20</v>
      </c>
      <c r="D3566" s="52" t="s">
        <v>2019</v>
      </c>
      <c r="E3566" s="52" t="s">
        <v>26</v>
      </c>
      <c r="F3566" s="52" t="s">
        <v>81</v>
      </c>
      <c r="G3566" s="52" t="s">
        <v>82</v>
      </c>
      <c r="H3566" s="4">
        <v>1</v>
      </c>
      <c r="I3566" s="2">
        <v>14.65</v>
      </c>
      <c r="J3566" s="52" t="s">
        <v>8659</v>
      </c>
      <c r="K3566" s="71" t="s">
        <v>8660</v>
      </c>
      <c r="L3566" s="52" t="s">
        <v>2063</v>
      </c>
      <c r="M3566" s="72">
        <v>5411</v>
      </c>
      <c r="N3566" s="52" t="s">
        <v>2158</v>
      </c>
      <c r="O3566" s="52" t="s">
        <v>2159</v>
      </c>
      <c r="P3566" s="52"/>
      <c r="Q3566" s="52"/>
      <c r="R3566" s="52"/>
      <c r="S3566" s="52"/>
      <c r="T3566" s="52"/>
      <c r="U3566" s="52"/>
      <c r="V3566" s="52"/>
      <c r="W3566" s="52"/>
    </row>
    <row r="3567" spans="1:23" hidden="1" x14ac:dyDescent="0.35">
      <c r="A3567" s="52" t="s">
        <v>78</v>
      </c>
      <c r="B3567" s="52" t="s">
        <v>79</v>
      </c>
      <c r="C3567" s="3">
        <v>10</v>
      </c>
      <c r="D3567" s="52" t="s">
        <v>2019</v>
      </c>
      <c r="E3567" s="52" t="s">
        <v>26</v>
      </c>
      <c r="F3567" s="52" t="s">
        <v>81</v>
      </c>
      <c r="G3567" s="52" t="s">
        <v>82</v>
      </c>
      <c r="H3567" s="4">
        <v>1</v>
      </c>
      <c r="I3567" s="2">
        <v>14.65</v>
      </c>
      <c r="J3567" s="52" t="s">
        <v>8661</v>
      </c>
      <c r="K3567" s="71" t="s">
        <v>8662</v>
      </c>
      <c r="L3567" s="52" t="s">
        <v>2063</v>
      </c>
      <c r="M3567" s="72">
        <v>4470</v>
      </c>
      <c r="N3567" s="52" t="s">
        <v>2195</v>
      </c>
      <c r="O3567" s="52" t="s">
        <v>2196</v>
      </c>
      <c r="P3567" s="52"/>
      <c r="Q3567" s="52"/>
      <c r="R3567" s="52"/>
      <c r="S3567" s="52"/>
      <c r="T3567" s="52"/>
      <c r="U3567" s="52"/>
      <c r="V3567" s="52"/>
      <c r="W3567" s="52"/>
    </row>
    <row r="3568" spans="1:23" hidden="1" x14ac:dyDescent="0.35">
      <c r="A3568" s="52" t="s">
        <v>78</v>
      </c>
      <c r="B3568" s="52" t="s">
        <v>79</v>
      </c>
      <c r="C3568" s="3">
        <v>212</v>
      </c>
      <c r="D3568" s="52" t="s">
        <v>2020</v>
      </c>
      <c r="E3568" s="52" t="s">
        <v>26</v>
      </c>
      <c r="F3568" s="52" t="s">
        <v>81</v>
      </c>
      <c r="G3568" s="52" t="s">
        <v>82</v>
      </c>
      <c r="H3568" s="4">
        <v>1</v>
      </c>
      <c r="I3568" s="2">
        <v>14.65</v>
      </c>
      <c r="J3568" s="52" t="s">
        <v>8663</v>
      </c>
      <c r="K3568" s="71" t="s">
        <v>8664</v>
      </c>
      <c r="L3568" s="52" t="s">
        <v>2063</v>
      </c>
      <c r="M3568" s="72">
        <v>9868</v>
      </c>
      <c r="N3568" s="52" t="s">
        <v>2072</v>
      </c>
      <c r="O3568" s="52" t="s">
        <v>2073</v>
      </c>
      <c r="P3568" s="52"/>
      <c r="Q3568" s="52"/>
      <c r="R3568" s="52"/>
      <c r="S3568" s="52"/>
      <c r="T3568" s="52"/>
      <c r="U3568" s="52"/>
      <c r="V3568" s="52"/>
      <c r="W3568" s="52"/>
    </row>
    <row r="3569" spans="1:23" hidden="1" x14ac:dyDescent="0.35">
      <c r="A3569" s="52" t="s">
        <v>78</v>
      </c>
      <c r="B3569" s="52" t="s">
        <v>79</v>
      </c>
      <c r="C3569" s="3">
        <v>20</v>
      </c>
      <c r="D3569" s="52" t="s">
        <v>2019</v>
      </c>
      <c r="E3569" s="52" t="s">
        <v>26</v>
      </c>
      <c r="F3569" s="52" t="s">
        <v>81</v>
      </c>
      <c r="G3569" s="52" t="s">
        <v>82</v>
      </c>
      <c r="H3569" s="4">
        <v>1</v>
      </c>
      <c r="I3569" s="2">
        <v>14.65</v>
      </c>
      <c r="J3569" s="52" t="s">
        <v>8665</v>
      </c>
      <c r="K3569" s="71" t="s">
        <v>8666</v>
      </c>
      <c r="L3569" s="52" t="s">
        <v>2063</v>
      </c>
      <c r="M3569" s="72">
        <v>9346</v>
      </c>
      <c r="N3569" s="52" t="s">
        <v>2072</v>
      </c>
      <c r="O3569" s="52" t="s">
        <v>2073</v>
      </c>
      <c r="P3569" s="52"/>
      <c r="Q3569" s="52"/>
      <c r="R3569" s="52"/>
      <c r="S3569" s="52"/>
      <c r="T3569" s="52"/>
      <c r="U3569" s="52"/>
      <c r="V3569" s="52"/>
      <c r="W3569" s="52"/>
    </row>
    <row r="3570" spans="1:23" hidden="1" x14ac:dyDescent="0.35">
      <c r="A3570" s="52" t="s">
        <v>78</v>
      </c>
      <c r="B3570" s="52" t="s">
        <v>79</v>
      </c>
      <c r="C3570" s="3">
        <v>20</v>
      </c>
      <c r="D3570" s="52" t="s">
        <v>80</v>
      </c>
      <c r="E3570" s="52" t="s">
        <v>26</v>
      </c>
      <c r="F3570" s="52" t="s">
        <v>81</v>
      </c>
      <c r="G3570" s="52" t="s">
        <v>82</v>
      </c>
      <c r="H3570" s="4">
        <v>1</v>
      </c>
      <c r="I3570" s="2">
        <v>14.65</v>
      </c>
      <c r="J3570" s="52" t="s">
        <v>8667</v>
      </c>
      <c r="K3570" s="71" t="s">
        <v>8668</v>
      </c>
      <c r="L3570" s="52" t="s">
        <v>2095</v>
      </c>
      <c r="M3570" s="72">
        <v>7773</v>
      </c>
      <c r="N3570" s="52"/>
      <c r="O3570" s="52"/>
      <c r="P3570" s="52"/>
      <c r="Q3570" s="52"/>
      <c r="R3570" s="52"/>
      <c r="S3570" s="52"/>
      <c r="T3570" s="52"/>
      <c r="U3570" s="52"/>
      <c r="V3570" s="52"/>
      <c r="W3570" s="52"/>
    </row>
    <row r="3571" spans="1:23" hidden="1" x14ac:dyDescent="0.35">
      <c r="A3571" s="52" t="s">
        <v>78</v>
      </c>
      <c r="B3571" s="52" t="s">
        <v>79</v>
      </c>
      <c r="C3571" s="3">
        <v>211</v>
      </c>
      <c r="D3571" s="52" t="s">
        <v>87</v>
      </c>
      <c r="E3571" s="52" t="s">
        <v>26</v>
      </c>
      <c r="F3571" s="52" t="s">
        <v>81</v>
      </c>
      <c r="G3571" s="52" t="s">
        <v>82</v>
      </c>
      <c r="H3571" s="4">
        <v>1</v>
      </c>
      <c r="I3571" s="2">
        <v>14.65</v>
      </c>
      <c r="J3571" s="52" t="s">
        <v>8669</v>
      </c>
      <c r="K3571" s="71" t="s">
        <v>8670</v>
      </c>
      <c r="L3571" s="52" t="s">
        <v>2063</v>
      </c>
      <c r="M3571" s="72">
        <v>5699</v>
      </c>
      <c r="N3571" s="52"/>
      <c r="O3571" s="52"/>
      <c r="P3571" s="52"/>
      <c r="Q3571" s="52"/>
      <c r="R3571" s="52"/>
      <c r="S3571" s="52"/>
      <c r="T3571" s="52"/>
      <c r="U3571" s="52"/>
      <c r="V3571" s="52"/>
      <c r="W3571" s="52"/>
    </row>
    <row r="3572" spans="1:23" hidden="1" x14ac:dyDescent="0.35">
      <c r="A3572" s="52" t="s">
        <v>78</v>
      </c>
      <c r="B3572" s="52" t="s">
        <v>79</v>
      </c>
      <c r="C3572" s="3">
        <v>20</v>
      </c>
      <c r="D3572" s="52" t="s">
        <v>2023</v>
      </c>
      <c r="E3572" s="52" t="s">
        <v>26</v>
      </c>
      <c r="F3572" s="52" t="s">
        <v>81</v>
      </c>
      <c r="G3572" s="52" t="s">
        <v>82</v>
      </c>
      <c r="H3572" s="4">
        <v>1</v>
      </c>
      <c r="I3572" s="2">
        <v>14.65</v>
      </c>
      <c r="J3572" s="52" t="s">
        <v>8671</v>
      </c>
      <c r="K3572" s="71" t="s">
        <v>8672</v>
      </c>
      <c r="L3572" s="52" t="s">
        <v>2063</v>
      </c>
      <c r="M3572" s="72">
        <v>7532</v>
      </c>
      <c r="N3572" s="52" t="s">
        <v>2158</v>
      </c>
      <c r="O3572" s="52" t="s">
        <v>2159</v>
      </c>
      <c r="P3572" s="52"/>
      <c r="Q3572" s="52"/>
      <c r="R3572" s="52"/>
      <c r="S3572" s="52"/>
      <c r="T3572" s="52"/>
      <c r="U3572" s="52"/>
      <c r="V3572" s="52"/>
      <c r="W3572" s="52"/>
    </row>
    <row r="3573" spans="1:23" x14ac:dyDescent="0.35">
      <c r="A3573" s="52" t="s">
        <v>78</v>
      </c>
      <c r="B3573" s="52" t="s">
        <v>79</v>
      </c>
      <c r="C3573" s="3">
        <v>10</v>
      </c>
      <c r="D3573" s="52" t="s">
        <v>83</v>
      </c>
      <c r="E3573" s="52" t="s">
        <v>26</v>
      </c>
      <c r="F3573" s="52" t="s">
        <v>81</v>
      </c>
      <c r="G3573" s="52" t="s">
        <v>82</v>
      </c>
      <c r="H3573" s="4">
        <v>1</v>
      </c>
      <c r="I3573" s="2">
        <v>14.65</v>
      </c>
      <c r="J3573" s="52" t="s">
        <v>8673</v>
      </c>
      <c r="K3573" s="71" t="s">
        <v>8674</v>
      </c>
      <c r="L3573" s="52" t="s">
        <v>2063</v>
      </c>
      <c r="M3573" s="72">
        <v>7706</v>
      </c>
      <c r="N3573" s="52" t="s">
        <v>2076</v>
      </c>
      <c r="O3573" s="52" t="s">
        <v>2077</v>
      </c>
      <c r="P3573" s="52"/>
      <c r="Q3573" s="52"/>
      <c r="R3573" s="52"/>
      <c r="S3573" s="52"/>
      <c r="T3573" s="52"/>
      <c r="U3573" s="52"/>
      <c r="V3573" s="52"/>
      <c r="W3573" s="52"/>
    </row>
    <row r="3574" spans="1:23" hidden="1" x14ac:dyDescent="0.35">
      <c r="A3574" s="52" t="s">
        <v>78</v>
      </c>
      <c r="B3574" s="52" t="s">
        <v>79</v>
      </c>
      <c r="C3574" s="3">
        <v>20</v>
      </c>
      <c r="D3574" s="52" t="s">
        <v>2020</v>
      </c>
      <c r="E3574" s="52" t="s">
        <v>26</v>
      </c>
      <c r="F3574" s="52" t="s">
        <v>81</v>
      </c>
      <c r="G3574" s="52" t="s">
        <v>82</v>
      </c>
      <c r="H3574" s="4">
        <v>1</v>
      </c>
      <c r="I3574" s="2">
        <v>14.65</v>
      </c>
      <c r="J3574" s="52" t="s">
        <v>8675</v>
      </c>
      <c r="K3574" s="71" t="s">
        <v>8676</v>
      </c>
      <c r="L3574" s="52" t="s">
        <v>2063</v>
      </c>
      <c r="M3574" s="72">
        <v>4021</v>
      </c>
      <c r="N3574" s="52"/>
      <c r="O3574" s="52"/>
      <c r="P3574" s="52"/>
      <c r="Q3574" s="52"/>
      <c r="R3574" s="52"/>
      <c r="S3574" s="52"/>
      <c r="T3574" s="52"/>
      <c r="U3574" s="52"/>
      <c r="V3574" s="52"/>
      <c r="W3574" s="52"/>
    </row>
    <row r="3575" spans="1:23" hidden="1" x14ac:dyDescent="0.35">
      <c r="A3575" s="52" t="s">
        <v>78</v>
      </c>
      <c r="B3575" s="52" t="s">
        <v>79</v>
      </c>
      <c r="C3575" s="3">
        <v>20</v>
      </c>
      <c r="D3575" s="52" t="s">
        <v>2021</v>
      </c>
      <c r="E3575" s="52" t="s">
        <v>26</v>
      </c>
      <c r="F3575" s="52" t="s">
        <v>81</v>
      </c>
      <c r="G3575" s="52" t="s">
        <v>82</v>
      </c>
      <c r="H3575" s="4">
        <v>1</v>
      </c>
      <c r="I3575" s="2">
        <v>14.65</v>
      </c>
      <c r="J3575" s="52" t="s">
        <v>8677</v>
      </c>
      <c r="K3575" s="71" t="s">
        <v>8678</v>
      </c>
      <c r="L3575" s="52" t="s">
        <v>2063</v>
      </c>
      <c r="M3575" s="72">
        <v>7312</v>
      </c>
      <c r="N3575" s="52" t="s">
        <v>2072</v>
      </c>
      <c r="O3575" s="52" t="s">
        <v>2073</v>
      </c>
      <c r="P3575" s="52"/>
      <c r="Q3575" s="52"/>
      <c r="R3575" s="52"/>
      <c r="S3575" s="52"/>
      <c r="T3575" s="52"/>
      <c r="U3575" s="52"/>
      <c r="V3575" s="52"/>
      <c r="W3575" s="52"/>
    </row>
    <row r="3576" spans="1:23" x14ac:dyDescent="0.35">
      <c r="A3576" s="52" t="s">
        <v>78</v>
      </c>
      <c r="B3576" s="52" t="s">
        <v>79</v>
      </c>
      <c r="C3576" s="3">
        <v>10</v>
      </c>
      <c r="D3576" s="52" t="s">
        <v>80</v>
      </c>
      <c r="E3576" s="52" t="s">
        <v>26</v>
      </c>
      <c r="F3576" s="52" t="s">
        <v>81</v>
      </c>
      <c r="G3576" s="52" t="s">
        <v>82</v>
      </c>
      <c r="H3576" s="4">
        <v>1</v>
      </c>
      <c r="I3576" s="2">
        <v>14.65</v>
      </c>
      <c r="J3576" s="52" t="s">
        <v>8679</v>
      </c>
      <c r="K3576" s="71" t="s">
        <v>8680</v>
      </c>
      <c r="L3576" s="52" t="s">
        <v>2063</v>
      </c>
      <c r="M3576" s="72">
        <v>2960</v>
      </c>
      <c r="N3576" s="52" t="s">
        <v>2259</v>
      </c>
      <c r="O3576" s="52" t="s">
        <v>2260</v>
      </c>
      <c r="P3576" s="52"/>
      <c r="Q3576" s="52"/>
      <c r="R3576" s="52"/>
      <c r="S3576" s="52"/>
      <c r="T3576" s="52"/>
      <c r="U3576" s="52"/>
      <c r="V3576" s="52"/>
      <c r="W3576" s="52"/>
    </row>
    <row r="3577" spans="1:23" hidden="1" x14ac:dyDescent="0.35">
      <c r="A3577" s="52" t="s">
        <v>78</v>
      </c>
      <c r="B3577" s="52" t="s">
        <v>79</v>
      </c>
      <c r="C3577" s="3">
        <v>10</v>
      </c>
      <c r="D3577" s="52" t="s">
        <v>2024</v>
      </c>
      <c r="E3577" s="52" t="s">
        <v>26</v>
      </c>
      <c r="F3577" s="52" t="s">
        <v>81</v>
      </c>
      <c r="G3577" s="52" t="s">
        <v>82</v>
      </c>
      <c r="H3577" s="4">
        <v>1</v>
      </c>
      <c r="I3577" s="2">
        <v>14.65</v>
      </c>
      <c r="J3577" s="52" t="s">
        <v>8681</v>
      </c>
      <c r="K3577" s="71" t="s">
        <v>8682</v>
      </c>
      <c r="L3577" s="52" t="s">
        <v>2063</v>
      </c>
      <c r="M3577" s="72">
        <v>6691</v>
      </c>
      <c r="N3577" s="52" t="s">
        <v>2072</v>
      </c>
      <c r="O3577" s="52" t="s">
        <v>2073</v>
      </c>
      <c r="P3577" s="52"/>
      <c r="Q3577" s="52"/>
      <c r="R3577" s="52"/>
      <c r="S3577" s="52"/>
      <c r="T3577" s="52"/>
      <c r="U3577" s="52"/>
      <c r="V3577" s="52"/>
      <c r="W3577" s="52"/>
    </row>
    <row r="3578" spans="1:23" x14ac:dyDescent="0.35">
      <c r="A3578" s="52" t="s">
        <v>78</v>
      </c>
      <c r="B3578" s="52" t="s">
        <v>79</v>
      </c>
      <c r="C3578" s="3">
        <v>20</v>
      </c>
      <c r="D3578" s="52" t="s">
        <v>86</v>
      </c>
      <c r="E3578" s="52" t="s">
        <v>26</v>
      </c>
      <c r="F3578" s="52" t="s">
        <v>81</v>
      </c>
      <c r="G3578" s="52" t="s">
        <v>82</v>
      </c>
      <c r="H3578" s="4">
        <v>1</v>
      </c>
      <c r="I3578" s="2">
        <v>14.65</v>
      </c>
      <c r="J3578" s="52" t="s">
        <v>8683</v>
      </c>
      <c r="K3578" s="71" t="s">
        <v>8684</v>
      </c>
      <c r="L3578" s="52" t="s">
        <v>2063</v>
      </c>
      <c r="M3578" s="72">
        <v>1616</v>
      </c>
      <c r="N3578" s="52" t="s">
        <v>2259</v>
      </c>
      <c r="O3578" s="52" t="s">
        <v>2260</v>
      </c>
      <c r="P3578" s="52"/>
      <c r="Q3578" s="52"/>
      <c r="R3578" s="52"/>
      <c r="S3578" s="52"/>
      <c r="T3578" s="52"/>
      <c r="U3578" s="52"/>
      <c r="V3578" s="52"/>
      <c r="W3578" s="52"/>
    </row>
    <row r="3579" spans="1:23" hidden="1" x14ac:dyDescent="0.35">
      <c r="A3579" s="52" t="s">
        <v>78</v>
      </c>
      <c r="B3579" s="52" t="s">
        <v>79</v>
      </c>
      <c r="C3579" s="3">
        <v>211</v>
      </c>
      <c r="D3579" s="52" t="s">
        <v>84</v>
      </c>
      <c r="E3579" s="52" t="s">
        <v>26</v>
      </c>
      <c r="F3579" s="52" t="s">
        <v>81</v>
      </c>
      <c r="G3579" s="52" t="s">
        <v>82</v>
      </c>
      <c r="H3579" s="4">
        <v>1</v>
      </c>
      <c r="I3579" s="2">
        <v>14.65</v>
      </c>
      <c r="J3579" s="52" t="s">
        <v>8685</v>
      </c>
      <c r="K3579" s="71" t="s">
        <v>8686</v>
      </c>
      <c r="L3579" s="52" t="s">
        <v>2063</v>
      </c>
      <c r="M3579" s="72">
        <v>6139</v>
      </c>
      <c r="N3579" s="52"/>
      <c r="O3579" s="52"/>
      <c r="P3579" s="52"/>
      <c r="Q3579" s="52"/>
      <c r="R3579" s="52"/>
      <c r="S3579" s="52"/>
      <c r="T3579" s="52"/>
      <c r="U3579" s="52"/>
      <c r="V3579" s="52"/>
      <c r="W3579" s="52"/>
    </row>
    <row r="3580" spans="1:23" hidden="1" x14ac:dyDescent="0.35">
      <c r="A3580" s="52" t="s">
        <v>78</v>
      </c>
      <c r="B3580" s="52" t="s">
        <v>79</v>
      </c>
      <c r="C3580" s="3">
        <v>20</v>
      </c>
      <c r="D3580" s="52" t="s">
        <v>83</v>
      </c>
      <c r="E3580" s="52" t="s">
        <v>26</v>
      </c>
      <c r="F3580" s="52" t="s">
        <v>81</v>
      </c>
      <c r="G3580" s="52" t="s">
        <v>82</v>
      </c>
      <c r="H3580" s="4">
        <v>1</v>
      </c>
      <c r="I3580" s="2">
        <v>14.65</v>
      </c>
      <c r="J3580" s="52" t="s">
        <v>8687</v>
      </c>
      <c r="K3580" s="71" t="s">
        <v>8688</v>
      </c>
      <c r="L3580" s="52" t="s">
        <v>2095</v>
      </c>
      <c r="M3580" s="72">
        <v>6132</v>
      </c>
      <c r="N3580" s="52" t="s">
        <v>2072</v>
      </c>
      <c r="O3580" s="52" t="s">
        <v>2073</v>
      </c>
      <c r="P3580" s="52"/>
      <c r="Q3580" s="52"/>
      <c r="R3580" s="52"/>
      <c r="S3580" s="52"/>
      <c r="T3580" s="52"/>
      <c r="U3580" s="52"/>
      <c r="V3580" s="52"/>
      <c r="W3580" s="52"/>
    </row>
    <row r="3581" spans="1:23" hidden="1" x14ac:dyDescent="0.35">
      <c r="A3581" s="52" t="s">
        <v>78</v>
      </c>
      <c r="B3581" s="52" t="s">
        <v>79</v>
      </c>
      <c r="C3581" s="3">
        <v>10</v>
      </c>
      <c r="D3581" s="52" t="s">
        <v>2023</v>
      </c>
      <c r="E3581" s="52" t="s">
        <v>26</v>
      </c>
      <c r="F3581" s="52" t="s">
        <v>81</v>
      </c>
      <c r="G3581" s="52" t="s">
        <v>82</v>
      </c>
      <c r="H3581" s="4">
        <v>1</v>
      </c>
      <c r="I3581" s="2">
        <v>14.65</v>
      </c>
      <c r="J3581" s="52" t="s">
        <v>8689</v>
      </c>
      <c r="K3581" s="71" t="s">
        <v>8690</v>
      </c>
      <c r="L3581" s="52" t="s">
        <v>2063</v>
      </c>
      <c r="M3581" s="72">
        <v>8630</v>
      </c>
      <c r="N3581" s="52" t="s">
        <v>2072</v>
      </c>
      <c r="O3581" s="52" t="s">
        <v>2073</v>
      </c>
      <c r="P3581" s="52"/>
      <c r="Q3581" s="52"/>
      <c r="R3581" s="52"/>
      <c r="S3581" s="52"/>
      <c r="T3581" s="52"/>
      <c r="U3581" s="52"/>
      <c r="V3581" s="52"/>
      <c r="W3581" s="52"/>
    </row>
    <row r="3582" spans="1:23" hidden="1" x14ac:dyDescent="0.35">
      <c r="A3582" s="52" t="s">
        <v>78</v>
      </c>
      <c r="B3582" s="52" t="s">
        <v>79</v>
      </c>
      <c r="C3582" s="3">
        <v>20</v>
      </c>
      <c r="D3582" s="52" t="s">
        <v>85</v>
      </c>
      <c r="E3582" s="52" t="s">
        <v>26</v>
      </c>
      <c r="F3582" s="52" t="s">
        <v>81</v>
      </c>
      <c r="G3582" s="52" t="s">
        <v>82</v>
      </c>
      <c r="H3582" s="4">
        <v>1</v>
      </c>
      <c r="I3582" s="2">
        <v>14.65</v>
      </c>
      <c r="J3582" s="52" t="s">
        <v>8691</v>
      </c>
      <c r="K3582" s="71" t="s">
        <v>8692</v>
      </c>
      <c r="L3582" s="52" t="s">
        <v>2063</v>
      </c>
      <c r="M3582" s="72">
        <v>4835</v>
      </c>
      <c r="N3582" s="52" t="s">
        <v>2066</v>
      </c>
      <c r="O3582" s="52" t="s">
        <v>2067</v>
      </c>
      <c r="P3582" s="52"/>
      <c r="Q3582" s="52"/>
      <c r="R3582" s="52"/>
      <c r="S3582" s="52"/>
      <c r="T3582" s="52"/>
      <c r="U3582" s="52"/>
      <c r="V3582" s="52"/>
      <c r="W3582" s="52"/>
    </row>
    <row r="3583" spans="1:23" hidden="1" x14ac:dyDescent="0.35">
      <c r="A3583" s="52" t="s">
        <v>78</v>
      </c>
      <c r="B3583" s="52" t="s">
        <v>79</v>
      </c>
      <c r="C3583" s="3">
        <v>20</v>
      </c>
      <c r="D3583" s="52" t="s">
        <v>87</v>
      </c>
      <c r="E3583" s="52" t="s">
        <v>26</v>
      </c>
      <c r="F3583" s="52" t="s">
        <v>81</v>
      </c>
      <c r="G3583" s="52" t="s">
        <v>82</v>
      </c>
      <c r="H3583" s="4">
        <v>1</v>
      </c>
      <c r="I3583" s="2">
        <v>14.65</v>
      </c>
      <c r="J3583" s="52" t="s">
        <v>8559</v>
      </c>
      <c r="K3583" s="71" t="s">
        <v>8693</v>
      </c>
      <c r="L3583" s="52" t="s">
        <v>2063</v>
      </c>
      <c r="M3583" s="72">
        <v>2842</v>
      </c>
      <c r="N3583" s="52" t="s">
        <v>2154</v>
      </c>
      <c r="O3583" s="52" t="s">
        <v>2155</v>
      </c>
      <c r="P3583" s="52"/>
      <c r="Q3583" s="52"/>
      <c r="R3583" s="52"/>
      <c r="S3583" s="52"/>
      <c r="T3583" s="52"/>
      <c r="U3583" s="52"/>
      <c r="V3583" s="52"/>
      <c r="W3583" s="52"/>
    </row>
    <row r="3584" spans="1:23" hidden="1" x14ac:dyDescent="0.35">
      <c r="A3584" s="52" t="s">
        <v>78</v>
      </c>
      <c r="B3584" s="52" t="s">
        <v>79</v>
      </c>
      <c r="C3584" s="3">
        <v>10</v>
      </c>
      <c r="D3584" s="52" t="s">
        <v>84</v>
      </c>
      <c r="E3584" s="52" t="s">
        <v>26</v>
      </c>
      <c r="F3584" s="52" t="s">
        <v>81</v>
      </c>
      <c r="G3584" s="52" t="s">
        <v>82</v>
      </c>
      <c r="H3584" s="4">
        <v>1</v>
      </c>
      <c r="I3584" s="2">
        <v>14.65</v>
      </c>
      <c r="J3584" s="52" t="s">
        <v>8694</v>
      </c>
      <c r="K3584" s="71" t="s">
        <v>8695</v>
      </c>
      <c r="L3584" s="52" t="s">
        <v>2063</v>
      </c>
      <c r="M3584" s="72">
        <v>9792</v>
      </c>
      <c r="N3584" s="52" t="s">
        <v>2072</v>
      </c>
      <c r="O3584" s="52" t="s">
        <v>2073</v>
      </c>
      <c r="P3584" s="52"/>
      <c r="Q3584" s="52"/>
      <c r="R3584" s="52"/>
      <c r="S3584" s="52"/>
      <c r="T3584" s="52"/>
      <c r="U3584" s="52"/>
      <c r="V3584" s="52"/>
      <c r="W3584" s="52"/>
    </row>
    <row r="3585" spans="1:23" hidden="1" x14ac:dyDescent="0.35">
      <c r="A3585" s="52" t="s">
        <v>78</v>
      </c>
      <c r="B3585" s="52" t="s">
        <v>79</v>
      </c>
      <c r="C3585" s="3">
        <v>10</v>
      </c>
      <c r="D3585" s="52" t="s">
        <v>80</v>
      </c>
      <c r="E3585" s="52" t="s">
        <v>26</v>
      </c>
      <c r="F3585" s="52" t="s">
        <v>81</v>
      </c>
      <c r="G3585" s="52" t="s">
        <v>82</v>
      </c>
      <c r="H3585" s="4">
        <v>1</v>
      </c>
      <c r="I3585" s="2">
        <v>14.65</v>
      </c>
      <c r="J3585" s="52" t="s">
        <v>8696</v>
      </c>
      <c r="K3585" s="71" t="s">
        <v>8697</v>
      </c>
      <c r="L3585" s="52" t="s">
        <v>2063</v>
      </c>
      <c r="M3585" s="72">
        <v>6932</v>
      </c>
      <c r="N3585" s="52"/>
      <c r="O3585" s="52"/>
      <c r="P3585" s="52"/>
      <c r="Q3585" s="52"/>
      <c r="R3585" s="52"/>
      <c r="S3585" s="52"/>
      <c r="T3585" s="52"/>
      <c r="U3585" s="52"/>
      <c r="V3585" s="52"/>
      <c r="W3585" s="52"/>
    </row>
    <row r="3586" spans="1:23" hidden="1" x14ac:dyDescent="0.35">
      <c r="A3586" s="52" t="s">
        <v>78</v>
      </c>
      <c r="B3586" s="52" t="s">
        <v>79</v>
      </c>
      <c r="C3586" s="3">
        <v>211</v>
      </c>
      <c r="D3586" s="52" t="s">
        <v>2022</v>
      </c>
      <c r="E3586" s="52" t="s">
        <v>26</v>
      </c>
      <c r="F3586" s="52" t="s">
        <v>81</v>
      </c>
      <c r="G3586" s="52" t="s">
        <v>82</v>
      </c>
      <c r="H3586" s="4">
        <v>1</v>
      </c>
      <c r="I3586" s="2">
        <v>14.65</v>
      </c>
      <c r="J3586" s="52" t="s">
        <v>8698</v>
      </c>
      <c r="K3586" s="71" t="s">
        <v>8699</v>
      </c>
      <c r="L3586" s="52" t="s">
        <v>2063</v>
      </c>
      <c r="M3586" s="72">
        <v>9019</v>
      </c>
      <c r="N3586" s="52"/>
      <c r="O3586" s="52"/>
      <c r="P3586" s="52"/>
      <c r="Q3586" s="52"/>
      <c r="R3586" s="52"/>
      <c r="S3586" s="52"/>
      <c r="T3586" s="52"/>
      <c r="U3586" s="52"/>
      <c r="V3586" s="52"/>
      <c r="W3586" s="52"/>
    </row>
    <row r="3587" spans="1:23" x14ac:dyDescent="0.35">
      <c r="A3587" s="52" t="s">
        <v>78</v>
      </c>
      <c r="B3587" s="52" t="s">
        <v>79</v>
      </c>
      <c r="C3587" s="3">
        <v>20</v>
      </c>
      <c r="D3587" s="52" t="s">
        <v>80</v>
      </c>
      <c r="E3587" s="52" t="s">
        <v>26</v>
      </c>
      <c r="F3587" s="52" t="s">
        <v>81</v>
      </c>
      <c r="G3587" s="52" t="s">
        <v>82</v>
      </c>
      <c r="H3587" s="4">
        <v>1</v>
      </c>
      <c r="I3587" s="2">
        <v>14.65</v>
      </c>
      <c r="J3587" s="52" t="s">
        <v>8700</v>
      </c>
      <c r="K3587" s="71" t="s">
        <v>8701</v>
      </c>
      <c r="L3587" s="52" t="s">
        <v>2063</v>
      </c>
      <c r="M3587" s="72">
        <v>4657</v>
      </c>
      <c r="N3587" s="52" t="s">
        <v>2076</v>
      </c>
      <c r="O3587" s="52" t="s">
        <v>2077</v>
      </c>
      <c r="P3587" s="52"/>
      <c r="Q3587" s="52"/>
      <c r="R3587" s="52"/>
      <c r="S3587" s="52"/>
      <c r="T3587" s="52"/>
      <c r="U3587" s="52"/>
      <c r="V3587" s="52"/>
      <c r="W3587" s="52"/>
    </row>
    <row r="3588" spans="1:23" hidden="1" x14ac:dyDescent="0.35">
      <c r="A3588" s="52" t="s">
        <v>78</v>
      </c>
      <c r="B3588" s="52" t="s">
        <v>79</v>
      </c>
      <c r="C3588" s="3">
        <v>10</v>
      </c>
      <c r="D3588" s="52" t="s">
        <v>86</v>
      </c>
      <c r="E3588" s="52" t="s">
        <v>26</v>
      </c>
      <c r="F3588" s="52" t="s">
        <v>81</v>
      </c>
      <c r="G3588" s="52" t="s">
        <v>82</v>
      </c>
      <c r="H3588" s="4">
        <v>1</v>
      </c>
      <c r="I3588" s="2">
        <v>14.65</v>
      </c>
      <c r="J3588" s="52" t="s">
        <v>8702</v>
      </c>
      <c r="K3588" s="71" t="s">
        <v>8703</v>
      </c>
      <c r="L3588" s="52" t="s">
        <v>2063</v>
      </c>
      <c r="M3588" s="72">
        <v>5452</v>
      </c>
      <c r="N3588" s="52"/>
      <c r="O3588" s="52"/>
      <c r="P3588" s="52"/>
      <c r="Q3588" s="52"/>
      <c r="R3588" s="52"/>
      <c r="S3588" s="52"/>
      <c r="T3588" s="52"/>
      <c r="U3588" s="52"/>
      <c r="V3588" s="52"/>
      <c r="W3588" s="52"/>
    </row>
    <row r="3589" spans="1:23" hidden="1" x14ac:dyDescent="0.35">
      <c r="A3589" s="52" t="s">
        <v>78</v>
      </c>
      <c r="B3589" s="52" t="s">
        <v>79</v>
      </c>
      <c r="C3589" s="3">
        <v>20</v>
      </c>
      <c r="D3589" s="52" t="s">
        <v>83</v>
      </c>
      <c r="E3589" s="52" t="s">
        <v>26</v>
      </c>
      <c r="F3589" s="52" t="s">
        <v>81</v>
      </c>
      <c r="G3589" s="52" t="s">
        <v>82</v>
      </c>
      <c r="H3589" s="4">
        <v>1</v>
      </c>
      <c r="I3589" s="2">
        <v>14.65</v>
      </c>
      <c r="J3589" s="52" t="s">
        <v>8704</v>
      </c>
      <c r="K3589" s="71" t="s">
        <v>8705</v>
      </c>
      <c r="L3589" s="52" t="s">
        <v>2063</v>
      </c>
      <c r="M3589" s="72">
        <v>8724</v>
      </c>
      <c r="N3589" s="52" t="s">
        <v>2072</v>
      </c>
      <c r="O3589" s="52" t="s">
        <v>2073</v>
      </c>
      <c r="P3589" s="52"/>
      <c r="Q3589" s="52"/>
      <c r="R3589" s="52"/>
      <c r="S3589" s="52"/>
      <c r="T3589" s="52"/>
      <c r="U3589" s="52"/>
      <c r="V3589" s="52"/>
      <c r="W3589" s="52"/>
    </row>
    <row r="3590" spans="1:23" hidden="1" x14ac:dyDescent="0.35">
      <c r="A3590" s="52" t="s">
        <v>78</v>
      </c>
      <c r="B3590" s="52" t="s">
        <v>79</v>
      </c>
      <c r="C3590" s="3">
        <v>10</v>
      </c>
      <c r="D3590" s="52" t="s">
        <v>2019</v>
      </c>
      <c r="E3590" s="52" t="s">
        <v>26</v>
      </c>
      <c r="F3590" s="52" t="s">
        <v>81</v>
      </c>
      <c r="G3590" s="52" t="s">
        <v>82</v>
      </c>
      <c r="H3590" s="4">
        <v>1</v>
      </c>
      <c r="I3590" s="2">
        <v>14.65</v>
      </c>
      <c r="J3590" s="52" t="s">
        <v>8335</v>
      </c>
      <c r="K3590" s="71" t="s">
        <v>8706</v>
      </c>
      <c r="L3590" s="52" t="s">
        <v>2063</v>
      </c>
      <c r="M3590" s="72">
        <v>6980</v>
      </c>
      <c r="N3590" s="52"/>
      <c r="O3590" s="52"/>
      <c r="P3590" s="52"/>
      <c r="Q3590" s="52"/>
      <c r="R3590" s="52"/>
      <c r="S3590" s="52"/>
      <c r="T3590" s="52"/>
      <c r="U3590" s="52"/>
      <c r="V3590" s="52"/>
      <c r="W3590" s="52"/>
    </row>
    <row r="3591" spans="1:23" hidden="1" x14ac:dyDescent="0.35">
      <c r="A3591" s="52" t="s">
        <v>78</v>
      </c>
      <c r="B3591" s="52" t="s">
        <v>79</v>
      </c>
      <c r="C3591" s="3">
        <v>20</v>
      </c>
      <c r="D3591" s="52" t="s">
        <v>2024</v>
      </c>
      <c r="E3591" s="52" t="s">
        <v>26</v>
      </c>
      <c r="F3591" s="52" t="s">
        <v>81</v>
      </c>
      <c r="G3591" s="52" t="s">
        <v>82</v>
      </c>
      <c r="H3591" s="4">
        <v>1</v>
      </c>
      <c r="I3591" s="2">
        <v>14.65</v>
      </c>
      <c r="J3591" s="52" t="s">
        <v>8707</v>
      </c>
      <c r="K3591" s="71" t="s">
        <v>8708</v>
      </c>
      <c r="L3591" s="52" t="s">
        <v>2063</v>
      </c>
      <c r="M3591" s="72">
        <v>9827</v>
      </c>
      <c r="N3591" s="52" t="s">
        <v>2072</v>
      </c>
      <c r="O3591" s="52" t="s">
        <v>2073</v>
      </c>
      <c r="P3591" s="52"/>
      <c r="Q3591" s="52"/>
      <c r="R3591" s="52"/>
      <c r="S3591" s="52"/>
      <c r="T3591" s="52"/>
      <c r="U3591" s="52"/>
      <c r="V3591" s="52"/>
      <c r="W3591" s="52"/>
    </row>
    <row r="3592" spans="1:23" hidden="1" x14ac:dyDescent="0.35">
      <c r="A3592" s="52" t="s">
        <v>78</v>
      </c>
      <c r="B3592" s="52" t="s">
        <v>79</v>
      </c>
      <c r="C3592" s="3">
        <v>20</v>
      </c>
      <c r="D3592" s="52" t="s">
        <v>84</v>
      </c>
      <c r="E3592" s="52" t="s">
        <v>26</v>
      </c>
      <c r="F3592" s="52" t="s">
        <v>81</v>
      </c>
      <c r="G3592" s="52" t="s">
        <v>82</v>
      </c>
      <c r="H3592" s="4">
        <v>1</v>
      </c>
      <c r="I3592" s="2">
        <v>14.65</v>
      </c>
      <c r="J3592" s="52" t="s">
        <v>8709</v>
      </c>
      <c r="K3592" s="71" t="s">
        <v>8710</v>
      </c>
      <c r="L3592" s="52" t="s">
        <v>2063</v>
      </c>
      <c r="M3592" s="72">
        <v>2944</v>
      </c>
      <c r="N3592" s="52"/>
      <c r="O3592" s="52"/>
      <c r="P3592" s="52"/>
      <c r="Q3592" s="52"/>
      <c r="R3592" s="52"/>
      <c r="S3592" s="52"/>
      <c r="T3592" s="52"/>
      <c r="U3592" s="52"/>
      <c r="V3592" s="52"/>
      <c r="W3592" s="52"/>
    </row>
    <row r="3593" spans="1:23" hidden="1" x14ac:dyDescent="0.35">
      <c r="A3593" s="52" t="s">
        <v>78</v>
      </c>
      <c r="B3593" s="52" t="s">
        <v>79</v>
      </c>
      <c r="C3593" s="3">
        <v>20</v>
      </c>
      <c r="D3593" s="52" t="s">
        <v>87</v>
      </c>
      <c r="E3593" s="52" t="s">
        <v>26</v>
      </c>
      <c r="F3593" s="52" t="s">
        <v>81</v>
      </c>
      <c r="G3593" s="52" t="s">
        <v>82</v>
      </c>
      <c r="H3593" s="4">
        <v>1</v>
      </c>
      <c r="I3593" s="2">
        <v>14.65</v>
      </c>
      <c r="J3593" s="52" t="s">
        <v>8711</v>
      </c>
      <c r="K3593" s="71" t="s">
        <v>8712</v>
      </c>
      <c r="L3593" s="52" t="s">
        <v>2063</v>
      </c>
      <c r="M3593" s="72">
        <v>8194</v>
      </c>
      <c r="N3593" s="52" t="s">
        <v>2072</v>
      </c>
      <c r="O3593" s="52" t="s">
        <v>2073</v>
      </c>
      <c r="P3593" s="52"/>
      <c r="Q3593" s="52"/>
      <c r="R3593" s="52"/>
      <c r="S3593" s="52"/>
      <c r="T3593" s="52"/>
      <c r="U3593" s="52"/>
      <c r="V3593" s="52"/>
      <c r="W3593" s="52"/>
    </row>
    <row r="3594" spans="1:23" hidden="1" x14ac:dyDescent="0.35">
      <c r="A3594" s="52" t="s">
        <v>78</v>
      </c>
      <c r="B3594" s="52" t="s">
        <v>79</v>
      </c>
      <c r="C3594" s="3">
        <v>20</v>
      </c>
      <c r="D3594" s="52" t="s">
        <v>87</v>
      </c>
      <c r="E3594" s="52" t="s">
        <v>26</v>
      </c>
      <c r="F3594" s="52" t="s">
        <v>81</v>
      </c>
      <c r="G3594" s="52" t="s">
        <v>82</v>
      </c>
      <c r="H3594" s="4">
        <v>1</v>
      </c>
      <c r="I3594" s="2">
        <v>14.65</v>
      </c>
      <c r="J3594" s="52" t="s">
        <v>8713</v>
      </c>
      <c r="K3594" s="71" t="s">
        <v>8714</v>
      </c>
      <c r="L3594" s="52" t="s">
        <v>2063</v>
      </c>
      <c r="M3594" s="72">
        <v>8706</v>
      </c>
      <c r="N3594" s="52" t="s">
        <v>2066</v>
      </c>
      <c r="O3594" s="52" t="s">
        <v>2067</v>
      </c>
      <c r="P3594" s="52"/>
      <c r="Q3594" s="52"/>
      <c r="R3594" s="52"/>
      <c r="S3594" s="52"/>
      <c r="T3594" s="52"/>
      <c r="U3594" s="52"/>
      <c r="V3594" s="52"/>
      <c r="W3594" s="52"/>
    </row>
    <row r="3595" spans="1:23" hidden="1" x14ac:dyDescent="0.35">
      <c r="A3595" s="52" t="s">
        <v>78</v>
      </c>
      <c r="B3595" s="52" t="s">
        <v>79</v>
      </c>
      <c r="C3595" s="3">
        <v>211</v>
      </c>
      <c r="D3595" s="52" t="s">
        <v>2023</v>
      </c>
      <c r="E3595" s="52" t="s">
        <v>26</v>
      </c>
      <c r="F3595" s="52" t="s">
        <v>81</v>
      </c>
      <c r="G3595" s="52" t="s">
        <v>82</v>
      </c>
      <c r="H3595" s="4">
        <v>1</v>
      </c>
      <c r="I3595" s="2">
        <v>14.65</v>
      </c>
      <c r="J3595" s="52" t="s">
        <v>7383</v>
      </c>
      <c r="K3595" s="71" t="s">
        <v>8715</v>
      </c>
      <c r="L3595" s="52" t="s">
        <v>2063</v>
      </c>
      <c r="M3595" s="72">
        <v>2561</v>
      </c>
      <c r="N3595" s="52" t="s">
        <v>2158</v>
      </c>
      <c r="O3595" s="52" t="s">
        <v>2159</v>
      </c>
      <c r="P3595" s="52"/>
      <c r="Q3595" s="52"/>
      <c r="R3595" s="52"/>
      <c r="S3595" s="52"/>
      <c r="T3595" s="52"/>
      <c r="U3595" s="52"/>
      <c r="V3595" s="52"/>
      <c r="W3595" s="52"/>
    </row>
    <row r="3596" spans="1:23" hidden="1" x14ac:dyDescent="0.35">
      <c r="A3596" s="52" t="s">
        <v>78</v>
      </c>
      <c r="B3596" s="52" t="s">
        <v>79</v>
      </c>
      <c r="C3596" s="3">
        <v>10</v>
      </c>
      <c r="D3596" s="52" t="s">
        <v>2024</v>
      </c>
      <c r="E3596" s="52" t="s">
        <v>26</v>
      </c>
      <c r="F3596" s="52" t="s">
        <v>81</v>
      </c>
      <c r="G3596" s="52" t="s">
        <v>82</v>
      </c>
      <c r="H3596" s="4">
        <v>1</v>
      </c>
      <c r="I3596" s="2">
        <v>14.65</v>
      </c>
      <c r="J3596" s="52" t="s">
        <v>8716</v>
      </c>
      <c r="K3596" s="71" t="s">
        <v>8717</v>
      </c>
      <c r="L3596" s="52" t="s">
        <v>2063</v>
      </c>
      <c r="M3596" s="72">
        <v>3387</v>
      </c>
      <c r="N3596" s="52" t="s">
        <v>2072</v>
      </c>
      <c r="O3596" s="52" t="s">
        <v>2073</v>
      </c>
      <c r="P3596" s="52"/>
      <c r="Q3596" s="52"/>
      <c r="R3596" s="52"/>
      <c r="S3596" s="52"/>
      <c r="T3596" s="52"/>
      <c r="U3596" s="52"/>
      <c r="V3596" s="52"/>
      <c r="W3596" s="52"/>
    </row>
    <row r="3597" spans="1:23" hidden="1" x14ac:dyDescent="0.35">
      <c r="A3597" s="52" t="s">
        <v>78</v>
      </c>
      <c r="B3597" s="52" t="s">
        <v>79</v>
      </c>
      <c r="C3597" s="3">
        <v>10</v>
      </c>
      <c r="D3597" s="52" t="s">
        <v>2022</v>
      </c>
      <c r="E3597" s="52" t="s">
        <v>26</v>
      </c>
      <c r="F3597" s="52" t="s">
        <v>81</v>
      </c>
      <c r="G3597" s="52" t="s">
        <v>82</v>
      </c>
      <c r="H3597" s="4">
        <v>1</v>
      </c>
      <c r="I3597" s="2">
        <v>14.65</v>
      </c>
      <c r="J3597" s="52" t="s">
        <v>8718</v>
      </c>
      <c r="K3597" s="71" t="s">
        <v>8719</v>
      </c>
      <c r="L3597" s="52" t="s">
        <v>2063</v>
      </c>
      <c r="M3597" s="72">
        <v>2005</v>
      </c>
      <c r="N3597" s="52" t="s">
        <v>2072</v>
      </c>
      <c r="O3597" s="52" t="s">
        <v>2073</v>
      </c>
      <c r="P3597" s="52"/>
      <c r="Q3597" s="52"/>
      <c r="R3597" s="52"/>
      <c r="S3597" s="52"/>
      <c r="T3597" s="52"/>
      <c r="U3597" s="52"/>
      <c r="V3597" s="52"/>
      <c r="W3597" s="52"/>
    </row>
    <row r="3598" spans="1:23" hidden="1" x14ac:dyDescent="0.35">
      <c r="A3598" s="52" t="s">
        <v>78</v>
      </c>
      <c r="B3598" s="52" t="s">
        <v>79</v>
      </c>
      <c r="C3598" s="3">
        <v>20</v>
      </c>
      <c r="D3598" s="52" t="s">
        <v>2022</v>
      </c>
      <c r="E3598" s="52" t="s">
        <v>26</v>
      </c>
      <c r="F3598" s="52" t="s">
        <v>81</v>
      </c>
      <c r="G3598" s="52" t="s">
        <v>82</v>
      </c>
      <c r="H3598" s="4">
        <v>1</v>
      </c>
      <c r="I3598" s="2">
        <v>14.65</v>
      </c>
      <c r="J3598" s="52" t="s">
        <v>6979</v>
      </c>
      <c r="K3598" s="71" t="s">
        <v>8720</v>
      </c>
      <c r="L3598" s="52" t="s">
        <v>2063</v>
      </c>
      <c r="M3598" s="72">
        <v>3573</v>
      </c>
      <c r="N3598" s="52" t="s">
        <v>2066</v>
      </c>
      <c r="O3598" s="52" t="s">
        <v>2067</v>
      </c>
      <c r="P3598" s="52"/>
      <c r="Q3598" s="52"/>
      <c r="R3598" s="52"/>
      <c r="S3598" s="52"/>
      <c r="T3598" s="52"/>
      <c r="U3598" s="52"/>
      <c r="V3598" s="52"/>
      <c r="W3598" s="52"/>
    </row>
    <row r="3599" spans="1:23" hidden="1" x14ac:dyDescent="0.35">
      <c r="A3599" s="52" t="s">
        <v>78</v>
      </c>
      <c r="B3599" s="52" t="s">
        <v>79</v>
      </c>
      <c r="C3599" s="3">
        <v>20</v>
      </c>
      <c r="D3599" s="52" t="s">
        <v>80</v>
      </c>
      <c r="E3599" s="52" t="s">
        <v>26</v>
      </c>
      <c r="F3599" s="52" t="s">
        <v>81</v>
      </c>
      <c r="G3599" s="52" t="s">
        <v>82</v>
      </c>
      <c r="H3599" s="4">
        <v>1</v>
      </c>
      <c r="I3599" s="2">
        <v>14.65</v>
      </c>
      <c r="J3599" s="52" t="s">
        <v>8721</v>
      </c>
      <c r="K3599" s="71" t="s">
        <v>8722</v>
      </c>
      <c r="L3599" s="52" t="s">
        <v>2063</v>
      </c>
      <c r="M3599" s="72">
        <v>5921</v>
      </c>
      <c r="N3599" s="52" t="s">
        <v>2066</v>
      </c>
      <c r="O3599" s="52" t="s">
        <v>2067</v>
      </c>
      <c r="P3599" s="52"/>
      <c r="Q3599" s="52"/>
      <c r="R3599" s="52"/>
      <c r="S3599" s="52"/>
      <c r="T3599" s="52"/>
      <c r="U3599" s="52"/>
      <c r="V3599" s="52"/>
      <c r="W3599" s="52"/>
    </row>
    <row r="3600" spans="1:23" x14ac:dyDescent="0.35">
      <c r="A3600" s="52" t="s">
        <v>78</v>
      </c>
      <c r="B3600" s="52" t="s">
        <v>79</v>
      </c>
      <c r="C3600" s="3">
        <v>10</v>
      </c>
      <c r="D3600" s="52" t="s">
        <v>83</v>
      </c>
      <c r="E3600" s="52" t="s">
        <v>26</v>
      </c>
      <c r="F3600" s="52" t="s">
        <v>81</v>
      </c>
      <c r="G3600" s="52" t="s">
        <v>82</v>
      </c>
      <c r="H3600" s="4">
        <v>1</v>
      </c>
      <c r="I3600" s="2">
        <v>14.65</v>
      </c>
      <c r="J3600" s="52" t="s">
        <v>8723</v>
      </c>
      <c r="K3600" s="71" t="s">
        <v>8724</v>
      </c>
      <c r="L3600" s="52" t="s">
        <v>2063</v>
      </c>
      <c r="M3600" s="72">
        <v>4575</v>
      </c>
      <c r="N3600" s="52" t="s">
        <v>2076</v>
      </c>
      <c r="O3600" s="52" t="s">
        <v>2077</v>
      </c>
      <c r="P3600" s="52"/>
      <c r="Q3600" s="52"/>
      <c r="R3600" s="52"/>
      <c r="S3600" s="52"/>
      <c r="T3600" s="52"/>
      <c r="U3600" s="52"/>
      <c r="V3600" s="52"/>
      <c r="W3600" s="52"/>
    </row>
    <row r="3601" spans="1:23" hidden="1" x14ac:dyDescent="0.35">
      <c r="A3601" s="52" t="s">
        <v>78</v>
      </c>
      <c r="B3601" s="52" t="s">
        <v>79</v>
      </c>
      <c r="C3601" s="3">
        <v>20</v>
      </c>
      <c r="D3601" s="52" t="s">
        <v>85</v>
      </c>
      <c r="E3601" s="52" t="s">
        <v>26</v>
      </c>
      <c r="F3601" s="52" t="s">
        <v>81</v>
      </c>
      <c r="G3601" s="52" t="s">
        <v>82</v>
      </c>
      <c r="H3601" s="4">
        <v>1</v>
      </c>
      <c r="I3601" s="2">
        <v>14.65</v>
      </c>
      <c r="J3601" s="52" t="s">
        <v>8725</v>
      </c>
      <c r="K3601" s="71" t="s">
        <v>8726</v>
      </c>
      <c r="L3601" s="52" t="s">
        <v>2063</v>
      </c>
      <c r="M3601" s="72">
        <v>9968</v>
      </c>
      <c r="N3601" s="52" t="s">
        <v>2304</v>
      </c>
      <c r="O3601" s="52" t="s">
        <v>2305</v>
      </c>
      <c r="P3601" s="52"/>
      <c r="Q3601" s="52"/>
      <c r="R3601" s="52"/>
      <c r="S3601" s="52"/>
      <c r="T3601" s="52"/>
      <c r="U3601" s="52"/>
      <c r="V3601" s="52"/>
      <c r="W3601" s="52"/>
    </row>
    <row r="3602" spans="1:23" hidden="1" x14ac:dyDescent="0.35">
      <c r="A3602" s="52" t="s">
        <v>78</v>
      </c>
      <c r="B3602" s="52" t="s">
        <v>79</v>
      </c>
      <c r="C3602" s="3">
        <v>20</v>
      </c>
      <c r="D3602" s="52" t="s">
        <v>2019</v>
      </c>
      <c r="E3602" s="52" t="s">
        <v>26</v>
      </c>
      <c r="F3602" s="52" t="s">
        <v>81</v>
      </c>
      <c r="G3602" s="52" t="s">
        <v>82</v>
      </c>
      <c r="H3602" s="4">
        <v>1</v>
      </c>
      <c r="I3602" s="2">
        <v>14.65</v>
      </c>
      <c r="J3602" s="52" t="s">
        <v>8727</v>
      </c>
      <c r="K3602" s="71" t="s">
        <v>8728</v>
      </c>
      <c r="L3602" s="52" t="s">
        <v>2063</v>
      </c>
      <c r="M3602" s="72">
        <v>2290</v>
      </c>
      <c r="N3602" s="52" t="s">
        <v>2072</v>
      </c>
      <c r="O3602" s="52" t="s">
        <v>2073</v>
      </c>
      <c r="P3602" s="52"/>
      <c r="Q3602" s="52"/>
      <c r="R3602" s="52"/>
      <c r="S3602" s="52"/>
      <c r="T3602" s="52"/>
      <c r="U3602" s="52"/>
      <c r="V3602" s="52"/>
      <c r="W3602" s="52"/>
    </row>
    <row r="3603" spans="1:23" hidden="1" x14ac:dyDescent="0.35">
      <c r="A3603" s="52" t="s">
        <v>78</v>
      </c>
      <c r="B3603" s="52" t="s">
        <v>79</v>
      </c>
      <c r="C3603" s="3">
        <v>10</v>
      </c>
      <c r="D3603" s="52" t="s">
        <v>2024</v>
      </c>
      <c r="E3603" s="52" t="s">
        <v>26</v>
      </c>
      <c r="F3603" s="52" t="s">
        <v>81</v>
      </c>
      <c r="G3603" s="52" t="s">
        <v>82</v>
      </c>
      <c r="H3603" s="4">
        <v>1</v>
      </c>
      <c r="I3603" s="2">
        <v>14.65</v>
      </c>
      <c r="J3603" s="52" t="s">
        <v>8729</v>
      </c>
      <c r="K3603" s="71" t="s">
        <v>8730</v>
      </c>
      <c r="L3603" s="52" t="s">
        <v>2063</v>
      </c>
      <c r="M3603" s="72">
        <v>3040</v>
      </c>
      <c r="N3603" s="52" t="s">
        <v>2072</v>
      </c>
      <c r="O3603" s="52" t="s">
        <v>2073</v>
      </c>
      <c r="P3603" s="52"/>
      <c r="Q3603" s="52"/>
      <c r="R3603" s="52"/>
      <c r="S3603" s="52"/>
      <c r="T3603" s="52"/>
      <c r="U3603" s="52"/>
      <c r="V3603" s="52"/>
      <c r="W3603" s="52"/>
    </row>
    <row r="3604" spans="1:23" x14ac:dyDescent="0.35">
      <c r="A3604" s="52" t="s">
        <v>78</v>
      </c>
      <c r="B3604" s="52" t="s">
        <v>79</v>
      </c>
      <c r="C3604" s="3">
        <v>211</v>
      </c>
      <c r="D3604" s="52" t="s">
        <v>2024</v>
      </c>
      <c r="E3604" s="52" t="s">
        <v>26</v>
      </c>
      <c r="F3604" s="52" t="s">
        <v>81</v>
      </c>
      <c r="G3604" s="52" t="s">
        <v>82</v>
      </c>
      <c r="H3604" s="4">
        <v>1</v>
      </c>
      <c r="I3604" s="2">
        <v>14.65</v>
      </c>
      <c r="J3604" s="52" t="s">
        <v>8731</v>
      </c>
      <c r="K3604" s="71" t="s">
        <v>8732</v>
      </c>
      <c r="L3604" s="52" t="s">
        <v>2063</v>
      </c>
      <c r="M3604" s="72">
        <v>8802</v>
      </c>
      <c r="N3604" s="52" t="s">
        <v>2259</v>
      </c>
      <c r="O3604" s="52" t="s">
        <v>2260</v>
      </c>
      <c r="P3604" s="52"/>
      <c r="Q3604" s="52"/>
      <c r="R3604" s="52"/>
      <c r="S3604" s="52"/>
      <c r="T3604" s="52"/>
      <c r="U3604" s="52"/>
      <c r="V3604" s="52"/>
      <c r="W3604" s="52"/>
    </row>
    <row r="3605" spans="1:23" hidden="1" x14ac:dyDescent="0.35">
      <c r="A3605" s="52" t="s">
        <v>78</v>
      </c>
      <c r="B3605" s="52" t="s">
        <v>79</v>
      </c>
      <c r="C3605" s="3">
        <v>10</v>
      </c>
      <c r="D3605" s="52" t="s">
        <v>2021</v>
      </c>
      <c r="E3605" s="52" t="s">
        <v>26</v>
      </c>
      <c r="F3605" s="52" t="s">
        <v>81</v>
      </c>
      <c r="G3605" s="52" t="s">
        <v>82</v>
      </c>
      <c r="H3605" s="4">
        <v>1</v>
      </c>
      <c r="I3605" s="2">
        <v>14.65</v>
      </c>
      <c r="J3605" s="52" t="s">
        <v>7338</v>
      </c>
      <c r="K3605" s="71" t="s">
        <v>8733</v>
      </c>
      <c r="L3605" s="52" t="s">
        <v>2063</v>
      </c>
      <c r="M3605" s="72">
        <v>718</v>
      </c>
      <c r="N3605" s="52"/>
      <c r="O3605" s="52"/>
      <c r="P3605" s="52"/>
      <c r="Q3605" s="52"/>
      <c r="R3605" s="52"/>
      <c r="S3605" s="52"/>
      <c r="T3605" s="52"/>
      <c r="U3605" s="52"/>
      <c r="V3605" s="52"/>
      <c r="W3605" s="52"/>
    </row>
    <row r="3606" spans="1:23" hidden="1" x14ac:dyDescent="0.35">
      <c r="A3606" s="52" t="s">
        <v>78</v>
      </c>
      <c r="B3606" s="52" t="s">
        <v>79</v>
      </c>
      <c r="C3606" s="3">
        <v>20</v>
      </c>
      <c r="D3606" s="52" t="s">
        <v>85</v>
      </c>
      <c r="E3606" s="52" t="s">
        <v>26</v>
      </c>
      <c r="F3606" s="52" t="s">
        <v>81</v>
      </c>
      <c r="G3606" s="52" t="s">
        <v>82</v>
      </c>
      <c r="H3606" s="4">
        <v>1</v>
      </c>
      <c r="I3606" s="2">
        <v>14.65</v>
      </c>
      <c r="J3606" s="52" t="s">
        <v>8734</v>
      </c>
      <c r="K3606" s="71" t="s">
        <v>8735</v>
      </c>
      <c r="L3606" s="52" t="s">
        <v>2063</v>
      </c>
      <c r="M3606" s="72">
        <v>2070</v>
      </c>
      <c r="N3606" s="52" t="s">
        <v>2072</v>
      </c>
      <c r="O3606" s="52" t="s">
        <v>2073</v>
      </c>
      <c r="P3606" s="52"/>
      <c r="Q3606" s="52"/>
      <c r="R3606" s="52"/>
      <c r="S3606" s="52"/>
      <c r="T3606" s="52"/>
      <c r="U3606" s="52"/>
      <c r="V3606" s="52"/>
      <c r="W3606" s="52"/>
    </row>
    <row r="3607" spans="1:23" hidden="1" x14ac:dyDescent="0.35">
      <c r="A3607" s="52" t="s">
        <v>78</v>
      </c>
      <c r="B3607" s="52" t="s">
        <v>79</v>
      </c>
      <c r="C3607" s="3">
        <v>20</v>
      </c>
      <c r="D3607" s="52" t="s">
        <v>2021</v>
      </c>
      <c r="E3607" s="52" t="s">
        <v>26</v>
      </c>
      <c r="F3607" s="52" t="s">
        <v>81</v>
      </c>
      <c r="G3607" s="52" t="s">
        <v>82</v>
      </c>
      <c r="H3607" s="4">
        <v>1</v>
      </c>
      <c r="I3607" s="2">
        <v>14.65</v>
      </c>
      <c r="J3607" s="52" t="s">
        <v>8736</v>
      </c>
      <c r="K3607" s="71" t="s">
        <v>8737</v>
      </c>
      <c r="L3607" s="52" t="s">
        <v>2063</v>
      </c>
      <c r="M3607" s="72">
        <v>7873</v>
      </c>
      <c r="N3607" s="52" t="s">
        <v>2072</v>
      </c>
      <c r="O3607" s="52" t="s">
        <v>2073</v>
      </c>
      <c r="P3607" s="52"/>
      <c r="Q3607" s="52"/>
      <c r="R3607" s="52"/>
      <c r="S3607" s="52"/>
      <c r="T3607" s="52"/>
      <c r="U3607" s="52"/>
      <c r="V3607" s="52"/>
      <c r="W3607" s="52"/>
    </row>
    <row r="3608" spans="1:23" x14ac:dyDescent="0.35">
      <c r="A3608" s="52" t="s">
        <v>78</v>
      </c>
      <c r="B3608" s="52" t="s">
        <v>79</v>
      </c>
      <c r="C3608" s="3">
        <v>20</v>
      </c>
      <c r="D3608" s="52" t="s">
        <v>2022</v>
      </c>
      <c r="E3608" s="52" t="s">
        <v>26</v>
      </c>
      <c r="F3608" s="52" t="s">
        <v>81</v>
      </c>
      <c r="G3608" s="52" t="s">
        <v>82</v>
      </c>
      <c r="H3608" s="4">
        <v>1</v>
      </c>
      <c r="I3608" s="2">
        <v>14.65</v>
      </c>
      <c r="J3608" s="52" t="s">
        <v>8738</v>
      </c>
      <c r="K3608" s="71" t="s">
        <v>8739</v>
      </c>
      <c r="L3608" s="52" t="s">
        <v>2063</v>
      </c>
      <c r="M3608" s="72">
        <v>83</v>
      </c>
      <c r="N3608" s="52" t="s">
        <v>2259</v>
      </c>
      <c r="O3608" s="52" t="s">
        <v>2260</v>
      </c>
      <c r="P3608" s="52"/>
      <c r="Q3608" s="52"/>
      <c r="R3608" s="52"/>
      <c r="S3608" s="52"/>
      <c r="T3608" s="52"/>
      <c r="U3608" s="52"/>
      <c r="V3608" s="52"/>
      <c r="W3608" s="52"/>
    </row>
    <row r="3609" spans="1:23" hidden="1" x14ac:dyDescent="0.35">
      <c r="A3609" s="52" t="s">
        <v>78</v>
      </c>
      <c r="B3609" s="52" t="s">
        <v>79</v>
      </c>
      <c r="C3609" s="3">
        <v>10</v>
      </c>
      <c r="D3609" s="52" t="s">
        <v>87</v>
      </c>
      <c r="E3609" s="52" t="s">
        <v>26</v>
      </c>
      <c r="F3609" s="52" t="s">
        <v>81</v>
      </c>
      <c r="G3609" s="52" t="s">
        <v>82</v>
      </c>
      <c r="H3609" s="4">
        <v>1</v>
      </c>
      <c r="I3609" s="2">
        <v>14.65</v>
      </c>
      <c r="J3609" s="52" t="s">
        <v>8740</v>
      </c>
      <c r="K3609" s="71" t="s">
        <v>8741</v>
      </c>
      <c r="L3609" s="52" t="s">
        <v>2063</v>
      </c>
      <c r="M3609" s="72">
        <v>9942</v>
      </c>
      <c r="N3609" s="52" t="s">
        <v>2066</v>
      </c>
      <c r="O3609" s="52" t="s">
        <v>2067</v>
      </c>
      <c r="P3609" s="52"/>
      <c r="Q3609" s="52"/>
      <c r="R3609" s="52"/>
      <c r="S3609" s="52"/>
      <c r="T3609" s="52"/>
      <c r="U3609" s="52"/>
      <c r="V3609" s="52"/>
      <c r="W3609" s="52"/>
    </row>
    <row r="3610" spans="1:23" hidden="1" x14ac:dyDescent="0.35">
      <c r="A3610" s="52" t="s">
        <v>78</v>
      </c>
      <c r="B3610" s="52" t="s">
        <v>79</v>
      </c>
      <c r="C3610" s="3">
        <v>10</v>
      </c>
      <c r="D3610" s="52" t="s">
        <v>2019</v>
      </c>
      <c r="E3610" s="52" t="s">
        <v>26</v>
      </c>
      <c r="F3610" s="52" t="s">
        <v>81</v>
      </c>
      <c r="G3610" s="52" t="s">
        <v>82</v>
      </c>
      <c r="H3610" s="4">
        <v>1</v>
      </c>
      <c r="I3610" s="2">
        <v>14.65</v>
      </c>
      <c r="J3610" s="52" t="s">
        <v>8742</v>
      </c>
      <c r="K3610" s="71" t="s">
        <v>8743</v>
      </c>
      <c r="L3610" s="52" t="s">
        <v>2063</v>
      </c>
      <c r="M3610" s="72">
        <v>860</v>
      </c>
      <c r="N3610" s="52"/>
      <c r="O3610" s="52"/>
      <c r="P3610" s="52"/>
      <c r="Q3610" s="52"/>
      <c r="R3610" s="52"/>
      <c r="S3610" s="52"/>
      <c r="T3610" s="52"/>
      <c r="U3610" s="52"/>
      <c r="V3610" s="52"/>
      <c r="W3610" s="52"/>
    </row>
    <row r="3611" spans="1:23" hidden="1" x14ac:dyDescent="0.35">
      <c r="A3611" s="52" t="s">
        <v>78</v>
      </c>
      <c r="B3611" s="52" t="s">
        <v>79</v>
      </c>
      <c r="C3611" s="3">
        <v>20</v>
      </c>
      <c r="D3611" s="52" t="s">
        <v>2024</v>
      </c>
      <c r="E3611" s="52" t="s">
        <v>26</v>
      </c>
      <c r="F3611" s="52" t="s">
        <v>81</v>
      </c>
      <c r="G3611" s="52" t="s">
        <v>82</v>
      </c>
      <c r="H3611" s="4">
        <v>1</v>
      </c>
      <c r="I3611" s="2">
        <v>14.65</v>
      </c>
      <c r="J3611" s="52" t="s">
        <v>8744</v>
      </c>
      <c r="K3611" s="71" t="s">
        <v>8745</v>
      </c>
      <c r="L3611" s="52" t="s">
        <v>2063</v>
      </c>
      <c r="M3611" s="72">
        <v>5350</v>
      </c>
      <c r="N3611" s="52" t="s">
        <v>2072</v>
      </c>
      <c r="O3611" s="52" t="s">
        <v>2073</v>
      </c>
      <c r="P3611" s="52"/>
      <c r="Q3611" s="52"/>
      <c r="R3611" s="52"/>
      <c r="S3611" s="52"/>
      <c r="T3611" s="52"/>
      <c r="U3611" s="52"/>
      <c r="V3611" s="52"/>
      <c r="W3611" s="52"/>
    </row>
    <row r="3612" spans="1:23" hidden="1" x14ac:dyDescent="0.35">
      <c r="A3612" s="52" t="s">
        <v>78</v>
      </c>
      <c r="B3612" s="52" t="s">
        <v>79</v>
      </c>
      <c r="C3612" s="3">
        <v>20</v>
      </c>
      <c r="D3612" s="52" t="s">
        <v>2019</v>
      </c>
      <c r="E3612" s="52" t="s">
        <v>26</v>
      </c>
      <c r="F3612" s="52" t="s">
        <v>81</v>
      </c>
      <c r="G3612" s="52" t="s">
        <v>82</v>
      </c>
      <c r="H3612" s="4">
        <v>1</v>
      </c>
      <c r="I3612" s="2">
        <v>14.65</v>
      </c>
      <c r="J3612" s="52" t="s">
        <v>8746</v>
      </c>
      <c r="K3612" s="71" t="s">
        <v>8747</v>
      </c>
      <c r="L3612" s="52" t="s">
        <v>2063</v>
      </c>
      <c r="M3612" s="72">
        <v>5956</v>
      </c>
      <c r="N3612" s="52" t="s">
        <v>2072</v>
      </c>
      <c r="O3612" s="52" t="s">
        <v>2073</v>
      </c>
      <c r="P3612" s="52"/>
      <c r="Q3612" s="52"/>
      <c r="R3612" s="52"/>
      <c r="S3612" s="52"/>
      <c r="T3612" s="52"/>
      <c r="U3612" s="52"/>
      <c r="V3612" s="52"/>
      <c r="W3612" s="52"/>
    </row>
    <row r="3613" spans="1:23" hidden="1" x14ac:dyDescent="0.35">
      <c r="A3613" s="52" t="s">
        <v>78</v>
      </c>
      <c r="B3613" s="52" t="s">
        <v>79</v>
      </c>
      <c r="C3613" s="3">
        <v>20</v>
      </c>
      <c r="D3613" s="52" t="s">
        <v>2022</v>
      </c>
      <c r="E3613" s="52" t="s">
        <v>26</v>
      </c>
      <c r="F3613" s="52" t="s">
        <v>81</v>
      </c>
      <c r="G3613" s="52" t="s">
        <v>82</v>
      </c>
      <c r="H3613" s="4">
        <v>1</v>
      </c>
      <c r="I3613" s="2">
        <v>14.65</v>
      </c>
      <c r="J3613" s="52" t="s">
        <v>8748</v>
      </c>
      <c r="K3613" s="71" t="s">
        <v>8749</v>
      </c>
      <c r="L3613" s="52" t="s">
        <v>2063</v>
      </c>
      <c r="M3613" s="72">
        <v>1456</v>
      </c>
      <c r="N3613" s="52" t="s">
        <v>2072</v>
      </c>
      <c r="O3613" s="52" t="s">
        <v>2073</v>
      </c>
      <c r="P3613" s="52"/>
      <c r="Q3613" s="52"/>
      <c r="R3613" s="52"/>
      <c r="S3613" s="52"/>
      <c r="T3613" s="52"/>
      <c r="U3613" s="52"/>
      <c r="V3613" s="52"/>
      <c r="W3613" s="52"/>
    </row>
    <row r="3614" spans="1:23" hidden="1" x14ac:dyDescent="0.35">
      <c r="A3614" s="52" t="s">
        <v>78</v>
      </c>
      <c r="B3614" s="52" t="s">
        <v>79</v>
      </c>
      <c r="C3614" s="3">
        <v>211</v>
      </c>
      <c r="D3614" s="52" t="s">
        <v>86</v>
      </c>
      <c r="E3614" s="52" t="s">
        <v>26</v>
      </c>
      <c r="F3614" s="52" t="s">
        <v>81</v>
      </c>
      <c r="G3614" s="52" t="s">
        <v>82</v>
      </c>
      <c r="H3614" s="4">
        <v>1</v>
      </c>
      <c r="I3614" s="2">
        <v>14.65</v>
      </c>
      <c r="J3614" s="52" t="s">
        <v>8750</v>
      </c>
      <c r="K3614" s="71" t="s">
        <v>8751</v>
      </c>
      <c r="L3614" s="52" t="s">
        <v>2063</v>
      </c>
      <c r="M3614" s="72">
        <v>9828</v>
      </c>
      <c r="N3614" s="52" t="s">
        <v>2072</v>
      </c>
      <c r="O3614" s="52" t="s">
        <v>2073</v>
      </c>
      <c r="P3614" s="52"/>
      <c r="Q3614" s="52"/>
      <c r="R3614" s="52"/>
      <c r="S3614" s="52"/>
      <c r="T3614" s="52"/>
      <c r="U3614" s="52"/>
      <c r="V3614" s="52"/>
      <c r="W3614" s="52"/>
    </row>
    <row r="3615" spans="1:23" hidden="1" x14ac:dyDescent="0.35">
      <c r="A3615" s="52" t="s">
        <v>78</v>
      </c>
      <c r="B3615" s="52" t="s">
        <v>79</v>
      </c>
      <c r="C3615" s="3">
        <v>20</v>
      </c>
      <c r="D3615" s="52" t="s">
        <v>80</v>
      </c>
      <c r="E3615" s="52" t="s">
        <v>26</v>
      </c>
      <c r="F3615" s="52" t="s">
        <v>81</v>
      </c>
      <c r="G3615" s="52" t="s">
        <v>82</v>
      </c>
      <c r="H3615" s="4">
        <v>1</v>
      </c>
      <c r="I3615" s="2">
        <v>14.65</v>
      </c>
      <c r="J3615" s="52" t="s">
        <v>8752</v>
      </c>
      <c r="K3615" s="71" t="s">
        <v>8753</v>
      </c>
      <c r="L3615" s="52" t="s">
        <v>2063</v>
      </c>
      <c r="M3615" s="72">
        <v>8023</v>
      </c>
      <c r="N3615" s="52"/>
      <c r="O3615" s="52"/>
      <c r="P3615" s="52"/>
      <c r="Q3615" s="52"/>
      <c r="R3615" s="52"/>
      <c r="S3615" s="52"/>
      <c r="T3615" s="52"/>
      <c r="U3615" s="52"/>
      <c r="V3615" s="52"/>
      <c r="W3615" s="52"/>
    </row>
    <row r="3616" spans="1:23" hidden="1" x14ac:dyDescent="0.35">
      <c r="A3616" s="52" t="s">
        <v>78</v>
      </c>
      <c r="B3616" s="52" t="s">
        <v>79</v>
      </c>
      <c r="C3616" s="3">
        <v>20</v>
      </c>
      <c r="D3616" s="52" t="s">
        <v>80</v>
      </c>
      <c r="E3616" s="52" t="s">
        <v>26</v>
      </c>
      <c r="F3616" s="52" t="s">
        <v>81</v>
      </c>
      <c r="G3616" s="52" t="s">
        <v>82</v>
      </c>
      <c r="H3616" s="4">
        <v>1</v>
      </c>
      <c r="I3616" s="2">
        <v>14.65</v>
      </c>
      <c r="J3616" s="52" t="s">
        <v>8754</v>
      </c>
      <c r="K3616" s="71" t="s">
        <v>8755</v>
      </c>
      <c r="L3616" s="52" t="s">
        <v>2063</v>
      </c>
      <c r="M3616" s="72">
        <v>9535</v>
      </c>
      <c r="N3616" s="52" t="s">
        <v>2072</v>
      </c>
      <c r="O3616" s="52" t="s">
        <v>2073</v>
      </c>
      <c r="P3616" s="52"/>
      <c r="Q3616" s="52"/>
      <c r="R3616" s="52"/>
      <c r="S3616" s="52"/>
      <c r="T3616" s="52"/>
      <c r="U3616" s="52"/>
      <c r="V3616" s="52"/>
      <c r="W3616" s="52"/>
    </row>
    <row r="3617" spans="1:23" hidden="1" x14ac:dyDescent="0.35">
      <c r="A3617" s="52" t="s">
        <v>78</v>
      </c>
      <c r="B3617" s="52" t="s">
        <v>79</v>
      </c>
      <c r="C3617" s="3">
        <v>20</v>
      </c>
      <c r="D3617" s="52" t="s">
        <v>2019</v>
      </c>
      <c r="E3617" s="52" t="s">
        <v>26</v>
      </c>
      <c r="F3617" s="52" t="s">
        <v>81</v>
      </c>
      <c r="G3617" s="52" t="s">
        <v>82</v>
      </c>
      <c r="H3617" s="4">
        <v>1</v>
      </c>
      <c r="I3617" s="2">
        <v>14.65</v>
      </c>
      <c r="J3617" s="52" t="s">
        <v>7001</v>
      </c>
      <c r="K3617" s="71" t="s">
        <v>8756</v>
      </c>
      <c r="L3617" s="52" t="s">
        <v>2063</v>
      </c>
      <c r="M3617" s="72">
        <v>633</v>
      </c>
      <c r="N3617" s="52"/>
      <c r="O3617" s="52"/>
      <c r="P3617" s="52"/>
      <c r="Q3617" s="52"/>
      <c r="R3617" s="52"/>
      <c r="S3617" s="52"/>
      <c r="T3617" s="52"/>
      <c r="U3617" s="52"/>
      <c r="V3617" s="52"/>
      <c r="W3617" s="52"/>
    </row>
    <row r="3618" spans="1:23" hidden="1" x14ac:dyDescent="0.35">
      <c r="A3618" s="52" t="s">
        <v>78</v>
      </c>
      <c r="B3618" s="52" t="s">
        <v>79</v>
      </c>
      <c r="C3618" s="3">
        <v>20</v>
      </c>
      <c r="D3618" s="52" t="s">
        <v>2023</v>
      </c>
      <c r="E3618" s="52" t="s">
        <v>26</v>
      </c>
      <c r="F3618" s="52" t="s">
        <v>81</v>
      </c>
      <c r="G3618" s="52" t="s">
        <v>82</v>
      </c>
      <c r="H3618" s="4">
        <v>1</v>
      </c>
      <c r="I3618" s="2">
        <v>14.65</v>
      </c>
      <c r="J3618" s="52" t="s">
        <v>8083</v>
      </c>
      <c r="K3618" s="71" t="s">
        <v>8757</v>
      </c>
      <c r="L3618" s="52" t="s">
        <v>2063</v>
      </c>
      <c r="M3618" s="72">
        <v>7602</v>
      </c>
      <c r="N3618" s="52" t="s">
        <v>2066</v>
      </c>
      <c r="O3618" s="52" t="s">
        <v>2067</v>
      </c>
      <c r="P3618" s="52"/>
      <c r="Q3618" s="52"/>
      <c r="R3618" s="52"/>
      <c r="S3618" s="52"/>
      <c r="T3618" s="52"/>
      <c r="U3618" s="52"/>
      <c r="V3618" s="52"/>
      <c r="W3618" s="52"/>
    </row>
    <row r="3619" spans="1:23" hidden="1" x14ac:dyDescent="0.35">
      <c r="A3619" s="52" t="s">
        <v>78</v>
      </c>
      <c r="B3619" s="52" t="s">
        <v>79</v>
      </c>
      <c r="C3619" s="3">
        <v>20</v>
      </c>
      <c r="D3619" s="52" t="s">
        <v>84</v>
      </c>
      <c r="E3619" s="52" t="s">
        <v>26</v>
      </c>
      <c r="F3619" s="52" t="s">
        <v>81</v>
      </c>
      <c r="G3619" s="52" t="s">
        <v>82</v>
      </c>
      <c r="H3619" s="4">
        <v>1</v>
      </c>
      <c r="I3619" s="2">
        <v>14.65</v>
      </c>
      <c r="J3619" s="52" t="s">
        <v>8758</v>
      </c>
      <c r="K3619" s="71" t="s">
        <v>8759</v>
      </c>
      <c r="L3619" s="52" t="s">
        <v>2063</v>
      </c>
      <c r="M3619" s="72">
        <v>2213</v>
      </c>
      <c r="N3619" s="52" t="s">
        <v>2066</v>
      </c>
      <c r="O3619" s="52" t="s">
        <v>2067</v>
      </c>
      <c r="P3619" s="52"/>
      <c r="Q3619" s="52"/>
      <c r="R3619" s="52"/>
      <c r="S3619" s="52"/>
      <c r="T3619" s="52"/>
      <c r="U3619" s="52"/>
      <c r="V3619" s="52"/>
      <c r="W3619" s="52"/>
    </row>
    <row r="3620" spans="1:23" hidden="1" x14ac:dyDescent="0.35">
      <c r="A3620" s="52" t="s">
        <v>78</v>
      </c>
      <c r="B3620" s="52" t="s">
        <v>79</v>
      </c>
      <c r="C3620" s="3">
        <v>20</v>
      </c>
      <c r="D3620" s="52" t="s">
        <v>2022</v>
      </c>
      <c r="E3620" s="52" t="s">
        <v>26</v>
      </c>
      <c r="F3620" s="52" t="s">
        <v>81</v>
      </c>
      <c r="G3620" s="52" t="s">
        <v>82</v>
      </c>
      <c r="H3620" s="4">
        <v>1</v>
      </c>
      <c r="I3620" s="2">
        <v>14.65</v>
      </c>
      <c r="J3620" s="52" t="s">
        <v>8760</v>
      </c>
      <c r="K3620" s="71" t="s">
        <v>8761</v>
      </c>
      <c r="L3620" s="52" t="s">
        <v>2063</v>
      </c>
      <c r="M3620" s="72">
        <v>4407</v>
      </c>
      <c r="N3620" s="52"/>
      <c r="O3620" s="52"/>
      <c r="P3620" s="52"/>
      <c r="Q3620" s="52"/>
      <c r="R3620" s="52"/>
      <c r="S3620" s="52"/>
      <c r="T3620" s="52"/>
      <c r="U3620" s="52"/>
      <c r="V3620" s="52"/>
      <c r="W3620" s="52"/>
    </row>
    <row r="3621" spans="1:23" hidden="1" x14ac:dyDescent="0.35">
      <c r="A3621" s="52" t="s">
        <v>78</v>
      </c>
      <c r="B3621" s="52" t="s">
        <v>79</v>
      </c>
      <c r="C3621" s="3">
        <v>10</v>
      </c>
      <c r="D3621" s="52" t="s">
        <v>83</v>
      </c>
      <c r="E3621" s="52" t="s">
        <v>26</v>
      </c>
      <c r="F3621" s="52" t="s">
        <v>81</v>
      </c>
      <c r="G3621" s="52" t="s">
        <v>82</v>
      </c>
      <c r="H3621" s="4">
        <v>1</v>
      </c>
      <c r="I3621" s="2">
        <v>14.65</v>
      </c>
      <c r="J3621" s="52" t="s">
        <v>8762</v>
      </c>
      <c r="K3621" s="71" t="s">
        <v>8763</v>
      </c>
      <c r="L3621" s="52" t="s">
        <v>2063</v>
      </c>
      <c r="M3621" s="72">
        <v>4508</v>
      </c>
      <c r="N3621" s="52" t="s">
        <v>2072</v>
      </c>
      <c r="O3621" s="52" t="s">
        <v>2073</v>
      </c>
      <c r="P3621" s="52"/>
      <c r="Q3621" s="52"/>
      <c r="R3621" s="52"/>
      <c r="S3621" s="52"/>
      <c r="T3621" s="52"/>
      <c r="U3621" s="52"/>
      <c r="V3621" s="52"/>
      <c r="W3621" s="52"/>
    </row>
    <row r="3622" spans="1:23" hidden="1" x14ac:dyDescent="0.35">
      <c r="A3622" s="52" t="s">
        <v>78</v>
      </c>
      <c r="B3622" s="52" t="s">
        <v>79</v>
      </c>
      <c r="C3622" s="3">
        <v>20</v>
      </c>
      <c r="D3622" s="52" t="s">
        <v>2022</v>
      </c>
      <c r="E3622" s="52" t="s">
        <v>26</v>
      </c>
      <c r="F3622" s="52" t="s">
        <v>81</v>
      </c>
      <c r="G3622" s="52" t="s">
        <v>82</v>
      </c>
      <c r="H3622" s="4">
        <v>1</v>
      </c>
      <c r="I3622" s="2">
        <v>14.65</v>
      </c>
      <c r="J3622" s="52" t="s">
        <v>8764</v>
      </c>
      <c r="K3622" s="71" t="s">
        <v>8765</v>
      </c>
      <c r="L3622" s="52" t="s">
        <v>2063</v>
      </c>
      <c r="M3622" s="72">
        <v>315</v>
      </c>
      <c r="N3622" s="52" t="s">
        <v>2304</v>
      </c>
      <c r="O3622" s="52" t="s">
        <v>2305</v>
      </c>
      <c r="P3622" s="52"/>
      <c r="Q3622" s="52"/>
      <c r="R3622" s="52"/>
      <c r="S3622" s="52"/>
      <c r="T3622" s="52"/>
      <c r="U3622" s="52"/>
      <c r="V3622" s="52"/>
      <c r="W3622" s="52"/>
    </row>
    <row r="3623" spans="1:23" hidden="1" x14ac:dyDescent="0.35">
      <c r="A3623" s="52" t="s">
        <v>78</v>
      </c>
      <c r="B3623" s="52" t="s">
        <v>79</v>
      </c>
      <c r="C3623" s="3">
        <v>20</v>
      </c>
      <c r="D3623" s="52" t="s">
        <v>80</v>
      </c>
      <c r="E3623" s="52" t="s">
        <v>26</v>
      </c>
      <c r="F3623" s="52" t="s">
        <v>81</v>
      </c>
      <c r="G3623" s="52" t="s">
        <v>82</v>
      </c>
      <c r="H3623" s="4">
        <v>1</v>
      </c>
      <c r="I3623" s="2">
        <v>14.65</v>
      </c>
      <c r="J3623" s="52" t="s">
        <v>8766</v>
      </c>
      <c r="K3623" s="71" t="s">
        <v>8767</v>
      </c>
      <c r="L3623" s="52" t="s">
        <v>2063</v>
      </c>
      <c r="M3623" s="72">
        <v>3035</v>
      </c>
      <c r="N3623" s="52"/>
      <c r="O3623" s="52"/>
      <c r="P3623" s="52"/>
      <c r="Q3623" s="52"/>
      <c r="R3623" s="52"/>
      <c r="S3623" s="52"/>
      <c r="T3623" s="52"/>
      <c r="U3623" s="52"/>
      <c r="V3623" s="52"/>
      <c r="W3623" s="52"/>
    </row>
    <row r="3624" spans="1:23" x14ac:dyDescent="0.35">
      <c r="A3624" s="52" t="s">
        <v>78</v>
      </c>
      <c r="B3624" s="52" t="s">
        <v>79</v>
      </c>
      <c r="C3624" s="3">
        <v>20</v>
      </c>
      <c r="D3624" s="52" t="s">
        <v>84</v>
      </c>
      <c r="E3624" s="52" t="s">
        <v>26</v>
      </c>
      <c r="F3624" s="52" t="s">
        <v>81</v>
      </c>
      <c r="G3624" s="52" t="s">
        <v>82</v>
      </c>
      <c r="H3624" s="4">
        <v>1</v>
      </c>
      <c r="I3624" s="2">
        <v>14.65</v>
      </c>
      <c r="J3624" s="52" t="s">
        <v>7650</v>
      </c>
      <c r="K3624" s="71" t="s">
        <v>8768</v>
      </c>
      <c r="L3624" s="52" t="s">
        <v>2063</v>
      </c>
      <c r="M3624" s="72">
        <v>4631</v>
      </c>
      <c r="N3624" s="52" t="s">
        <v>2259</v>
      </c>
      <c r="O3624" s="52" t="s">
        <v>2260</v>
      </c>
      <c r="P3624" s="52"/>
      <c r="Q3624" s="52"/>
      <c r="R3624" s="52"/>
      <c r="S3624" s="52"/>
      <c r="T3624" s="52"/>
      <c r="U3624" s="52"/>
      <c r="V3624" s="52"/>
      <c r="W3624" s="52"/>
    </row>
    <row r="3625" spans="1:23" x14ac:dyDescent="0.35">
      <c r="A3625" s="52" t="s">
        <v>78</v>
      </c>
      <c r="B3625" s="52" t="s">
        <v>79</v>
      </c>
      <c r="C3625" s="3">
        <v>10</v>
      </c>
      <c r="D3625" s="52" t="s">
        <v>84</v>
      </c>
      <c r="E3625" s="52" t="s">
        <v>26</v>
      </c>
      <c r="F3625" s="52" t="s">
        <v>81</v>
      </c>
      <c r="G3625" s="52" t="s">
        <v>82</v>
      </c>
      <c r="H3625" s="4">
        <v>1</v>
      </c>
      <c r="I3625" s="2">
        <v>14.65</v>
      </c>
      <c r="J3625" s="52" t="s">
        <v>8769</v>
      </c>
      <c r="K3625" s="71" t="s">
        <v>8770</v>
      </c>
      <c r="L3625" s="52" t="s">
        <v>2063</v>
      </c>
      <c r="M3625" s="72">
        <v>4452</v>
      </c>
      <c r="N3625" s="52" t="s">
        <v>2076</v>
      </c>
      <c r="O3625" s="52" t="s">
        <v>2077</v>
      </c>
      <c r="P3625" s="52"/>
      <c r="Q3625" s="52"/>
      <c r="R3625" s="52"/>
      <c r="S3625" s="52"/>
      <c r="T3625" s="52"/>
      <c r="U3625" s="52"/>
      <c r="V3625" s="52"/>
      <c r="W3625" s="52"/>
    </row>
    <row r="3626" spans="1:23" hidden="1" x14ac:dyDescent="0.35">
      <c r="A3626" s="52" t="s">
        <v>78</v>
      </c>
      <c r="B3626" s="52" t="s">
        <v>79</v>
      </c>
      <c r="C3626" s="3">
        <v>20</v>
      </c>
      <c r="D3626" s="52" t="s">
        <v>2023</v>
      </c>
      <c r="E3626" s="52" t="s">
        <v>26</v>
      </c>
      <c r="F3626" s="52" t="s">
        <v>81</v>
      </c>
      <c r="G3626" s="52" t="s">
        <v>82</v>
      </c>
      <c r="H3626" s="4">
        <v>1</v>
      </c>
      <c r="I3626" s="2">
        <v>14.65</v>
      </c>
      <c r="J3626" s="52" t="s">
        <v>8771</v>
      </c>
      <c r="K3626" s="71" t="s">
        <v>8772</v>
      </c>
      <c r="L3626" s="52" t="s">
        <v>2063</v>
      </c>
      <c r="M3626" s="72">
        <v>6512</v>
      </c>
      <c r="N3626" s="52" t="s">
        <v>2072</v>
      </c>
      <c r="O3626" s="52" t="s">
        <v>2073</v>
      </c>
      <c r="P3626" s="52"/>
      <c r="Q3626" s="52"/>
      <c r="R3626" s="52"/>
      <c r="S3626" s="52"/>
      <c r="T3626" s="52"/>
      <c r="U3626" s="52"/>
      <c r="V3626" s="52"/>
      <c r="W3626" s="52"/>
    </row>
    <row r="3627" spans="1:23" x14ac:dyDescent="0.35">
      <c r="A3627" s="52" t="s">
        <v>78</v>
      </c>
      <c r="B3627" s="52" t="s">
        <v>79</v>
      </c>
      <c r="C3627" s="3">
        <v>212</v>
      </c>
      <c r="D3627" s="52" t="s">
        <v>83</v>
      </c>
      <c r="E3627" s="52" t="s">
        <v>26</v>
      </c>
      <c r="F3627" s="52" t="s">
        <v>81</v>
      </c>
      <c r="G3627" s="52" t="s">
        <v>82</v>
      </c>
      <c r="H3627" s="4">
        <v>1</v>
      </c>
      <c r="I3627" s="2">
        <v>14.65</v>
      </c>
      <c r="J3627" s="52" t="s">
        <v>8773</v>
      </c>
      <c r="K3627" s="71" t="s">
        <v>8774</v>
      </c>
      <c r="L3627" s="52" t="s">
        <v>2063</v>
      </c>
      <c r="M3627" s="72">
        <v>63</v>
      </c>
      <c r="N3627" s="52" t="s">
        <v>2076</v>
      </c>
      <c r="O3627" s="52" t="s">
        <v>2077</v>
      </c>
      <c r="P3627" s="52"/>
      <c r="Q3627" s="52"/>
      <c r="R3627" s="52"/>
      <c r="S3627" s="52"/>
      <c r="T3627" s="52"/>
      <c r="U3627" s="52"/>
      <c r="V3627" s="52"/>
      <c r="W3627" s="52"/>
    </row>
    <row r="3628" spans="1:23" hidden="1" x14ac:dyDescent="0.35">
      <c r="A3628" s="52" t="s">
        <v>78</v>
      </c>
      <c r="B3628" s="52" t="s">
        <v>79</v>
      </c>
      <c r="C3628" s="3">
        <v>20</v>
      </c>
      <c r="D3628" s="52" t="s">
        <v>84</v>
      </c>
      <c r="E3628" s="52" t="s">
        <v>26</v>
      </c>
      <c r="F3628" s="52" t="s">
        <v>81</v>
      </c>
      <c r="G3628" s="52" t="s">
        <v>82</v>
      </c>
      <c r="H3628" s="4">
        <v>1</v>
      </c>
      <c r="I3628" s="2">
        <v>14.65</v>
      </c>
      <c r="J3628" s="52" t="s">
        <v>8775</v>
      </c>
      <c r="K3628" s="71" t="s">
        <v>8776</v>
      </c>
      <c r="L3628" s="52" t="s">
        <v>2063</v>
      </c>
      <c r="M3628" s="72">
        <v>9663</v>
      </c>
      <c r="N3628" s="52" t="s">
        <v>2072</v>
      </c>
      <c r="O3628" s="52" t="s">
        <v>2073</v>
      </c>
      <c r="P3628" s="52"/>
      <c r="Q3628" s="52"/>
      <c r="R3628" s="52"/>
      <c r="S3628" s="52"/>
      <c r="T3628" s="52"/>
      <c r="U3628" s="52"/>
      <c r="V3628" s="52"/>
      <c r="W3628" s="52"/>
    </row>
    <row r="3629" spans="1:23" hidden="1" x14ac:dyDescent="0.35">
      <c r="A3629" s="52" t="s">
        <v>78</v>
      </c>
      <c r="B3629" s="52" t="s">
        <v>79</v>
      </c>
      <c r="C3629" s="3">
        <v>10</v>
      </c>
      <c r="D3629" s="52" t="s">
        <v>86</v>
      </c>
      <c r="E3629" s="52" t="s">
        <v>26</v>
      </c>
      <c r="F3629" s="52" t="s">
        <v>81</v>
      </c>
      <c r="G3629" s="52" t="s">
        <v>82</v>
      </c>
      <c r="H3629" s="4">
        <v>1</v>
      </c>
      <c r="I3629" s="2">
        <v>14.65</v>
      </c>
      <c r="J3629" s="52" t="s">
        <v>8777</v>
      </c>
      <c r="K3629" s="71" t="s">
        <v>8778</v>
      </c>
      <c r="L3629" s="52" t="s">
        <v>2063</v>
      </c>
      <c r="M3629" s="72">
        <v>547</v>
      </c>
      <c r="N3629" s="52" t="s">
        <v>2072</v>
      </c>
      <c r="O3629" s="52" t="s">
        <v>2073</v>
      </c>
      <c r="P3629" s="52"/>
      <c r="Q3629" s="52"/>
      <c r="R3629" s="52"/>
      <c r="S3629" s="52"/>
      <c r="T3629" s="52"/>
      <c r="U3629" s="52"/>
      <c r="V3629" s="52"/>
      <c r="W3629" s="52"/>
    </row>
    <row r="3630" spans="1:23" hidden="1" x14ac:dyDescent="0.35">
      <c r="A3630" s="52" t="s">
        <v>78</v>
      </c>
      <c r="B3630" s="52" t="s">
        <v>79</v>
      </c>
      <c r="C3630" s="3">
        <v>211</v>
      </c>
      <c r="D3630" s="52" t="s">
        <v>2023</v>
      </c>
      <c r="E3630" s="52" t="s">
        <v>26</v>
      </c>
      <c r="F3630" s="52" t="s">
        <v>81</v>
      </c>
      <c r="G3630" s="52" t="s">
        <v>82</v>
      </c>
      <c r="H3630" s="4">
        <v>1</v>
      </c>
      <c r="I3630" s="2">
        <v>14.65</v>
      </c>
      <c r="J3630" s="52" t="s">
        <v>8779</v>
      </c>
      <c r="K3630" s="71" t="s">
        <v>8780</v>
      </c>
      <c r="L3630" s="52" t="s">
        <v>2063</v>
      </c>
      <c r="M3630" s="72">
        <v>8404</v>
      </c>
      <c r="N3630" s="52" t="s">
        <v>2066</v>
      </c>
      <c r="O3630" s="52" t="s">
        <v>2067</v>
      </c>
      <c r="P3630" s="52"/>
      <c r="Q3630" s="52"/>
      <c r="R3630" s="52"/>
      <c r="S3630" s="52"/>
      <c r="T3630" s="52"/>
      <c r="U3630" s="52"/>
      <c r="V3630" s="52"/>
      <c r="W3630" s="52"/>
    </row>
    <row r="3631" spans="1:23" hidden="1" x14ac:dyDescent="0.35">
      <c r="A3631" s="52" t="s">
        <v>78</v>
      </c>
      <c r="B3631" s="52" t="s">
        <v>79</v>
      </c>
      <c r="C3631" s="3">
        <v>10</v>
      </c>
      <c r="D3631" s="52" t="s">
        <v>84</v>
      </c>
      <c r="E3631" s="52" t="s">
        <v>26</v>
      </c>
      <c r="F3631" s="52" t="s">
        <v>81</v>
      </c>
      <c r="G3631" s="52" t="s">
        <v>82</v>
      </c>
      <c r="H3631" s="4">
        <v>1</v>
      </c>
      <c r="I3631" s="2">
        <v>14.65</v>
      </c>
      <c r="J3631" s="52" t="s">
        <v>8781</v>
      </c>
      <c r="K3631" s="71" t="s">
        <v>8782</v>
      </c>
      <c r="L3631" s="52" t="s">
        <v>2063</v>
      </c>
      <c r="M3631" s="72">
        <v>8506</v>
      </c>
      <c r="N3631" s="52" t="s">
        <v>2072</v>
      </c>
      <c r="O3631" s="52" t="s">
        <v>2073</v>
      </c>
      <c r="P3631" s="52"/>
      <c r="Q3631" s="52"/>
      <c r="R3631" s="52"/>
      <c r="S3631" s="52"/>
      <c r="T3631" s="52"/>
      <c r="U3631" s="52"/>
      <c r="V3631" s="52"/>
      <c r="W3631" s="52"/>
    </row>
    <row r="3632" spans="1:23" hidden="1" x14ac:dyDescent="0.35">
      <c r="A3632" s="52" t="s">
        <v>78</v>
      </c>
      <c r="B3632" s="52" t="s">
        <v>79</v>
      </c>
      <c r="C3632" s="3">
        <v>10</v>
      </c>
      <c r="D3632" s="52" t="s">
        <v>2024</v>
      </c>
      <c r="E3632" s="52" t="s">
        <v>26</v>
      </c>
      <c r="F3632" s="52" t="s">
        <v>81</v>
      </c>
      <c r="G3632" s="52" t="s">
        <v>82</v>
      </c>
      <c r="H3632" s="4">
        <v>1</v>
      </c>
      <c r="I3632" s="2">
        <v>14.65</v>
      </c>
      <c r="J3632" s="52" t="s">
        <v>8783</v>
      </c>
      <c r="K3632" s="71" t="s">
        <v>8784</v>
      </c>
      <c r="L3632" s="52" t="s">
        <v>2063</v>
      </c>
      <c r="M3632" s="72">
        <v>6777</v>
      </c>
      <c r="N3632" s="52" t="s">
        <v>2066</v>
      </c>
      <c r="O3632" s="52" t="s">
        <v>2067</v>
      </c>
      <c r="P3632" s="52"/>
      <c r="Q3632" s="52"/>
      <c r="R3632" s="52"/>
      <c r="S3632" s="52"/>
      <c r="T3632" s="52"/>
      <c r="U3632" s="52"/>
      <c r="V3632" s="52"/>
      <c r="W3632" s="52"/>
    </row>
    <row r="3633" spans="1:23" hidden="1" x14ac:dyDescent="0.35">
      <c r="A3633" s="52" t="s">
        <v>78</v>
      </c>
      <c r="B3633" s="52" t="s">
        <v>79</v>
      </c>
      <c r="C3633" s="3">
        <v>20</v>
      </c>
      <c r="D3633" s="52" t="s">
        <v>83</v>
      </c>
      <c r="E3633" s="52" t="s">
        <v>26</v>
      </c>
      <c r="F3633" s="52" t="s">
        <v>81</v>
      </c>
      <c r="G3633" s="52" t="s">
        <v>82</v>
      </c>
      <c r="H3633" s="4">
        <v>1</v>
      </c>
      <c r="I3633" s="2">
        <v>14.65</v>
      </c>
      <c r="J3633" s="52" t="s">
        <v>8785</v>
      </c>
      <c r="K3633" s="71" t="s">
        <v>8786</v>
      </c>
      <c r="L3633" s="52" t="s">
        <v>2063</v>
      </c>
      <c r="M3633" s="72">
        <v>8831</v>
      </c>
      <c r="N3633" s="52" t="s">
        <v>2066</v>
      </c>
      <c r="O3633" s="52" t="s">
        <v>2067</v>
      </c>
      <c r="P3633" s="52"/>
      <c r="Q3633" s="52"/>
      <c r="R3633" s="52"/>
      <c r="S3633" s="52"/>
      <c r="T3633" s="52"/>
      <c r="U3633" s="52"/>
      <c r="V3633" s="52"/>
      <c r="W3633" s="52"/>
    </row>
    <row r="3634" spans="1:23" x14ac:dyDescent="0.35">
      <c r="A3634" s="52" t="s">
        <v>78</v>
      </c>
      <c r="B3634" s="52" t="s">
        <v>79</v>
      </c>
      <c r="C3634" s="3">
        <v>10</v>
      </c>
      <c r="D3634" s="52" t="s">
        <v>2022</v>
      </c>
      <c r="E3634" s="52" t="s">
        <v>26</v>
      </c>
      <c r="F3634" s="52" t="s">
        <v>81</v>
      </c>
      <c r="G3634" s="52" t="s">
        <v>82</v>
      </c>
      <c r="H3634" s="4">
        <v>1</v>
      </c>
      <c r="I3634" s="2">
        <v>14.65</v>
      </c>
      <c r="J3634" s="52" t="s">
        <v>8787</v>
      </c>
      <c r="K3634" s="71" t="s">
        <v>8788</v>
      </c>
      <c r="L3634" s="52" t="s">
        <v>2063</v>
      </c>
      <c r="M3634" s="72">
        <v>4422</v>
      </c>
      <c r="N3634" s="52" t="s">
        <v>2076</v>
      </c>
      <c r="O3634" s="52" t="s">
        <v>2077</v>
      </c>
      <c r="P3634" s="52"/>
      <c r="Q3634" s="52"/>
      <c r="R3634" s="52"/>
      <c r="S3634" s="52"/>
      <c r="T3634" s="52"/>
      <c r="U3634" s="52"/>
      <c r="V3634" s="52"/>
      <c r="W3634" s="52"/>
    </row>
    <row r="3635" spans="1:23" hidden="1" x14ac:dyDescent="0.35">
      <c r="A3635" s="52" t="s">
        <v>78</v>
      </c>
      <c r="B3635" s="52" t="s">
        <v>79</v>
      </c>
      <c r="C3635" s="3">
        <v>10</v>
      </c>
      <c r="D3635" s="52" t="s">
        <v>2023</v>
      </c>
      <c r="E3635" s="52" t="s">
        <v>26</v>
      </c>
      <c r="F3635" s="52" t="s">
        <v>81</v>
      </c>
      <c r="G3635" s="52" t="s">
        <v>82</v>
      </c>
      <c r="H3635" s="4">
        <v>1</v>
      </c>
      <c r="I3635" s="2">
        <v>14.65</v>
      </c>
      <c r="J3635" s="52" t="s">
        <v>8789</v>
      </c>
      <c r="K3635" s="71" t="s">
        <v>8790</v>
      </c>
      <c r="L3635" s="52" t="s">
        <v>2063</v>
      </c>
      <c r="M3635" s="72">
        <v>2978</v>
      </c>
      <c r="N3635" s="52" t="s">
        <v>2066</v>
      </c>
      <c r="O3635" s="52" t="s">
        <v>2067</v>
      </c>
      <c r="P3635" s="52"/>
      <c r="Q3635" s="52"/>
      <c r="R3635" s="52"/>
      <c r="S3635" s="52"/>
      <c r="T3635" s="52"/>
      <c r="U3635" s="52"/>
      <c r="V3635" s="52"/>
      <c r="W3635" s="52"/>
    </row>
    <row r="3636" spans="1:23" x14ac:dyDescent="0.35">
      <c r="A3636" s="52" t="s">
        <v>78</v>
      </c>
      <c r="B3636" s="52" t="s">
        <v>79</v>
      </c>
      <c r="C3636" s="3">
        <v>20</v>
      </c>
      <c r="D3636" s="52" t="s">
        <v>2023</v>
      </c>
      <c r="E3636" s="52" t="s">
        <v>26</v>
      </c>
      <c r="F3636" s="52" t="s">
        <v>81</v>
      </c>
      <c r="G3636" s="52" t="s">
        <v>82</v>
      </c>
      <c r="H3636" s="4">
        <v>1</v>
      </c>
      <c r="I3636" s="2">
        <v>14.65</v>
      </c>
      <c r="J3636" s="52" t="s">
        <v>8791</v>
      </c>
      <c r="K3636" s="71" t="s">
        <v>8792</v>
      </c>
      <c r="L3636" s="52" t="s">
        <v>2063</v>
      </c>
      <c r="M3636" s="72">
        <v>812</v>
      </c>
      <c r="N3636" s="52" t="s">
        <v>2076</v>
      </c>
      <c r="O3636" s="52" t="s">
        <v>2077</v>
      </c>
      <c r="P3636" s="52"/>
      <c r="Q3636" s="52"/>
      <c r="R3636" s="52"/>
      <c r="S3636" s="52"/>
      <c r="T3636" s="52"/>
      <c r="U3636" s="52"/>
      <c r="V3636" s="52"/>
      <c r="W3636" s="52"/>
    </row>
    <row r="3637" spans="1:23" hidden="1" x14ac:dyDescent="0.35">
      <c r="A3637" s="52" t="s">
        <v>78</v>
      </c>
      <c r="B3637" s="52" t="s">
        <v>79</v>
      </c>
      <c r="C3637" s="3">
        <v>10</v>
      </c>
      <c r="D3637" s="52" t="s">
        <v>2021</v>
      </c>
      <c r="E3637" s="52" t="s">
        <v>26</v>
      </c>
      <c r="F3637" s="52" t="s">
        <v>81</v>
      </c>
      <c r="G3637" s="52" t="s">
        <v>82</v>
      </c>
      <c r="H3637" s="4">
        <v>1</v>
      </c>
      <c r="I3637" s="2">
        <v>14.65</v>
      </c>
      <c r="J3637" s="52" t="s">
        <v>8793</v>
      </c>
      <c r="K3637" s="71" t="s">
        <v>8794</v>
      </c>
      <c r="L3637" s="52" t="s">
        <v>2063</v>
      </c>
      <c r="M3637" s="72">
        <v>7885</v>
      </c>
      <c r="N3637" s="52" t="s">
        <v>2066</v>
      </c>
      <c r="O3637" s="52" t="s">
        <v>2067</v>
      </c>
      <c r="P3637" s="52"/>
      <c r="Q3637" s="52"/>
      <c r="R3637" s="52"/>
      <c r="S3637" s="52"/>
      <c r="T3637" s="52"/>
      <c r="U3637" s="52"/>
      <c r="V3637" s="52"/>
      <c r="W3637" s="52"/>
    </row>
    <row r="3638" spans="1:23" hidden="1" x14ac:dyDescent="0.35">
      <c r="A3638" s="52" t="s">
        <v>78</v>
      </c>
      <c r="B3638" s="52" t="s">
        <v>79</v>
      </c>
      <c r="C3638" s="3">
        <v>10</v>
      </c>
      <c r="D3638" s="52" t="s">
        <v>2022</v>
      </c>
      <c r="E3638" s="52" t="s">
        <v>26</v>
      </c>
      <c r="F3638" s="52" t="s">
        <v>81</v>
      </c>
      <c r="G3638" s="52" t="s">
        <v>82</v>
      </c>
      <c r="H3638" s="4">
        <v>1</v>
      </c>
      <c r="I3638" s="2">
        <v>14.65</v>
      </c>
      <c r="J3638" s="52" t="s">
        <v>8795</v>
      </c>
      <c r="K3638" s="71" t="s">
        <v>8796</v>
      </c>
      <c r="L3638" s="52" t="s">
        <v>2063</v>
      </c>
      <c r="M3638" s="72">
        <v>7027</v>
      </c>
      <c r="N3638" s="52"/>
      <c r="O3638" s="52"/>
      <c r="P3638" s="52"/>
      <c r="Q3638" s="52"/>
      <c r="R3638" s="52"/>
      <c r="S3638" s="52"/>
      <c r="T3638" s="52"/>
      <c r="U3638" s="52"/>
      <c r="V3638" s="52"/>
      <c r="W3638" s="52"/>
    </row>
    <row r="3639" spans="1:23" hidden="1" x14ac:dyDescent="0.35">
      <c r="A3639" s="52" t="s">
        <v>78</v>
      </c>
      <c r="B3639" s="52" t="s">
        <v>79</v>
      </c>
      <c r="C3639" s="3">
        <v>20</v>
      </c>
      <c r="D3639" s="52" t="s">
        <v>2021</v>
      </c>
      <c r="E3639" s="52" t="s">
        <v>26</v>
      </c>
      <c r="F3639" s="52" t="s">
        <v>81</v>
      </c>
      <c r="G3639" s="52" t="s">
        <v>82</v>
      </c>
      <c r="H3639" s="4">
        <v>1</v>
      </c>
      <c r="I3639" s="2">
        <v>14.65</v>
      </c>
      <c r="J3639" s="52" t="s">
        <v>8797</v>
      </c>
      <c r="K3639" s="71" t="s">
        <v>8798</v>
      </c>
      <c r="L3639" s="52" t="s">
        <v>2063</v>
      </c>
      <c r="M3639" s="72">
        <v>2086</v>
      </c>
      <c r="N3639" s="52" t="s">
        <v>2072</v>
      </c>
      <c r="O3639" s="52" t="s">
        <v>2073</v>
      </c>
      <c r="P3639" s="52"/>
      <c r="Q3639" s="52"/>
      <c r="R3639" s="52"/>
      <c r="S3639" s="52"/>
      <c r="T3639" s="52"/>
      <c r="U3639" s="52"/>
      <c r="V3639" s="52"/>
      <c r="W3639" s="52"/>
    </row>
    <row r="3640" spans="1:23" hidden="1" x14ac:dyDescent="0.35">
      <c r="A3640" s="52" t="s">
        <v>78</v>
      </c>
      <c r="B3640" s="52" t="s">
        <v>79</v>
      </c>
      <c r="C3640" s="3">
        <v>10</v>
      </c>
      <c r="D3640" s="52" t="s">
        <v>2021</v>
      </c>
      <c r="E3640" s="52" t="s">
        <v>26</v>
      </c>
      <c r="F3640" s="52" t="s">
        <v>81</v>
      </c>
      <c r="G3640" s="52" t="s">
        <v>82</v>
      </c>
      <c r="H3640" s="4">
        <v>1</v>
      </c>
      <c r="I3640" s="2">
        <v>14.65</v>
      </c>
      <c r="J3640" s="52" t="s">
        <v>8799</v>
      </c>
      <c r="K3640" s="71" t="s">
        <v>8800</v>
      </c>
      <c r="L3640" s="52" t="s">
        <v>2063</v>
      </c>
      <c r="M3640" s="72">
        <v>4232</v>
      </c>
      <c r="N3640" s="52" t="s">
        <v>2072</v>
      </c>
      <c r="O3640" s="52" t="s">
        <v>2073</v>
      </c>
      <c r="P3640" s="52"/>
      <c r="Q3640" s="52"/>
      <c r="R3640" s="52"/>
      <c r="S3640" s="52"/>
      <c r="T3640" s="52"/>
      <c r="U3640" s="52"/>
      <c r="V3640" s="52"/>
      <c r="W3640" s="52"/>
    </row>
    <row r="3641" spans="1:23" x14ac:dyDescent="0.35">
      <c r="A3641" s="52" t="s">
        <v>78</v>
      </c>
      <c r="B3641" s="52" t="s">
        <v>79</v>
      </c>
      <c r="C3641" s="3">
        <v>211</v>
      </c>
      <c r="D3641" s="52" t="s">
        <v>2023</v>
      </c>
      <c r="E3641" s="52" t="s">
        <v>26</v>
      </c>
      <c r="F3641" s="52" t="s">
        <v>81</v>
      </c>
      <c r="G3641" s="52" t="s">
        <v>82</v>
      </c>
      <c r="H3641" s="4">
        <v>1</v>
      </c>
      <c r="I3641" s="2">
        <v>14.65</v>
      </c>
      <c r="J3641" s="52" t="s">
        <v>8801</v>
      </c>
      <c r="K3641" s="71" t="s">
        <v>8802</v>
      </c>
      <c r="L3641" s="52" t="s">
        <v>2063</v>
      </c>
      <c r="M3641" s="72">
        <v>1708</v>
      </c>
      <c r="N3641" s="52" t="s">
        <v>2259</v>
      </c>
      <c r="O3641" s="52" t="s">
        <v>2260</v>
      </c>
      <c r="P3641" s="52"/>
      <c r="Q3641" s="52"/>
      <c r="R3641" s="52"/>
      <c r="S3641" s="52"/>
      <c r="T3641" s="52"/>
      <c r="U3641" s="52"/>
      <c r="V3641" s="52"/>
      <c r="W3641" s="52"/>
    </row>
    <row r="3642" spans="1:23" hidden="1" x14ac:dyDescent="0.35">
      <c r="A3642" s="52" t="s">
        <v>78</v>
      </c>
      <c r="B3642" s="52" t="s">
        <v>79</v>
      </c>
      <c r="C3642" s="3">
        <v>230</v>
      </c>
      <c r="D3642" s="52" t="s">
        <v>2022</v>
      </c>
      <c r="E3642" s="52" t="s">
        <v>26</v>
      </c>
      <c r="F3642" s="52" t="s">
        <v>81</v>
      </c>
      <c r="G3642" s="52" t="s">
        <v>82</v>
      </c>
      <c r="H3642" s="4">
        <v>1</v>
      </c>
      <c r="I3642" s="2">
        <v>14.65</v>
      </c>
      <c r="J3642" s="52" t="s">
        <v>8803</v>
      </c>
      <c r="K3642" s="71" t="s">
        <v>8804</v>
      </c>
      <c r="L3642" s="52" t="s">
        <v>2063</v>
      </c>
      <c r="M3642" s="72">
        <v>8943</v>
      </c>
      <c r="N3642" s="52"/>
      <c r="O3642" s="52"/>
      <c r="P3642" s="52"/>
      <c r="Q3642" s="52"/>
      <c r="R3642" s="52"/>
      <c r="S3642" s="52"/>
      <c r="T3642" s="52"/>
      <c r="U3642" s="52"/>
      <c r="V3642" s="52"/>
      <c r="W3642" s="52"/>
    </row>
    <row r="3643" spans="1:23" x14ac:dyDescent="0.35">
      <c r="A3643" s="52" t="s">
        <v>78</v>
      </c>
      <c r="B3643" s="52" t="s">
        <v>79</v>
      </c>
      <c r="C3643" s="3">
        <v>10</v>
      </c>
      <c r="D3643" s="52" t="s">
        <v>87</v>
      </c>
      <c r="E3643" s="52" t="s">
        <v>26</v>
      </c>
      <c r="F3643" s="52" t="s">
        <v>81</v>
      </c>
      <c r="G3643" s="52" t="s">
        <v>82</v>
      </c>
      <c r="H3643" s="4">
        <v>1</v>
      </c>
      <c r="I3643" s="2">
        <v>14.65</v>
      </c>
      <c r="J3643" s="52" t="s">
        <v>8805</v>
      </c>
      <c r="K3643" s="71" t="s">
        <v>8806</v>
      </c>
      <c r="L3643" s="52" t="s">
        <v>2063</v>
      </c>
      <c r="M3643" s="72">
        <v>3093</v>
      </c>
      <c r="N3643" s="52" t="s">
        <v>2259</v>
      </c>
      <c r="O3643" s="52" t="s">
        <v>2260</v>
      </c>
      <c r="P3643" s="52"/>
      <c r="Q3643" s="52"/>
      <c r="R3643" s="52"/>
      <c r="S3643" s="52"/>
      <c r="T3643" s="52"/>
      <c r="U3643" s="52"/>
      <c r="V3643" s="52"/>
      <c r="W3643" s="52"/>
    </row>
    <row r="3644" spans="1:23" hidden="1" x14ac:dyDescent="0.35">
      <c r="A3644" s="52" t="s">
        <v>78</v>
      </c>
      <c r="B3644" s="52" t="s">
        <v>79</v>
      </c>
      <c r="C3644" s="3">
        <v>20</v>
      </c>
      <c r="D3644" s="52" t="s">
        <v>2021</v>
      </c>
      <c r="E3644" s="52" t="s">
        <v>26</v>
      </c>
      <c r="F3644" s="52" t="s">
        <v>81</v>
      </c>
      <c r="G3644" s="52" t="s">
        <v>82</v>
      </c>
      <c r="H3644" s="4">
        <v>1</v>
      </c>
      <c r="I3644" s="2">
        <v>14.65</v>
      </c>
      <c r="J3644" s="52" t="s">
        <v>8807</v>
      </c>
      <c r="K3644" s="71" t="s">
        <v>8808</v>
      </c>
      <c r="L3644" s="52" t="s">
        <v>2063</v>
      </c>
      <c r="M3644" s="72">
        <v>9297</v>
      </c>
      <c r="N3644" s="52" t="s">
        <v>2066</v>
      </c>
      <c r="O3644" s="52" t="s">
        <v>2067</v>
      </c>
      <c r="P3644" s="52"/>
      <c r="Q3644" s="52"/>
      <c r="R3644" s="52"/>
      <c r="S3644" s="52"/>
      <c r="T3644" s="52"/>
      <c r="U3644" s="52"/>
      <c r="V3644" s="52"/>
      <c r="W3644" s="52"/>
    </row>
    <row r="3645" spans="1:23" hidden="1" x14ac:dyDescent="0.35">
      <c r="A3645" s="52" t="s">
        <v>78</v>
      </c>
      <c r="B3645" s="52" t="s">
        <v>79</v>
      </c>
      <c r="C3645" s="3">
        <v>211</v>
      </c>
      <c r="D3645" s="52" t="s">
        <v>85</v>
      </c>
      <c r="E3645" s="52" t="s">
        <v>26</v>
      </c>
      <c r="F3645" s="52" t="s">
        <v>81</v>
      </c>
      <c r="G3645" s="52" t="s">
        <v>82</v>
      </c>
      <c r="H3645" s="4">
        <v>1</v>
      </c>
      <c r="I3645" s="2">
        <v>14.65</v>
      </c>
      <c r="J3645" s="52" t="s">
        <v>8809</v>
      </c>
      <c r="K3645" s="71" t="s">
        <v>8810</v>
      </c>
      <c r="L3645" s="52" t="s">
        <v>2063</v>
      </c>
      <c r="M3645" s="72">
        <v>9389</v>
      </c>
      <c r="N3645" s="52"/>
      <c r="O3645" s="52"/>
      <c r="P3645" s="52"/>
      <c r="Q3645" s="52"/>
      <c r="R3645" s="52"/>
      <c r="S3645" s="52"/>
      <c r="T3645" s="52"/>
      <c r="U3645" s="52"/>
      <c r="V3645" s="52"/>
      <c r="W3645" s="52"/>
    </row>
    <row r="3646" spans="1:23" hidden="1" x14ac:dyDescent="0.35">
      <c r="A3646" s="52" t="s">
        <v>78</v>
      </c>
      <c r="B3646" s="52" t="s">
        <v>79</v>
      </c>
      <c r="C3646" s="3">
        <v>20</v>
      </c>
      <c r="D3646" s="52" t="s">
        <v>2021</v>
      </c>
      <c r="E3646" s="52" t="s">
        <v>26</v>
      </c>
      <c r="F3646" s="52" t="s">
        <v>81</v>
      </c>
      <c r="G3646" s="52" t="s">
        <v>82</v>
      </c>
      <c r="H3646" s="4">
        <v>1</v>
      </c>
      <c r="I3646" s="2">
        <v>14.65</v>
      </c>
      <c r="J3646" s="52" t="s">
        <v>8811</v>
      </c>
      <c r="K3646" s="71" t="s">
        <v>8812</v>
      </c>
      <c r="L3646" s="52" t="s">
        <v>2063</v>
      </c>
      <c r="M3646" s="72">
        <v>7601</v>
      </c>
      <c r="N3646" s="52" t="s">
        <v>2158</v>
      </c>
      <c r="O3646" s="52" t="s">
        <v>2159</v>
      </c>
      <c r="P3646" s="52"/>
      <c r="Q3646" s="52"/>
      <c r="R3646" s="52"/>
      <c r="S3646" s="52"/>
      <c r="T3646" s="52"/>
      <c r="U3646" s="52"/>
      <c r="V3646" s="52"/>
      <c r="W3646" s="52"/>
    </row>
    <row r="3647" spans="1:23" x14ac:dyDescent="0.35">
      <c r="A3647" s="52" t="s">
        <v>78</v>
      </c>
      <c r="B3647" s="52" t="s">
        <v>79</v>
      </c>
      <c r="C3647" s="3">
        <v>10</v>
      </c>
      <c r="D3647" s="52" t="s">
        <v>85</v>
      </c>
      <c r="E3647" s="52" t="s">
        <v>26</v>
      </c>
      <c r="F3647" s="52" t="s">
        <v>81</v>
      </c>
      <c r="G3647" s="52" t="s">
        <v>82</v>
      </c>
      <c r="H3647" s="4">
        <v>1</v>
      </c>
      <c r="I3647" s="2">
        <v>14.65</v>
      </c>
      <c r="J3647" s="52" t="s">
        <v>8813</v>
      </c>
      <c r="K3647" s="71" t="s">
        <v>8814</v>
      </c>
      <c r="L3647" s="52" t="s">
        <v>2063</v>
      </c>
      <c r="M3647" s="72">
        <v>2540</v>
      </c>
      <c r="N3647" s="52" t="s">
        <v>2259</v>
      </c>
      <c r="O3647" s="52" t="s">
        <v>2260</v>
      </c>
      <c r="P3647" s="52"/>
      <c r="Q3647" s="52"/>
      <c r="R3647" s="52"/>
      <c r="S3647" s="52"/>
      <c r="T3647" s="52"/>
      <c r="U3647" s="52"/>
      <c r="V3647" s="52"/>
      <c r="W3647" s="52"/>
    </row>
    <row r="3648" spans="1:23" hidden="1" x14ac:dyDescent="0.35">
      <c r="A3648" s="52" t="s">
        <v>78</v>
      </c>
      <c r="B3648" s="52" t="s">
        <v>79</v>
      </c>
      <c r="C3648" s="3">
        <v>211</v>
      </c>
      <c r="D3648" s="52" t="s">
        <v>2022</v>
      </c>
      <c r="E3648" s="52" t="s">
        <v>26</v>
      </c>
      <c r="F3648" s="52" t="s">
        <v>81</v>
      </c>
      <c r="G3648" s="52" t="s">
        <v>82</v>
      </c>
      <c r="H3648" s="4">
        <v>1</v>
      </c>
      <c r="I3648" s="2">
        <v>14.65</v>
      </c>
      <c r="J3648" s="52" t="s">
        <v>8815</v>
      </c>
      <c r="K3648" s="71" t="s">
        <v>8816</v>
      </c>
      <c r="L3648" s="52" t="s">
        <v>2095</v>
      </c>
      <c r="M3648" s="72">
        <v>845</v>
      </c>
      <c r="N3648" s="52"/>
      <c r="O3648" s="52"/>
      <c r="P3648" s="52"/>
      <c r="Q3648" s="52"/>
      <c r="R3648" s="52"/>
      <c r="S3648" s="52"/>
      <c r="T3648" s="52"/>
      <c r="U3648" s="52"/>
      <c r="V3648" s="52"/>
      <c r="W3648" s="52"/>
    </row>
    <row r="3649" spans="1:23" hidden="1" x14ac:dyDescent="0.35">
      <c r="A3649" s="52" t="s">
        <v>78</v>
      </c>
      <c r="B3649" s="52" t="s">
        <v>79</v>
      </c>
      <c r="C3649" s="3">
        <v>20</v>
      </c>
      <c r="D3649" s="52" t="s">
        <v>86</v>
      </c>
      <c r="E3649" s="52" t="s">
        <v>26</v>
      </c>
      <c r="F3649" s="52" t="s">
        <v>81</v>
      </c>
      <c r="G3649" s="52" t="s">
        <v>82</v>
      </c>
      <c r="H3649" s="4">
        <v>1</v>
      </c>
      <c r="I3649" s="2">
        <v>14.65</v>
      </c>
      <c r="J3649" s="52" t="s">
        <v>8817</v>
      </c>
      <c r="K3649" s="71" t="s">
        <v>8818</v>
      </c>
      <c r="L3649" s="52" t="s">
        <v>2063</v>
      </c>
      <c r="M3649" s="72">
        <v>9452</v>
      </c>
      <c r="N3649" s="52" t="s">
        <v>2072</v>
      </c>
      <c r="O3649" s="52" t="s">
        <v>2073</v>
      </c>
      <c r="P3649" s="52"/>
      <c r="Q3649" s="52"/>
      <c r="R3649" s="52"/>
      <c r="S3649" s="52"/>
      <c r="T3649" s="52"/>
      <c r="U3649" s="52"/>
      <c r="V3649" s="52"/>
      <c r="W3649" s="52"/>
    </row>
    <row r="3650" spans="1:23" hidden="1" x14ac:dyDescent="0.35">
      <c r="A3650" s="52" t="s">
        <v>78</v>
      </c>
      <c r="B3650" s="52" t="s">
        <v>79</v>
      </c>
      <c r="C3650" s="3">
        <v>20</v>
      </c>
      <c r="D3650" s="52" t="s">
        <v>2024</v>
      </c>
      <c r="E3650" s="52" t="s">
        <v>26</v>
      </c>
      <c r="F3650" s="52" t="s">
        <v>81</v>
      </c>
      <c r="G3650" s="52" t="s">
        <v>82</v>
      </c>
      <c r="H3650" s="4">
        <v>1</v>
      </c>
      <c r="I3650" s="2">
        <v>14.65</v>
      </c>
      <c r="J3650" s="52" t="s">
        <v>8819</v>
      </c>
      <c r="K3650" s="71" t="s">
        <v>8820</v>
      </c>
      <c r="L3650" s="52" t="s">
        <v>2063</v>
      </c>
      <c r="M3650" s="72">
        <v>6418</v>
      </c>
      <c r="N3650" s="52" t="s">
        <v>2154</v>
      </c>
      <c r="O3650" s="52" t="s">
        <v>2155</v>
      </c>
      <c r="P3650" s="52"/>
      <c r="Q3650" s="52"/>
      <c r="R3650" s="52"/>
      <c r="S3650" s="52"/>
      <c r="T3650" s="52"/>
      <c r="U3650" s="52"/>
      <c r="V3650" s="52"/>
      <c r="W3650" s="52"/>
    </row>
    <row r="3651" spans="1:23" hidden="1" x14ac:dyDescent="0.35">
      <c r="A3651" s="52" t="s">
        <v>78</v>
      </c>
      <c r="B3651" s="52" t="s">
        <v>79</v>
      </c>
      <c r="C3651" s="3">
        <v>20</v>
      </c>
      <c r="D3651" s="52" t="s">
        <v>2021</v>
      </c>
      <c r="E3651" s="52" t="s">
        <v>26</v>
      </c>
      <c r="F3651" s="52" t="s">
        <v>81</v>
      </c>
      <c r="G3651" s="52" t="s">
        <v>82</v>
      </c>
      <c r="H3651" s="4">
        <v>1</v>
      </c>
      <c r="I3651" s="2">
        <v>14.65</v>
      </c>
      <c r="J3651" s="52" t="s">
        <v>8821</v>
      </c>
      <c r="K3651" s="71" t="s">
        <v>8822</v>
      </c>
      <c r="L3651" s="52" t="s">
        <v>2063</v>
      </c>
      <c r="M3651" s="72">
        <v>6945</v>
      </c>
      <c r="N3651" s="52" t="s">
        <v>2066</v>
      </c>
      <c r="O3651" s="52" t="s">
        <v>2067</v>
      </c>
      <c r="P3651" s="52"/>
      <c r="Q3651" s="52"/>
      <c r="R3651" s="52"/>
      <c r="S3651" s="52"/>
      <c r="T3651" s="52"/>
      <c r="U3651" s="52"/>
      <c r="V3651" s="52"/>
      <c r="W3651" s="52"/>
    </row>
    <row r="3652" spans="1:23" hidden="1" x14ac:dyDescent="0.35">
      <c r="A3652" s="52" t="s">
        <v>78</v>
      </c>
      <c r="B3652" s="52" t="s">
        <v>79</v>
      </c>
      <c r="C3652" s="3">
        <v>10</v>
      </c>
      <c r="D3652" s="52" t="s">
        <v>2019</v>
      </c>
      <c r="E3652" s="52" t="s">
        <v>26</v>
      </c>
      <c r="F3652" s="52" t="s">
        <v>81</v>
      </c>
      <c r="G3652" s="52" t="s">
        <v>82</v>
      </c>
      <c r="H3652" s="4">
        <v>1</v>
      </c>
      <c r="I3652" s="2">
        <v>14.65</v>
      </c>
      <c r="J3652" s="52" t="s">
        <v>8823</v>
      </c>
      <c r="K3652" s="71" t="s">
        <v>8824</v>
      </c>
      <c r="L3652" s="52" t="s">
        <v>2063</v>
      </c>
      <c r="M3652" s="72">
        <v>3610</v>
      </c>
      <c r="N3652" s="52" t="s">
        <v>2072</v>
      </c>
      <c r="O3652" s="52" t="s">
        <v>2073</v>
      </c>
      <c r="P3652" s="52"/>
      <c r="Q3652" s="52"/>
      <c r="R3652" s="52"/>
      <c r="S3652" s="52"/>
      <c r="T3652" s="52"/>
      <c r="U3652" s="52"/>
      <c r="V3652" s="52"/>
      <c r="W3652" s="52"/>
    </row>
    <row r="3653" spans="1:23" hidden="1" x14ac:dyDescent="0.35">
      <c r="A3653" s="52" t="s">
        <v>78</v>
      </c>
      <c r="B3653" s="52" t="s">
        <v>79</v>
      </c>
      <c r="C3653" s="3">
        <v>20</v>
      </c>
      <c r="D3653" s="52" t="s">
        <v>85</v>
      </c>
      <c r="E3653" s="52" t="s">
        <v>26</v>
      </c>
      <c r="F3653" s="52" t="s">
        <v>81</v>
      </c>
      <c r="G3653" s="52" t="s">
        <v>82</v>
      </c>
      <c r="H3653" s="4">
        <v>1</v>
      </c>
      <c r="I3653" s="2">
        <v>14.65</v>
      </c>
      <c r="J3653" s="52" t="s">
        <v>8825</v>
      </c>
      <c r="K3653" s="71" t="s">
        <v>8826</v>
      </c>
      <c r="L3653" s="52" t="s">
        <v>2063</v>
      </c>
      <c r="M3653" s="72">
        <v>6122</v>
      </c>
      <c r="N3653" s="52" t="s">
        <v>2072</v>
      </c>
      <c r="O3653" s="52" t="s">
        <v>2073</v>
      </c>
      <c r="P3653" s="52"/>
      <c r="Q3653" s="52"/>
      <c r="R3653" s="52"/>
      <c r="S3653" s="52"/>
      <c r="T3653" s="52"/>
      <c r="U3653" s="52"/>
      <c r="V3653" s="52"/>
      <c r="W3653" s="52"/>
    </row>
    <row r="3654" spans="1:23" hidden="1" x14ac:dyDescent="0.35">
      <c r="A3654" s="52" t="s">
        <v>78</v>
      </c>
      <c r="B3654" s="52" t="s">
        <v>79</v>
      </c>
      <c r="C3654" s="3">
        <v>20</v>
      </c>
      <c r="D3654" s="52" t="s">
        <v>83</v>
      </c>
      <c r="E3654" s="52" t="s">
        <v>26</v>
      </c>
      <c r="F3654" s="52" t="s">
        <v>81</v>
      </c>
      <c r="G3654" s="52" t="s">
        <v>82</v>
      </c>
      <c r="H3654" s="4">
        <v>1</v>
      </c>
      <c r="I3654" s="2">
        <v>14.65</v>
      </c>
      <c r="J3654" s="52" t="s">
        <v>8827</v>
      </c>
      <c r="K3654" s="71" t="s">
        <v>8828</v>
      </c>
      <c r="L3654" s="52" t="s">
        <v>2063</v>
      </c>
      <c r="M3654" s="72">
        <v>6664</v>
      </c>
      <c r="N3654" s="52"/>
      <c r="O3654" s="52"/>
      <c r="P3654" s="52"/>
      <c r="Q3654" s="52"/>
      <c r="R3654" s="52"/>
      <c r="S3654" s="52"/>
      <c r="T3654" s="52"/>
      <c r="U3654" s="52"/>
      <c r="V3654" s="52"/>
      <c r="W3654" s="52"/>
    </row>
    <row r="3655" spans="1:23" hidden="1" x14ac:dyDescent="0.35">
      <c r="A3655" s="52" t="s">
        <v>78</v>
      </c>
      <c r="B3655" s="52" t="s">
        <v>79</v>
      </c>
      <c r="C3655" s="3">
        <v>20</v>
      </c>
      <c r="D3655" s="52" t="s">
        <v>87</v>
      </c>
      <c r="E3655" s="52" t="s">
        <v>26</v>
      </c>
      <c r="F3655" s="52" t="s">
        <v>81</v>
      </c>
      <c r="G3655" s="52" t="s">
        <v>82</v>
      </c>
      <c r="H3655" s="4">
        <v>1</v>
      </c>
      <c r="I3655" s="2">
        <v>14.65</v>
      </c>
      <c r="J3655" s="52" t="s">
        <v>8829</v>
      </c>
      <c r="K3655" s="71" t="s">
        <v>8830</v>
      </c>
      <c r="L3655" s="52" t="s">
        <v>2063</v>
      </c>
      <c r="M3655" s="72">
        <v>4390</v>
      </c>
      <c r="N3655" s="52"/>
      <c r="O3655" s="52"/>
      <c r="P3655" s="52"/>
      <c r="Q3655" s="52"/>
      <c r="R3655" s="52"/>
      <c r="S3655" s="52"/>
      <c r="T3655" s="52"/>
      <c r="U3655" s="52"/>
      <c r="V3655" s="52"/>
      <c r="W3655" s="52"/>
    </row>
    <row r="3656" spans="1:23" hidden="1" x14ac:dyDescent="0.35">
      <c r="A3656" s="52" t="s">
        <v>78</v>
      </c>
      <c r="B3656" s="52" t="s">
        <v>79</v>
      </c>
      <c r="C3656" s="3">
        <v>20</v>
      </c>
      <c r="D3656" s="52" t="s">
        <v>85</v>
      </c>
      <c r="E3656" s="52" t="s">
        <v>26</v>
      </c>
      <c r="F3656" s="52" t="s">
        <v>81</v>
      </c>
      <c r="G3656" s="52" t="s">
        <v>82</v>
      </c>
      <c r="H3656" s="4">
        <v>1</v>
      </c>
      <c r="I3656" s="2">
        <v>14.65</v>
      </c>
      <c r="J3656" s="52" t="s">
        <v>8831</v>
      </c>
      <c r="K3656" s="71" t="s">
        <v>8832</v>
      </c>
      <c r="L3656" s="52" t="s">
        <v>2063</v>
      </c>
      <c r="M3656" s="72">
        <v>2351</v>
      </c>
      <c r="N3656" s="52" t="s">
        <v>2072</v>
      </c>
      <c r="O3656" s="52" t="s">
        <v>2073</v>
      </c>
      <c r="P3656" s="52"/>
      <c r="Q3656" s="52"/>
      <c r="R3656" s="52"/>
      <c r="S3656" s="52"/>
      <c r="T3656" s="52"/>
      <c r="U3656" s="52"/>
      <c r="V3656" s="52"/>
      <c r="W3656" s="52"/>
    </row>
    <row r="3657" spans="1:23" hidden="1" x14ac:dyDescent="0.35">
      <c r="A3657" s="52" t="s">
        <v>78</v>
      </c>
      <c r="B3657" s="52" t="s">
        <v>79</v>
      </c>
      <c r="C3657" s="3">
        <v>10</v>
      </c>
      <c r="D3657" s="52" t="s">
        <v>2021</v>
      </c>
      <c r="E3657" s="52" t="s">
        <v>26</v>
      </c>
      <c r="F3657" s="52" t="s">
        <v>81</v>
      </c>
      <c r="G3657" s="52" t="s">
        <v>82</v>
      </c>
      <c r="H3657" s="4">
        <v>1</v>
      </c>
      <c r="I3657" s="2">
        <v>14.65</v>
      </c>
      <c r="J3657" s="52" t="s">
        <v>8833</v>
      </c>
      <c r="K3657" s="71" t="s">
        <v>8834</v>
      </c>
      <c r="L3657" s="52" t="s">
        <v>2063</v>
      </c>
      <c r="M3657" s="72">
        <v>4713</v>
      </c>
      <c r="N3657" s="52" t="s">
        <v>2072</v>
      </c>
      <c r="O3657" s="52" t="s">
        <v>2073</v>
      </c>
      <c r="P3657" s="52"/>
      <c r="Q3657" s="52"/>
      <c r="R3657" s="52"/>
      <c r="S3657" s="52"/>
      <c r="T3657" s="52"/>
      <c r="U3657" s="52"/>
      <c r="V3657" s="52"/>
      <c r="W3657" s="52"/>
    </row>
    <row r="3658" spans="1:23" hidden="1" x14ac:dyDescent="0.35">
      <c r="A3658" s="52" t="s">
        <v>78</v>
      </c>
      <c r="B3658" s="52" t="s">
        <v>79</v>
      </c>
      <c r="C3658" s="3">
        <v>10</v>
      </c>
      <c r="D3658" s="52" t="s">
        <v>85</v>
      </c>
      <c r="E3658" s="52" t="s">
        <v>26</v>
      </c>
      <c r="F3658" s="52" t="s">
        <v>81</v>
      </c>
      <c r="G3658" s="52" t="s">
        <v>82</v>
      </c>
      <c r="H3658" s="4">
        <v>1</v>
      </c>
      <c r="I3658" s="2">
        <v>14.65</v>
      </c>
      <c r="J3658" s="52" t="s">
        <v>8835</v>
      </c>
      <c r="K3658" s="71" t="s">
        <v>8836</v>
      </c>
      <c r="L3658" s="52" t="s">
        <v>2063</v>
      </c>
      <c r="M3658" s="72">
        <v>2972</v>
      </c>
      <c r="N3658" s="52" t="s">
        <v>2158</v>
      </c>
      <c r="O3658" s="52" t="s">
        <v>2159</v>
      </c>
      <c r="P3658" s="52"/>
      <c r="Q3658" s="52"/>
      <c r="R3658" s="52"/>
      <c r="S3658" s="52"/>
      <c r="T3658" s="52"/>
      <c r="U3658" s="52"/>
      <c r="V3658" s="52"/>
      <c r="W3658" s="52"/>
    </row>
    <row r="3659" spans="1:23" hidden="1" x14ac:dyDescent="0.35">
      <c r="A3659" s="52" t="s">
        <v>78</v>
      </c>
      <c r="B3659" s="52" t="s">
        <v>79</v>
      </c>
      <c r="C3659" s="3">
        <v>20</v>
      </c>
      <c r="D3659" s="52" t="s">
        <v>87</v>
      </c>
      <c r="E3659" s="52" t="s">
        <v>26</v>
      </c>
      <c r="F3659" s="52" t="s">
        <v>81</v>
      </c>
      <c r="G3659" s="52" t="s">
        <v>82</v>
      </c>
      <c r="H3659" s="4">
        <v>1</v>
      </c>
      <c r="I3659" s="2">
        <v>14.65</v>
      </c>
      <c r="J3659" s="52" t="s">
        <v>8837</v>
      </c>
      <c r="K3659" s="71" t="s">
        <v>8838</v>
      </c>
      <c r="L3659" s="52" t="s">
        <v>2063</v>
      </c>
      <c r="M3659" s="72">
        <v>1001</v>
      </c>
      <c r="N3659" s="52" t="s">
        <v>2072</v>
      </c>
      <c r="O3659" s="52" t="s">
        <v>2073</v>
      </c>
      <c r="P3659" s="52"/>
      <c r="Q3659" s="52"/>
      <c r="R3659" s="52"/>
      <c r="S3659" s="52"/>
      <c r="T3659" s="52"/>
      <c r="U3659" s="52"/>
      <c r="V3659" s="52"/>
      <c r="W3659" s="52"/>
    </row>
    <row r="3660" spans="1:23" hidden="1" x14ac:dyDescent="0.35">
      <c r="A3660" s="52" t="s">
        <v>78</v>
      </c>
      <c r="B3660" s="52" t="s">
        <v>79</v>
      </c>
      <c r="C3660" s="3">
        <v>20</v>
      </c>
      <c r="D3660" s="52" t="s">
        <v>86</v>
      </c>
      <c r="E3660" s="52" t="s">
        <v>26</v>
      </c>
      <c r="F3660" s="52" t="s">
        <v>81</v>
      </c>
      <c r="G3660" s="52" t="s">
        <v>82</v>
      </c>
      <c r="H3660" s="4">
        <v>1</v>
      </c>
      <c r="I3660" s="2">
        <v>14.65</v>
      </c>
      <c r="J3660" s="52" t="s">
        <v>8839</v>
      </c>
      <c r="K3660" s="71" t="s">
        <v>8840</v>
      </c>
      <c r="L3660" s="52" t="s">
        <v>2063</v>
      </c>
      <c r="M3660" s="72">
        <v>8489</v>
      </c>
      <c r="N3660" s="52" t="s">
        <v>2066</v>
      </c>
      <c r="O3660" s="52" t="s">
        <v>2067</v>
      </c>
      <c r="P3660" s="52"/>
      <c r="Q3660" s="52"/>
      <c r="R3660" s="52"/>
      <c r="S3660" s="52"/>
      <c r="T3660" s="52"/>
      <c r="U3660" s="52"/>
      <c r="V3660" s="52"/>
      <c r="W3660" s="52"/>
    </row>
    <row r="3661" spans="1:23" hidden="1" x14ac:dyDescent="0.35">
      <c r="A3661" s="52" t="s">
        <v>78</v>
      </c>
      <c r="B3661" s="52" t="s">
        <v>79</v>
      </c>
      <c r="C3661" s="3">
        <v>20</v>
      </c>
      <c r="D3661" s="52" t="s">
        <v>2022</v>
      </c>
      <c r="E3661" s="52" t="s">
        <v>26</v>
      </c>
      <c r="F3661" s="52" t="s">
        <v>81</v>
      </c>
      <c r="G3661" s="52" t="s">
        <v>82</v>
      </c>
      <c r="H3661" s="4">
        <v>1</v>
      </c>
      <c r="I3661" s="2">
        <v>14.65</v>
      </c>
      <c r="J3661" s="52" t="s">
        <v>8841</v>
      </c>
      <c r="K3661" s="71" t="s">
        <v>8842</v>
      </c>
      <c r="L3661" s="52" t="s">
        <v>2063</v>
      </c>
      <c r="M3661" s="72">
        <v>9710</v>
      </c>
      <c r="N3661" s="52" t="s">
        <v>2066</v>
      </c>
      <c r="O3661" s="52" t="s">
        <v>2067</v>
      </c>
      <c r="P3661" s="52"/>
      <c r="Q3661" s="52"/>
      <c r="R3661" s="52"/>
      <c r="S3661" s="52"/>
      <c r="T3661" s="52"/>
      <c r="U3661" s="52"/>
      <c r="V3661" s="52"/>
      <c r="W3661" s="52"/>
    </row>
    <row r="3662" spans="1:23" hidden="1" x14ac:dyDescent="0.35">
      <c r="A3662" s="52" t="s">
        <v>78</v>
      </c>
      <c r="B3662" s="52" t="s">
        <v>79</v>
      </c>
      <c r="C3662" s="3">
        <v>20</v>
      </c>
      <c r="D3662" s="52" t="s">
        <v>2021</v>
      </c>
      <c r="E3662" s="52" t="s">
        <v>26</v>
      </c>
      <c r="F3662" s="52" t="s">
        <v>81</v>
      </c>
      <c r="G3662" s="52" t="s">
        <v>82</v>
      </c>
      <c r="H3662" s="4">
        <v>1</v>
      </c>
      <c r="I3662" s="2">
        <v>14.65</v>
      </c>
      <c r="J3662" s="52" t="s">
        <v>8843</v>
      </c>
      <c r="K3662" s="71" t="s">
        <v>8844</v>
      </c>
      <c r="L3662" s="52" t="s">
        <v>2063</v>
      </c>
      <c r="M3662" s="72">
        <v>5444</v>
      </c>
      <c r="N3662" s="52" t="s">
        <v>2615</v>
      </c>
      <c r="O3662" s="52" t="s">
        <v>2616</v>
      </c>
      <c r="P3662" s="52"/>
      <c r="Q3662" s="52"/>
      <c r="R3662" s="52"/>
      <c r="S3662" s="52"/>
      <c r="T3662" s="52"/>
      <c r="U3662" s="52"/>
      <c r="V3662" s="52"/>
      <c r="W3662" s="52"/>
    </row>
    <row r="3663" spans="1:23" hidden="1" x14ac:dyDescent="0.35">
      <c r="A3663" s="52" t="s">
        <v>78</v>
      </c>
      <c r="B3663" s="52" t="s">
        <v>79</v>
      </c>
      <c r="C3663" s="3">
        <v>10</v>
      </c>
      <c r="D3663" s="52" t="s">
        <v>87</v>
      </c>
      <c r="E3663" s="52" t="s">
        <v>26</v>
      </c>
      <c r="F3663" s="52" t="s">
        <v>81</v>
      </c>
      <c r="G3663" s="52" t="s">
        <v>82</v>
      </c>
      <c r="H3663" s="4">
        <v>1</v>
      </c>
      <c r="I3663" s="2">
        <v>14.65</v>
      </c>
      <c r="J3663" s="52" t="s">
        <v>8845</v>
      </c>
      <c r="K3663" s="71" t="s">
        <v>8846</v>
      </c>
      <c r="L3663" s="52" t="s">
        <v>2063</v>
      </c>
      <c r="M3663" s="72">
        <v>8047</v>
      </c>
      <c r="N3663" s="52"/>
      <c r="O3663" s="52"/>
      <c r="P3663" s="52"/>
      <c r="Q3663" s="52"/>
      <c r="R3663" s="52"/>
      <c r="S3663" s="52"/>
      <c r="T3663" s="52"/>
      <c r="U3663" s="52"/>
      <c r="V3663" s="52"/>
      <c r="W3663" s="52"/>
    </row>
    <row r="3664" spans="1:23" hidden="1" x14ac:dyDescent="0.35">
      <c r="A3664" s="52" t="s">
        <v>78</v>
      </c>
      <c r="B3664" s="52" t="s">
        <v>79</v>
      </c>
      <c r="C3664" s="3">
        <v>10</v>
      </c>
      <c r="D3664" s="52" t="s">
        <v>2020</v>
      </c>
      <c r="E3664" s="52" t="s">
        <v>26</v>
      </c>
      <c r="F3664" s="52" t="s">
        <v>81</v>
      </c>
      <c r="G3664" s="52" t="s">
        <v>82</v>
      </c>
      <c r="H3664" s="4">
        <v>1</v>
      </c>
      <c r="I3664" s="2">
        <v>14.65</v>
      </c>
      <c r="J3664" s="52" t="s">
        <v>8847</v>
      </c>
      <c r="K3664" s="71" t="s">
        <v>8848</v>
      </c>
      <c r="L3664" s="52" t="s">
        <v>2063</v>
      </c>
      <c r="M3664" s="72">
        <v>1782</v>
      </c>
      <c r="N3664" s="52" t="s">
        <v>2066</v>
      </c>
      <c r="O3664" s="52" t="s">
        <v>2067</v>
      </c>
      <c r="P3664" s="52"/>
      <c r="Q3664" s="52"/>
      <c r="R3664" s="52"/>
      <c r="S3664" s="52"/>
      <c r="T3664" s="52"/>
      <c r="U3664" s="52"/>
      <c r="V3664" s="52"/>
      <c r="W3664" s="52"/>
    </row>
    <row r="3665" spans="1:23" hidden="1" x14ac:dyDescent="0.35">
      <c r="A3665" s="52" t="s">
        <v>78</v>
      </c>
      <c r="B3665" s="52" t="s">
        <v>79</v>
      </c>
      <c r="C3665" s="3">
        <v>230</v>
      </c>
      <c r="D3665" s="52" t="s">
        <v>83</v>
      </c>
      <c r="E3665" s="52" t="s">
        <v>26</v>
      </c>
      <c r="F3665" s="52" t="s">
        <v>81</v>
      </c>
      <c r="G3665" s="52" t="s">
        <v>82</v>
      </c>
      <c r="H3665" s="4">
        <v>1</v>
      </c>
      <c r="I3665" s="2">
        <v>14.65</v>
      </c>
      <c r="J3665" s="52" t="s">
        <v>8849</v>
      </c>
      <c r="K3665" s="71" t="s">
        <v>8850</v>
      </c>
      <c r="L3665" s="52" t="s">
        <v>2063</v>
      </c>
      <c r="M3665" s="72">
        <v>2381</v>
      </c>
      <c r="N3665" s="52" t="s">
        <v>2154</v>
      </c>
      <c r="O3665" s="52" t="s">
        <v>2155</v>
      </c>
      <c r="P3665" s="52"/>
      <c r="Q3665" s="52"/>
      <c r="R3665" s="52"/>
      <c r="S3665" s="52"/>
      <c r="T3665" s="52"/>
      <c r="U3665" s="52"/>
      <c r="V3665" s="52"/>
      <c r="W3665" s="52"/>
    </row>
    <row r="3666" spans="1:23" x14ac:dyDescent="0.35">
      <c r="A3666" s="52" t="s">
        <v>78</v>
      </c>
      <c r="B3666" s="52" t="s">
        <v>79</v>
      </c>
      <c r="C3666" s="3">
        <v>20</v>
      </c>
      <c r="D3666" s="52" t="s">
        <v>83</v>
      </c>
      <c r="E3666" s="52" t="s">
        <v>26</v>
      </c>
      <c r="F3666" s="52" t="s">
        <v>81</v>
      </c>
      <c r="G3666" s="52" t="s">
        <v>82</v>
      </c>
      <c r="H3666" s="4">
        <v>1</v>
      </c>
      <c r="I3666" s="2">
        <v>14.65</v>
      </c>
      <c r="J3666" s="52" t="s">
        <v>8851</v>
      </c>
      <c r="K3666" s="71" t="s">
        <v>8852</v>
      </c>
      <c r="L3666" s="52" t="s">
        <v>2063</v>
      </c>
      <c r="M3666" s="72">
        <v>9554</v>
      </c>
      <c r="N3666" s="52" t="s">
        <v>2259</v>
      </c>
      <c r="O3666" s="52" t="s">
        <v>2260</v>
      </c>
      <c r="P3666" s="52"/>
      <c r="Q3666" s="52"/>
      <c r="R3666" s="52"/>
      <c r="S3666" s="52"/>
      <c r="T3666" s="52"/>
      <c r="U3666" s="52"/>
      <c r="V3666" s="52"/>
      <c r="W3666" s="52"/>
    </row>
    <row r="3667" spans="1:23" hidden="1" x14ac:dyDescent="0.35">
      <c r="A3667" s="52" t="s">
        <v>78</v>
      </c>
      <c r="B3667" s="52" t="s">
        <v>79</v>
      </c>
      <c r="C3667" s="3">
        <v>10</v>
      </c>
      <c r="D3667" s="52" t="s">
        <v>83</v>
      </c>
      <c r="E3667" s="52" t="s">
        <v>26</v>
      </c>
      <c r="F3667" s="52" t="s">
        <v>81</v>
      </c>
      <c r="G3667" s="52" t="s">
        <v>82</v>
      </c>
      <c r="H3667" s="4">
        <v>1</v>
      </c>
      <c r="I3667" s="2">
        <v>14.65</v>
      </c>
      <c r="J3667" s="52" t="s">
        <v>8853</v>
      </c>
      <c r="K3667" s="71" t="s">
        <v>8854</v>
      </c>
      <c r="L3667" s="52" t="s">
        <v>2063</v>
      </c>
      <c r="M3667" s="72">
        <v>863</v>
      </c>
      <c r="N3667" s="52" t="s">
        <v>2304</v>
      </c>
      <c r="O3667" s="52" t="s">
        <v>2305</v>
      </c>
      <c r="P3667" s="52"/>
      <c r="Q3667" s="52"/>
      <c r="R3667" s="52"/>
      <c r="S3667" s="52"/>
      <c r="T3667" s="52"/>
      <c r="U3667" s="52"/>
      <c r="V3667" s="52"/>
      <c r="W3667" s="52"/>
    </row>
    <row r="3668" spans="1:23" hidden="1" x14ac:dyDescent="0.35">
      <c r="A3668" s="52" t="s">
        <v>78</v>
      </c>
      <c r="B3668" s="52" t="s">
        <v>79</v>
      </c>
      <c r="C3668" s="3">
        <v>20</v>
      </c>
      <c r="D3668" s="52" t="s">
        <v>87</v>
      </c>
      <c r="E3668" s="52" t="s">
        <v>26</v>
      </c>
      <c r="F3668" s="52" t="s">
        <v>81</v>
      </c>
      <c r="G3668" s="52" t="s">
        <v>82</v>
      </c>
      <c r="H3668" s="4">
        <v>1</v>
      </c>
      <c r="I3668" s="2">
        <v>14.65</v>
      </c>
      <c r="J3668" s="52" t="s">
        <v>8603</v>
      </c>
      <c r="K3668" s="71" t="s">
        <v>8855</v>
      </c>
      <c r="L3668" s="52" t="s">
        <v>2063</v>
      </c>
      <c r="M3668" s="72">
        <v>7314</v>
      </c>
      <c r="N3668" s="52"/>
      <c r="O3668" s="52"/>
      <c r="P3668" s="52"/>
      <c r="Q3668" s="52"/>
      <c r="R3668" s="52"/>
      <c r="S3668" s="52"/>
      <c r="T3668" s="52"/>
      <c r="U3668" s="52"/>
      <c r="V3668" s="52"/>
      <c r="W3668" s="52"/>
    </row>
    <row r="3669" spans="1:23" hidden="1" x14ac:dyDescent="0.35">
      <c r="A3669" s="52" t="s">
        <v>78</v>
      </c>
      <c r="B3669" s="52" t="s">
        <v>79</v>
      </c>
      <c r="C3669" s="3">
        <v>20</v>
      </c>
      <c r="D3669" s="52" t="s">
        <v>87</v>
      </c>
      <c r="E3669" s="52" t="s">
        <v>26</v>
      </c>
      <c r="F3669" s="52" t="s">
        <v>81</v>
      </c>
      <c r="G3669" s="52" t="s">
        <v>82</v>
      </c>
      <c r="H3669" s="4">
        <v>1</v>
      </c>
      <c r="I3669" s="2">
        <v>14.65</v>
      </c>
      <c r="J3669" s="52" t="s">
        <v>8856</v>
      </c>
      <c r="K3669" s="71" t="s">
        <v>8857</v>
      </c>
      <c r="L3669" s="52" t="s">
        <v>2063</v>
      </c>
      <c r="M3669" s="72">
        <v>3328</v>
      </c>
      <c r="N3669" s="52" t="s">
        <v>2072</v>
      </c>
      <c r="O3669" s="52" t="s">
        <v>2073</v>
      </c>
      <c r="P3669" s="52"/>
      <c r="Q3669" s="52"/>
      <c r="R3669" s="52"/>
      <c r="S3669" s="52"/>
      <c r="T3669" s="52"/>
      <c r="U3669" s="52"/>
      <c r="V3669" s="52"/>
      <c r="W3669" s="52"/>
    </row>
    <row r="3670" spans="1:23" hidden="1" x14ac:dyDescent="0.35">
      <c r="A3670" s="52" t="s">
        <v>78</v>
      </c>
      <c r="B3670" s="52" t="s">
        <v>79</v>
      </c>
      <c r="C3670" s="3">
        <v>20</v>
      </c>
      <c r="D3670" s="52" t="s">
        <v>80</v>
      </c>
      <c r="E3670" s="52" t="s">
        <v>26</v>
      </c>
      <c r="F3670" s="52" t="s">
        <v>81</v>
      </c>
      <c r="G3670" s="52" t="s">
        <v>82</v>
      </c>
      <c r="H3670" s="4">
        <v>1</v>
      </c>
      <c r="I3670" s="2">
        <v>14.65</v>
      </c>
      <c r="J3670" s="52" t="s">
        <v>8858</v>
      </c>
      <c r="K3670" s="71" t="s">
        <v>8859</v>
      </c>
      <c r="L3670" s="52" t="s">
        <v>2063</v>
      </c>
      <c r="M3670" s="72">
        <v>1981</v>
      </c>
      <c r="N3670" s="52" t="s">
        <v>2072</v>
      </c>
      <c r="O3670" s="52" t="s">
        <v>2073</v>
      </c>
      <c r="P3670" s="52"/>
      <c r="Q3670" s="52"/>
      <c r="R3670" s="52"/>
      <c r="S3670" s="52"/>
      <c r="T3670" s="52"/>
      <c r="U3670" s="52"/>
      <c r="V3670" s="52"/>
      <c r="W3670" s="52"/>
    </row>
    <row r="3671" spans="1:23" hidden="1" x14ac:dyDescent="0.35">
      <c r="A3671" s="52" t="s">
        <v>78</v>
      </c>
      <c r="B3671" s="52" t="s">
        <v>79</v>
      </c>
      <c r="C3671" s="3">
        <v>10</v>
      </c>
      <c r="D3671" s="52" t="s">
        <v>2022</v>
      </c>
      <c r="E3671" s="52" t="s">
        <v>26</v>
      </c>
      <c r="F3671" s="52" t="s">
        <v>81</v>
      </c>
      <c r="G3671" s="52" t="s">
        <v>82</v>
      </c>
      <c r="H3671" s="4">
        <v>1</v>
      </c>
      <c r="I3671" s="2">
        <v>14.65</v>
      </c>
      <c r="J3671" s="52" t="s">
        <v>8860</v>
      </c>
      <c r="K3671" s="71" t="s">
        <v>8861</v>
      </c>
      <c r="L3671" s="52" t="s">
        <v>2063</v>
      </c>
      <c r="M3671" s="72">
        <v>9147</v>
      </c>
      <c r="N3671" s="52" t="s">
        <v>2066</v>
      </c>
      <c r="O3671" s="52" t="s">
        <v>2067</v>
      </c>
      <c r="P3671" s="52"/>
      <c r="Q3671" s="52"/>
      <c r="R3671" s="52"/>
      <c r="S3671" s="52"/>
      <c r="T3671" s="52"/>
      <c r="U3671" s="52"/>
      <c r="V3671" s="52"/>
      <c r="W3671" s="52"/>
    </row>
    <row r="3672" spans="1:23" hidden="1" x14ac:dyDescent="0.35">
      <c r="A3672" s="52" t="s">
        <v>78</v>
      </c>
      <c r="B3672" s="52" t="s">
        <v>79</v>
      </c>
      <c r="C3672" s="3">
        <v>211</v>
      </c>
      <c r="D3672" s="52" t="s">
        <v>86</v>
      </c>
      <c r="E3672" s="52" t="s">
        <v>26</v>
      </c>
      <c r="F3672" s="52" t="s">
        <v>81</v>
      </c>
      <c r="G3672" s="52" t="s">
        <v>82</v>
      </c>
      <c r="H3672" s="4">
        <v>1</v>
      </c>
      <c r="I3672" s="2">
        <v>14.65</v>
      </c>
      <c r="J3672" s="52" t="s">
        <v>8862</v>
      </c>
      <c r="K3672" s="71" t="s">
        <v>8863</v>
      </c>
      <c r="L3672" s="52" t="s">
        <v>2063</v>
      </c>
      <c r="M3672" s="72">
        <v>2185</v>
      </c>
      <c r="N3672" s="52" t="s">
        <v>2158</v>
      </c>
      <c r="O3672" s="52" t="s">
        <v>2159</v>
      </c>
      <c r="P3672" s="52"/>
      <c r="Q3672" s="52"/>
      <c r="R3672" s="52"/>
      <c r="S3672" s="52"/>
      <c r="T3672" s="52"/>
      <c r="U3672" s="52"/>
      <c r="V3672" s="52"/>
      <c r="W3672" s="52"/>
    </row>
    <row r="3673" spans="1:23" hidden="1" x14ac:dyDescent="0.35">
      <c r="A3673" s="52" t="s">
        <v>78</v>
      </c>
      <c r="B3673" s="52" t="s">
        <v>79</v>
      </c>
      <c r="C3673" s="3">
        <v>20</v>
      </c>
      <c r="D3673" s="52" t="s">
        <v>2019</v>
      </c>
      <c r="E3673" s="52" t="s">
        <v>26</v>
      </c>
      <c r="F3673" s="52" t="s">
        <v>81</v>
      </c>
      <c r="G3673" s="52" t="s">
        <v>82</v>
      </c>
      <c r="H3673" s="4">
        <v>1</v>
      </c>
      <c r="I3673" s="2">
        <v>14.65</v>
      </c>
      <c r="J3673" s="52" t="s">
        <v>8299</v>
      </c>
      <c r="K3673" s="71" t="s">
        <v>8864</v>
      </c>
      <c r="L3673" s="52" t="s">
        <v>2063</v>
      </c>
      <c r="M3673" s="72">
        <v>7624</v>
      </c>
      <c r="N3673" s="52" t="s">
        <v>2072</v>
      </c>
      <c r="O3673" s="52" t="s">
        <v>2073</v>
      </c>
      <c r="P3673" s="52" t="s">
        <v>2072</v>
      </c>
      <c r="Q3673" s="52" t="s">
        <v>2073</v>
      </c>
      <c r="R3673" s="52"/>
      <c r="S3673" s="52"/>
      <c r="T3673" s="52"/>
      <c r="U3673" s="52"/>
      <c r="V3673" s="52"/>
      <c r="W3673" s="52"/>
    </row>
    <row r="3674" spans="1:23" hidden="1" x14ac:dyDescent="0.35">
      <c r="A3674" s="52" t="s">
        <v>78</v>
      </c>
      <c r="B3674" s="52" t="s">
        <v>79</v>
      </c>
      <c r="C3674" s="3">
        <v>10</v>
      </c>
      <c r="D3674" s="52" t="s">
        <v>2019</v>
      </c>
      <c r="E3674" s="52" t="s">
        <v>26</v>
      </c>
      <c r="F3674" s="52" t="s">
        <v>81</v>
      </c>
      <c r="G3674" s="52" t="s">
        <v>82</v>
      </c>
      <c r="H3674" s="4">
        <v>1</v>
      </c>
      <c r="I3674" s="2">
        <v>14.65</v>
      </c>
      <c r="J3674" s="52" t="s">
        <v>8865</v>
      </c>
      <c r="K3674" s="71" t="s">
        <v>8866</v>
      </c>
      <c r="L3674" s="52" t="s">
        <v>2063</v>
      </c>
      <c r="M3674" s="72">
        <v>8173</v>
      </c>
      <c r="N3674" s="52" t="s">
        <v>2066</v>
      </c>
      <c r="O3674" s="52" t="s">
        <v>2067</v>
      </c>
      <c r="P3674" s="52"/>
      <c r="Q3674" s="52"/>
      <c r="R3674" s="52"/>
      <c r="S3674" s="52"/>
      <c r="T3674" s="52"/>
      <c r="U3674" s="52"/>
      <c r="V3674" s="52"/>
      <c r="W3674" s="52"/>
    </row>
    <row r="3675" spans="1:23" hidden="1" x14ac:dyDescent="0.35">
      <c r="A3675" s="52" t="s">
        <v>78</v>
      </c>
      <c r="B3675" s="52" t="s">
        <v>79</v>
      </c>
      <c r="C3675" s="3">
        <v>20</v>
      </c>
      <c r="D3675" s="52" t="s">
        <v>2022</v>
      </c>
      <c r="E3675" s="52" t="s">
        <v>26</v>
      </c>
      <c r="F3675" s="52" t="s">
        <v>81</v>
      </c>
      <c r="G3675" s="52" t="s">
        <v>82</v>
      </c>
      <c r="H3675" s="4">
        <v>1</v>
      </c>
      <c r="I3675" s="2">
        <v>14.65</v>
      </c>
      <c r="J3675" s="52" t="s">
        <v>8867</v>
      </c>
      <c r="K3675" s="71" t="s">
        <v>8868</v>
      </c>
      <c r="L3675" s="52" t="s">
        <v>2063</v>
      </c>
      <c r="M3675" s="72">
        <v>9487</v>
      </c>
      <c r="N3675" s="52" t="s">
        <v>2066</v>
      </c>
      <c r="O3675" s="52" t="s">
        <v>2067</v>
      </c>
      <c r="P3675" s="52"/>
      <c r="Q3675" s="52"/>
      <c r="R3675" s="52"/>
      <c r="S3675" s="52"/>
      <c r="T3675" s="52"/>
      <c r="U3675" s="52"/>
      <c r="V3675" s="52"/>
      <c r="W3675" s="52"/>
    </row>
    <row r="3676" spans="1:23" hidden="1" x14ac:dyDescent="0.35">
      <c r="A3676" s="52" t="s">
        <v>78</v>
      </c>
      <c r="B3676" s="52" t="s">
        <v>79</v>
      </c>
      <c r="C3676" s="3">
        <v>10</v>
      </c>
      <c r="D3676" s="52" t="s">
        <v>2019</v>
      </c>
      <c r="E3676" s="52" t="s">
        <v>26</v>
      </c>
      <c r="F3676" s="52" t="s">
        <v>81</v>
      </c>
      <c r="G3676" s="52" t="s">
        <v>82</v>
      </c>
      <c r="H3676" s="4">
        <v>1</v>
      </c>
      <c r="I3676" s="2">
        <v>14.65</v>
      </c>
      <c r="J3676" s="52" t="s">
        <v>8239</v>
      </c>
      <c r="K3676" s="71" t="s">
        <v>8869</v>
      </c>
      <c r="L3676" s="52" t="s">
        <v>2063</v>
      </c>
      <c r="M3676" s="72">
        <v>282</v>
      </c>
      <c r="N3676" s="52" t="s">
        <v>2072</v>
      </c>
      <c r="O3676" s="52" t="s">
        <v>2073</v>
      </c>
      <c r="P3676" s="52"/>
      <c r="Q3676" s="52"/>
      <c r="R3676" s="52"/>
      <c r="S3676" s="52"/>
      <c r="T3676" s="52"/>
      <c r="U3676" s="52"/>
      <c r="V3676" s="52"/>
      <c r="W3676" s="52"/>
    </row>
    <row r="3677" spans="1:23" hidden="1" x14ac:dyDescent="0.35">
      <c r="A3677" s="52" t="s">
        <v>78</v>
      </c>
      <c r="B3677" s="52" t="s">
        <v>79</v>
      </c>
      <c r="C3677" s="3">
        <v>20</v>
      </c>
      <c r="D3677" s="52" t="s">
        <v>83</v>
      </c>
      <c r="E3677" s="52" t="s">
        <v>26</v>
      </c>
      <c r="F3677" s="52" t="s">
        <v>81</v>
      </c>
      <c r="G3677" s="52" t="s">
        <v>82</v>
      </c>
      <c r="H3677" s="4">
        <v>1</v>
      </c>
      <c r="I3677" s="2">
        <v>14.65</v>
      </c>
      <c r="J3677" s="52" t="s">
        <v>8870</v>
      </c>
      <c r="K3677" s="71" t="s">
        <v>8871</v>
      </c>
      <c r="L3677" s="52" t="s">
        <v>2063</v>
      </c>
      <c r="M3677" s="72">
        <v>7168</v>
      </c>
      <c r="N3677" s="52" t="s">
        <v>2066</v>
      </c>
      <c r="O3677" s="52" t="s">
        <v>2067</v>
      </c>
      <c r="P3677" s="52"/>
      <c r="Q3677" s="52"/>
      <c r="R3677" s="52"/>
      <c r="S3677" s="52"/>
      <c r="T3677" s="52"/>
      <c r="U3677" s="52"/>
      <c r="V3677" s="52"/>
      <c r="W3677" s="52"/>
    </row>
    <row r="3678" spans="1:23" hidden="1" x14ac:dyDescent="0.35">
      <c r="A3678" s="52" t="s">
        <v>78</v>
      </c>
      <c r="B3678" s="52" t="s">
        <v>79</v>
      </c>
      <c r="C3678" s="3">
        <v>10</v>
      </c>
      <c r="D3678" s="52" t="s">
        <v>2019</v>
      </c>
      <c r="E3678" s="52" t="s">
        <v>26</v>
      </c>
      <c r="F3678" s="52" t="s">
        <v>81</v>
      </c>
      <c r="G3678" s="52" t="s">
        <v>82</v>
      </c>
      <c r="H3678" s="4">
        <v>1</v>
      </c>
      <c r="I3678" s="2">
        <v>14.65</v>
      </c>
      <c r="J3678" s="52" t="s">
        <v>8872</v>
      </c>
      <c r="K3678" s="71" t="s">
        <v>8873</v>
      </c>
      <c r="L3678" s="52" t="s">
        <v>2063</v>
      </c>
      <c r="M3678" s="72">
        <v>1800</v>
      </c>
      <c r="N3678" s="52" t="s">
        <v>2072</v>
      </c>
      <c r="O3678" s="52" t="s">
        <v>2073</v>
      </c>
      <c r="P3678" s="52"/>
      <c r="Q3678" s="52"/>
      <c r="R3678" s="52"/>
      <c r="S3678" s="52"/>
      <c r="T3678" s="52"/>
      <c r="U3678" s="52"/>
      <c r="V3678" s="52"/>
      <c r="W3678" s="52"/>
    </row>
    <row r="3679" spans="1:23" hidden="1" x14ac:dyDescent="0.35">
      <c r="A3679" s="52" t="s">
        <v>78</v>
      </c>
      <c r="B3679" s="52" t="s">
        <v>79</v>
      </c>
      <c r="C3679" s="3">
        <v>10</v>
      </c>
      <c r="D3679" s="52" t="s">
        <v>85</v>
      </c>
      <c r="E3679" s="52" t="s">
        <v>26</v>
      </c>
      <c r="F3679" s="52" t="s">
        <v>81</v>
      </c>
      <c r="G3679" s="52" t="s">
        <v>82</v>
      </c>
      <c r="H3679" s="4">
        <v>1</v>
      </c>
      <c r="I3679" s="2">
        <v>14.65</v>
      </c>
      <c r="J3679" s="52" t="s">
        <v>8874</v>
      </c>
      <c r="K3679" s="71" t="s">
        <v>8875</v>
      </c>
      <c r="L3679" s="52" t="s">
        <v>2063</v>
      </c>
      <c r="M3679" s="72">
        <v>6582</v>
      </c>
      <c r="N3679" s="52" t="s">
        <v>2072</v>
      </c>
      <c r="O3679" s="52" t="s">
        <v>2073</v>
      </c>
      <c r="P3679" s="52"/>
      <c r="Q3679" s="52"/>
      <c r="R3679" s="52"/>
      <c r="S3679" s="52"/>
      <c r="T3679" s="52"/>
      <c r="U3679" s="52"/>
      <c r="V3679" s="52"/>
      <c r="W3679" s="52"/>
    </row>
    <row r="3680" spans="1:23" hidden="1" x14ac:dyDescent="0.35">
      <c r="A3680" s="52" t="s">
        <v>78</v>
      </c>
      <c r="B3680" s="52" t="s">
        <v>79</v>
      </c>
      <c r="C3680" s="3">
        <v>20</v>
      </c>
      <c r="D3680" s="52" t="s">
        <v>2020</v>
      </c>
      <c r="E3680" s="52" t="s">
        <v>26</v>
      </c>
      <c r="F3680" s="52" t="s">
        <v>81</v>
      </c>
      <c r="G3680" s="52" t="s">
        <v>82</v>
      </c>
      <c r="H3680" s="4">
        <v>1</v>
      </c>
      <c r="I3680" s="2">
        <v>14.65</v>
      </c>
      <c r="J3680" s="52" t="s">
        <v>8251</v>
      </c>
      <c r="K3680" s="71" t="s">
        <v>8876</v>
      </c>
      <c r="L3680" s="52" t="s">
        <v>2063</v>
      </c>
      <c r="M3680" s="72">
        <v>426</v>
      </c>
      <c r="N3680" s="52"/>
      <c r="O3680" s="52"/>
      <c r="P3680" s="52"/>
      <c r="Q3680" s="52"/>
      <c r="R3680" s="52"/>
      <c r="S3680" s="52"/>
      <c r="T3680" s="52"/>
      <c r="U3680" s="52"/>
      <c r="V3680" s="52"/>
      <c r="W3680" s="52"/>
    </row>
    <row r="3681" spans="1:23" hidden="1" x14ac:dyDescent="0.35">
      <c r="A3681" s="52" t="s">
        <v>78</v>
      </c>
      <c r="B3681" s="52" t="s">
        <v>79</v>
      </c>
      <c r="C3681" s="3">
        <v>10</v>
      </c>
      <c r="D3681" s="52" t="s">
        <v>2022</v>
      </c>
      <c r="E3681" s="52" t="s">
        <v>26</v>
      </c>
      <c r="F3681" s="52" t="s">
        <v>81</v>
      </c>
      <c r="G3681" s="52" t="s">
        <v>82</v>
      </c>
      <c r="H3681" s="4">
        <v>1</v>
      </c>
      <c r="I3681" s="2">
        <v>14.65</v>
      </c>
      <c r="J3681" s="52" t="s">
        <v>8877</v>
      </c>
      <c r="K3681" s="71" t="s">
        <v>8878</v>
      </c>
      <c r="L3681" s="52" t="s">
        <v>2063</v>
      </c>
      <c r="M3681" s="72">
        <v>2850</v>
      </c>
      <c r="N3681" s="52" t="s">
        <v>2072</v>
      </c>
      <c r="O3681" s="52" t="s">
        <v>2073</v>
      </c>
      <c r="P3681" s="52"/>
      <c r="Q3681" s="52"/>
      <c r="R3681" s="52"/>
      <c r="S3681" s="52"/>
      <c r="T3681" s="52"/>
      <c r="U3681" s="52"/>
      <c r="V3681" s="52"/>
      <c r="W3681" s="52"/>
    </row>
    <row r="3682" spans="1:23" hidden="1" x14ac:dyDescent="0.35">
      <c r="A3682" s="52" t="s">
        <v>78</v>
      </c>
      <c r="B3682" s="52" t="s">
        <v>79</v>
      </c>
      <c r="C3682" s="3">
        <v>10</v>
      </c>
      <c r="D3682" s="52" t="s">
        <v>85</v>
      </c>
      <c r="E3682" s="52" t="s">
        <v>26</v>
      </c>
      <c r="F3682" s="52" t="s">
        <v>81</v>
      </c>
      <c r="G3682" s="52" t="s">
        <v>82</v>
      </c>
      <c r="H3682" s="4">
        <v>1</v>
      </c>
      <c r="I3682" s="2">
        <v>14.65</v>
      </c>
      <c r="J3682" s="52" t="s">
        <v>8879</v>
      </c>
      <c r="K3682" s="71" t="s">
        <v>8880</v>
      </c>
      <c r="L3682" s="52" t="s">
        <v>2063</v>
      </c>
      <c r="M3682" s="72">
        <v>2307</v>
      </c>
      <c r="N3682" s="52" t="s">
        <v>2154</v>
      </c>
      <c r="O3682" s="52" t="s">
        <v>2155</v>
      </c>
      <c r="P3682" s="52"/>
      <c r="Q3682" s="52"/>
      <c r="R3682" s="52"/>
      <c r="S3682" s="52"/>
      <c r="T3682" s="52"/>
      <c r="U3682" s="52"/>
      <c r="V3682" s="52"/>
      <c r="W3682" s="52"/>
    </row>
    <row r="3683" spans="1:23" hidden="1" x14ac:dyDescent="0.35">
      <c r="A3683" s="52" t="s">
        <v>78</v>
      </c>
      <c r="B3683" s="52" t="s">
        <v>79</v>
      </c>
      <c r="C3683" s="3">
        <v>20</v>
      </c>
      <c r="D3683" s="52" t="s">
        <v>80</v>
      </c>
      <c r="E3683" s="52" t="s">
        <v>26</v>
      </c>
      <c r="F3683" s="52" t="s">
        <v>81</v>
      </c>
      <c r="G3683" s="52" t="s">
        <v>82</v>
      </c>
      <c r="H3683" s="4">
        <v>1</v>
      </c>
      <c r="I3683" s="2">
        <v>14.65</v>
      </c>
      <c r="J3683" s="52" t="s">
        <v>8881</v>
      </c>
      <c r="K3683" s="71" t="s">
        <v>8882</v>
      </c>
      <c r="L3683" s="52" t="s">
        <v>2063</v>
      </c>
      <c r="M3683" s="72">
        <v>1305</v>
      </c>
      <c r="N3683" s="52"/>
      <c r="O3683" s="52"/>
      <c r="P3683" s="52"/>
      <c r="Q3683" s="52"/>
      <c r="R3683" s="52"/>
      <c r="S3683" s="52"/>
      <c r="T3683" s="52"/>
      <c r="U3683" s="52"/>
      <c r="V3683" s="52"/>
      <c r="W3683" s="52"/>
    </row>
    <row r="3684" spans="1:23" hidden="1" x14ac:dyDescent="0.35">
      <c r="A3684" s="52" t="s">
        <v>78</v>
      </c>
      <c r="B3684" s="52" t="s">
        <v>79</v>
      </c>
      <c r="C3684" s="3">
        <v>10</v>
      </c>
      <c r="D3684" s="52" t="s">
        <v>2024</v>
      </c>
      <c r="E3684" s="52" t="s">
        <v>26</v>
      </c>
      <c r="F3684" s="52" t="s">
        <v>81</v>
      </c>
      <c r="G3684" s="52" t="s">
        <v>82</v>
      </c>
      <c r="H3684" s="4">
        <v>1</v>
      </c>
      <c r="I3684" s="2">
        <v>14.65</v>
      </c>
      <c r="J3684" s="52" t="s">
        <v>8883</v>
      </c>
      <c r="K3684" s="71" t="s">
        <v>8884</v>
      </c>
      <c r="L3684" s="52" t="s">
        <v>2063</v>
      </c>
      <c r="M3684" s="72">
        <v>6076</v>
      </c>
      <c r="N3684" s="52" t="s">
        <v>2066</v>
      </c>
      <c r="O3684" s="52" t="s">
        <v>2067</v>
      </c>
      <c r="P3684" s="52"/>
      <c r="Q3684" s="52"/>
      <c r="R3684" s="52"/>
      <c r="S3684" s="52"/>
      <c r="T3684" s="52"/>
      <c r="U3684" s="52"/>
      <c r="V3684" s="52"/>
      <c r="W3684" s="52"/>
    </row>
    <row r="3685" spans="1:23" hidden="1" x14ac:dyDescent="0.35">
      <c r="A3685" s="52" t="s">
        <v>78</v>
      </c>
      <c r="B3685" s="52" t="s">
        <v>79</v>
      </c>
      <c r="C3685" s="3">
        <v>10</v>
      </c>
      <c r="D3685" s="52" t="s">
        <v>83</v>
      </c>
      <c r="E3685" s="52" t="s">
        <v>26</v>
      </c>
      <c r="F3685" s="52" t="s">
        <v>81</v>
      </c>
      <c r="G3685" s="52" t="s">
        <v>82</v>
      </c>
      <c r="H3685" s="4">
        <v>1</v>
      </c>
      <c r="I3685" s="2">
        <v>14.65</v>
      </c>
      <c r="J3685" s="52" t="s">
        <v>8518</v>
      </c>
      <c r="K3685" s="71" t="s">
        <v>8885</v>
      </c>
      <c r="L3685" s="52" t="s">
        <v>2063</v>
      </c>
      <c r="M3685" s="72">
        <v>225</v>
      </c>
      <c r="N3685" s="52"/>
      <c r="O3685" s="52"/>
      <c r="P3685" s="52"/>
      <c r="Q3685" s="52"/>
      <c r="R3685" s="52"/>
      <c r="S3685" s="52"/>
      <c r="T3685" s="52"/>
      <c r="U3685" s="52"/>
      <c r="V3685" s="52"/>
      <c r="W3685" s="52"/>
    </row>
    <row r="3686" spans="1:23" hidden="1" x14ac:dyDescent="0.35">
      <c r="A3686" s="52" t="s">
        <v>78</v>
      </c>
      <c r="B3686" s="52" t="s">
        <v>79</v>
      </c>
      <c r="C3686" s="3">
        <v>20</v>
      </c>
      <c r="D3686" s="52" t="s">
        <v>2022</v>
      </c>
      <c r="E3686" s="52" t="s">
        <v>26</v>
      </c>
      <c r="F3686" s="52" t="s">
        <v>81</v>
      </c>
      <c r="G3686" s="52" t="s">
        <v>82</v>
      </c>
      <c r="H3686" s="4">
        <v>1</v>
      </c>
      <c r="I3686" s="2">
        <v>14.65</v>
      </c>
      <c r="J3686" s="52" t="s">
        <v>8886</v>
      </c>
      <c r="K3686" s="71" t="s">
        <v>8887</v>
      </c>
      <c r="L3686" s="52" t="s">
        <v>2063</v>
      </c>
      <c r="M3686" s="72">
        <v>7401</v>
      </c>
      <c r="N3686" s="52"/>
      <c r="O3686" s="52"/>
      <c r="P3686" s="52"/>
      <c r="Q3686" s="52"/>
      <c r="R3686" s="52"/>
      <c r="S3686" s="52"/>
      <c r="T3686" s="52"/>
      <c r="U3686" s="52"/>
      <c r="V3686" s="52"/>
      <c r="W3686" s="52"/>
    </row>
    <row r="3687" spans="1:23" hidden="1" x14ac:dyDescent="0.35">
      <c r="A3687" s="52" t="s">
        <v>78</v>
      </c>
      <c r="B3687" s="52" t="s">
        <v>79</v>
      </c>
      <c r="C3687" s="3">
        <v>20</v>
      </c>
      <c r="D3687" s="52" t="s">
        <v>2023</v>
      </c>
      <c r="E3687" s="52" t="s">
        <v>26</v>
      </c>
      <c r="F3687" s="52" t="s">
        <v>81</v>
      </c>
      <c r="G3687" s="52" t="s">
        <v>82</v>
      </c>
      <c r="H3687" s="4">
        <v>1</v>
      </c>
      <c r="I3687" s="2">
        <v>14.65</v>
      </c>
      <c r="J3687" s="52" t="s">
        <v>8888</v>
      </c>
      <c r="K3687" s="71" t="s">
        <v>8889</v>
      </c>
      <c r="L3687" s="52" t="s">
        <v>2063</v>
      </c>
      <c r="M3687" s="72">
        <v>2647</v>
      </c>
      <c r="N3687" s="52" t="s">
        <v>2066</v>
      </c>
      <c r="O3687" s="52" t="s">
        <v>2067</v>
      </c>
      <c r="P3687" s="52"/>
      <c r="Q3687" s="52"/>
      <c r="R3687" s="52"/>
      <c r="S3687" s="52"/>
      <c r="T3687" s="52"/>
      <c r="U3687" s="52"/>
      <c r="V3687" s="52"/>
      <c r="W3687" s="52"/>
    </row>
    <row r="3688" spans="1:23" hidden="1" x14ac:dyDescent="0.35">
      <c r="A3688" s="52" t="s">
        <v>78</v>
      </c>
      <c r="B3688" s="52" t="s">
        <v>79</v>
      </c>
      <c r="C3688" s="3">
        <v>20</v>
      </c>
      <c r="D3688" s="52" t="s">
        <v>2019</v>
      </c>
      <c r="E3688" s="52" t="s">
        <v>26</v>
      </c>
      <c r="F3688" s="52" t="s">
        <v>81</v>
      </c>
      <c r="G3688" s="52" t="s">
        <v>82</v>
      </c>
      <c r="H3688" s="4">
        <v>1</v>
      </c>
      <c r="I3688" s="2">
        <v>14.65</v>
      </c>
      <c r="J3688" s="52" t="s">
        <v>8890</v>
      </c>
      <c r="K3688" s="71" t="s">
        <v>8891</v>
      </c>
      <c r="L3688" s="52" t="s">
        <v>2063</v>
      </c>
      <c r="M3688" s="72">
        <v>7725</v>
      </c>
      <c r="N3688" s="52" t="s">
        <v>2072</v>
      </c>
      <c r="O3688" s="52" t="s">
        <v>2073</v>
      </c>
      <c r="P3688" s="52"/>
      <c r="Q3688" s="52"/>
      <c r="R3688" s="52"/>
      <c r="S3688" s="52"/>
      <c r="T3688" s="52"/>
      <c r="U3688" s="52"/>
      <c r="V3688" s="52"/>
      <c r="W3688" s="52"/>
    </row>
    <row r="3689" spans="1:23" hidden="1" x14ac:dyDescent="0.35">
      <c r="A3689" s="52" t="s">
        <v>78</v>
      </c>
      <c r="B3689" s="52" t="s">
        <v>79</v>
      </c>
      <c r="C3689" s="3">
        <v>20</v>
      </c>
      <c r="D3689" s="52" t="s">
        <v>84</v>
      </c>
      <c r="E3689" s="52" t="s">
        <v>26</v>
      </c>
      <c r="F3689" s="52" t="s">
        <v>81</v>
      </c>
      <c r="G3689" s="52" t="s">
        <v>82</v>
      </c>
      <c r="H3689" s="4">
        <v>1</v>
      </c>
      <c r="I3689" s="2">
        <v>14.65</v>
      </c>
      <c r="J3689" s="52" t="s">
        <v>8627</v>
      </c>
      <c r="K3689" s="71" t="s">
        <v>8892</v>
      </c>
      <c r="L3689" s="52" t="s">
        <v>2063</v>
      </c>
      <c r="M3689" s="72">
        <v>6119</v>
      </c>
      <c r="N3689" s="52" t="s">
        <v>2072</v>
      </c>
      <c r="O3689" s="52" t="s">
        <v>2073</v>
      </c>
      <c r="P3689" s="52"/>
      <c r="Q3689" s="52"/>
      <c r="R3689" s="52"/>
      <c r="S3689" s="52"/>
      <c r="T3689" s="52"/>
      <c r="U3689" s="52"/>
      <c r="V3689" s="52"/>
      <c r="W3689" s="52"/>
    </row>
    <row r="3690" spans="1:23" hidden="1" x14ac:dyDescent="0.35">
      <c r="A3690" s="52" t="s">
        <v>78</v>
      </c>
      <c r="B3690" s="52" t="s">
        <v>79</v>
      </c>
      <c r="C3690" s="3">
        <v>10</v>
      </c>
      <c r="D3690" s="52" t="s">
        <v>87</v>
      </c>
      <c r="E3690" s="52" t="s">
        <v>26</v>
      </c>
      <c r="F3690" s="52" t="s">
        <v>81</v>
      </c>
      <c r="G3690" s="52" t="s">
        <v>82</v>
      </c>
      <c r="H3690" s="4">
        <v>1</v>
      </c>
      <c r="I3690" s="2">
        <v>14.65</v>
      </c>
      <c r="J3690" s="52" t="s">
        <v>8893</v>
      </c>
      <c r="K3690" s="71" t="s">
        <v>8894</v>
      </c>
      <c r="L3690" s="52" t="s">
        <v>2063</v>
      </c>
      <c r="M3690" s="72">
        <v>8062</v>
      </c>
      <c r="N3690" s="52"/>
      <c r="O3690" s="52"/>
      <c r="P3690" s="52"/>
      <c r="Q3690" s="52"/>
      <c r="R3690" s="52"/>
      <c r="S3690" s="52"/>
      <c r="T3690" s="52"/>
      <c r="U3690" s="52"/>
      <c r="V3690" s="52"/>
      <c r="W3690" s="52"/>
    </row>
    <row r="3691" spans="1:23" hidden="1" x14ac:dyDescent="0.35">
      <c r="A3691" s="52" t="s">
        <v>78</v>
      </c>
      <c r="B3691" s="52" t="s">
        <v>79</v>
      </c>
      <c r="C3691" s="3">
        <v>20</v>
      </c>
      <c r="D3691" s="52" t="s">
        <v>85</v>
      </c>
      <c r="E3691" s="52" t="s">
        <v>26</v>
      </c>
      <c r="F3691" s="52" t="s">
        <v>81</v>
      </c>
      <c r="G3691" s="52" t="s">
        <v>82</v>
      </c>
      <c r="H3691" s="4">
        <v>1</v>
      </c>
      <c r="I3691" s="2">
        <v>14.65</v>
      </c>
      <c r="J3691" s="52" t="s">
        <v>8895</v>
      </c>
      <c r="K3691" s="71" t="s">
        <v>8896</v>
      </c>
      <c r="L3691" s="52" t="s">
        <v>2063</v>
      </c>
      <c r="M3691" s="72">
        <v>2310</v>
      </c>
      <c r="N3691" s="52" t="s">
        <v>2072</v>
      </c>
      <c r="O3691" s="52" t="s">
        <v>2073</v>
      </c>
      <c r="P3691" s="52"/>
      <c r="Q3691" s="52"/>
      <c r="R3691" s="52"/>
      <c r="S3691" s="52"/>
      <c r="T3691" s="52"/>
      <c r="U3691" s="52"/>
      <c r="V3691" s="52"/>
      <c r="W3691" s="52"/>
    </row>
    <row r="3692" spans="1:23" hidden="1" x14ac:dyDescent="0.35">
      <c r="A3692" s="52" t="s">
        <v>78</v>
      </c>
      <c r="B3692" s="52" t="s">
        <v>79</v>
      </c>
      <c r="C3692" s="3">
        <v>20</v>
      </c>
      <c r="D3692" s="52" t="s">
        <v>85</v>
      </c>
      <c r="E3692" s="52" t="s">
        <v>26</v>
      </c>
      <c r="F3692" s="52" t="s">
        <v>81</v>
      </c>
      <c r="G3692" s="52" t="s">
        <v>82</v>
      </c>
      <c r="H3692" s="4">
        <v>1</v>
      </c>
      <c r="I3692" s="2">
        <v>14.65</v>
      </c>
      <c r="J3692" s="52" t="s">
        <v>8897</v>
      </c>
      <c r="K3692" s="71" t="s">
        <v>8898</v>
      </c>
      <c r="L3692" s="52" t="s">
        <v>2063</v>
      </c>
      <c r="M3692" s="72">
        <v>3052</v>
      </c>
      <c r="N3692" s="52" t="s">
        <v>2066</v>
      </c>
      <c r="O3692" s="52" t="s">
        <v>2067</v>
      </c>
      <c r="P3692" s="52"/>
      <c r="Q3692" s="52"/>
      <c r="R3692" s="52"/>
      <c r="S3692" s="52"/>
      <c r="T3692" s="52"/>
      <c r="U3692" s="52"/>
      <c r="V3692" s="52"/>
      <c r="W3692" s="52"/>
    </row>
    <row r="3693" spans="1:23" hidden="1" x14ac:dyDescent="0.35">
      <c r="A3693" s="52" t="s">
        <v>78</v>
      </c>
      <c r="B3693" s="52" t="s">
        <v>79</v>
      </c>
      <c r="C3693" s="3">
        <v>10</v>
      </c>
      <c r="D3693" s="52" t="s">
        <v>2023</v>
      </c>
      <c r="E3693" s="52" t="s">
        <v>26</v>
      </c>
      <c r="F3693" s="52" t="s">
        <v>81</v>
      </c>
      <c r="G3693" s="52" t="s">
        <v>82</v>
      </c>
      <c r="H3693" s="4">
        <v>1</v>
      </c>
      <c r="I3693" s="2">
        <v>14.65</v>
      </c>
      <c r="J3693" s="52" t="s">
        <v>8899</v>
      </c>
      <c r="K3693" s="71" t="s">
        <v>8900</v>
      </c>
      <c r="L3693" s="52" t="s">
        <v>2063</v>
      </c>
      <c r="M3693" s="72">
        <v>2577</v>
      </c>
      <c r="N3693" s="52" t="s">
        <v>2066</v>
      </c>
      <c r="O3693" s="52" t="s">
        <v>2067</v>
      </c>
      <c r="P3693" s="52"/>
      <c r="Q3693" s="52"/>
      <c r="R3693" s="52"/>
      <c r="S3693" s="52"/>
      <c r="T3693" s="52"/>
      <c r="U3693" s="52"/>
      <c r="V3693" s="52"/>
      <c r="W3693" s="52"/>
    </row>
    <row r="3694" spans="1:23" x14ac:dyDescent="0.35">
      <c r="A3694" s="52" t="s">
        <v>78</v>
      </c>
      <c r="B3694" s="52" t="s">
        <v>79</v>
      </c>
      <c r="C3694" s="3">
        <v>10</v>
      </c>
      <c r="D3694" s="52" t="s">
        <v>87</v>
      </c>
      <c r="E3694" s="52" t="s">
        <v>26</v>
      </c>
      <c r="F3694" s="52" t="s">
        <v>81</v>
      </c>
      <c r="G3694" s="52" t="s">
        <v>82</v>
      </c>
      <c r="H3694" s="4">
        <v>1</v>
      </c>
      <c r="I3694" s="2">
        <v>14.65</v>
      </c>
      <c r="J3694" s="52" t="s">
        <v>8901</v>
      </c>
      <c r="K3694" s="71" t="s">
        <v>8902</v>
      </c>
      <c r="L3694" s="52" t="s">
        <v>2063</v>
      </c>
      <c r="M3694" s="72">
        <v>6293</v>
      </c>
      <c r="N3694" s="52" t="s">
        <v>2259</v>
      </c>
      <c r="O3694" s="52" t="s">
        <v>2260</v>
      </c>
      <c r="P3694" s="52"/>
      <c r="Q3694" s="52"/>
      <c r="R3694" s="52"/>
      <c r="S3694" s="52"/>
      <c r="T3694" s="52"/>
      <c r="U3694" s="52"/>
      <c r="V3694" s="52"/>
      <c r="W3694" s="52"/>
    </row>
    <row r="3695" spans="1:23" hidden="1" x14ac:dyDescent="0.35">
      <c r="A3695" s="52" t="s">
        <v>78</v>
      </c>
      <c r="B3695" s="52" t="s">
        <v>79</v>
      </c>
      <c r="C3695" s="3">
        <v>10</v>
      </c>
      <c r="D3695" s="52" t="s">
        <v>84</v>
      </c>
      <c r="E3695" s="52" t="s">
        <v>26</v>
      </c>
      <c r="F3695" s="52" t="s">
        <v>81</v>
      </c>
      <c r="G3695" s="52" t="s">
        <v>82</v>
      </c>
      <c r="H3695" s="4">
        <v>1</v>
      </c>
      <c r="I3695" s="2">
        <v>14.65</v>
      </c>
      <c r="J3695" s="52" t="s">
        <v>8903</v>
      </c>
      <c r="K3695" s="71" t="s">
        <v>8904</v>
      </c>
      <c r="L3695" s="52" t="s">
        <v>2063</v>
      </c>
      <c r="M3695" s="72">
        <v>731</v>
      </c>
      <c r="N3695" s="52" t="s">
        <v>2066</v>
      </c>
      <c r="O3695" s="52" t="s">
        <v>2067</v>
      </c>
      <c r="P3695" s="52"/>
      <c r="Q3695" s="52"/>
      <c r="R3695" s="52"/>
      <c r="S3695" s="52"/>
      <c r="T3695" s="52"/>
      <c r="U3695" s="52"/>
      <c r="V3695" s="52"/>
      <c r="W3695" s="52"/>
    </row>
    <row r="3696" spans="1:23" hidden="1" x14ac:dyDescent="0.35">
      <c r="A3696" s="52" t="s">
        <v>78</v>
      </c>
      <c r="B3696" s="52" t="s">
        <v>79</v>
      </c>
      <c r="C3696" s="3">
        <v>20</v>
      </c>
      <c r="D3696" s="52" t="s">
        <v>2022</v>
      </c>
      <c r="E3696" s="52" t="s">
        <v>26</v>
      </c>
      <c r="F3696" s="52" t="s">
        <v>81</v>
      </c>
      <c r="G3696" s="52" t="s">
        <v>82</v>
      </c>
      <c r="H3696" s="4">
        <v>1</v>
      </c>
      <c r="I3696" s="2">
        <v>14.65</v>
      </c>
      <c r="J3696" s="52" t="s">
        <v>8905</v>
      </c>
      <c r="K3696" s="71" t="s">
        <v>8906</v>
      </c>
      <c r="L3696" s="52" t="s">
        <v>2063</v>
      </c>
      <c r="M3696" s="72">
        <v>1571</v>
      </c>
      <c r="N3696" s="52" t="s">
        <v>2072</v>
      </c>
      <c r="O3696" s="52" t="s">
        <v>2073</v>
      </c>
      <c r="P3696" s="52"/>
      <c r="Q3696" s="52"/>
      <c r="R3696" s="52"/>
      <c r="S3696" s="52"/>
      <c r="T3696" s="52"/>
      <c r="U3696" s="52"/>
      <c r="V3696" s="52"/>
      <c r="W3696" s="52"/>
    </row>
    <row r="3697" spans="1:23" hidden="1" x14ac:dyDescent="0.35">
      <c r="A3697" s="52" t="s">
        <v>78</v>
      </c>
      <c r="B3697" s="52" t="s">
        <v>79</v>
      </c>
      <c r="C3697" s="3">
        <v>10</v>
      </c>
      <c r="D3697" s="52" t="s">
        <v>83</v>
      </c>
      <c r="E3697" s="52" t="s">
        <v>26</v>
      </c>
      <c r="F3697" s="52" t="s">
        <v>81</v>
      </c>
      <c r="G3697" s="52" t="s">
        <v>82</v>
      </c>
      <c r="H3697" s="4">
        <v>1</v>
      </c>
      <c r="I3697" s="2">
        <v>14.65</v>
      </c>
      <c r="J3697" s="52" t="s">
        <v>8907</v>
      </c>
      <c r="K3697" s="71" t="s">
        <v>8908</v>
      </c>
      <c r="L3697" s="52" t="s">
        <v>2063</v>
      </c>
      <c r="M3697" s="72">
        <v>1577</v>
      </c>
      <c r="N3697" s="52" t="s">
        <v>2072</v>
      </c>
      <c r="O3697" s="52" t="s">
        <v>2073</v>
      </c>
      <c r="P3697" s="52"/>
      <c r="Q3697" s="52"/>
      <c r="R3697" s="52"/>
      <c r="S3697" s="52"/>
      <c r="T3697" s="52"/>
      <c r="U3697" s="52"/>
      <c r="V3697" s="52"/>
      <c r="W3697" s="52"/>
    </row>
    <row r="3698" spans="1:23" hidden="1" x14ac:dyDescent="0.35">
      <c r="A3698" s="52" t="s">
        <v>78</v>
      </c>
      <c r="B3698" s="52" t="s">
        <v>79</v>
      </c>
      <c r="C3698" s="3">
        <v>10</v>
      </c>
      <c r="D3698" s="52" t="s">
        <v>2021</v>
      </c>
      <c r="E3698" s="52" t="s">
        <v>26</v>
      </c>
      <c r="F3698" s="52" t="s">
        <v>81</v>
      </c>
      <c r="G3698" s="52" t="s">
        <v>82</v>
      </c>
      <c r="H3698" s="4">
        <v>1</v>
      </c>
      <c r="I3698" s="2">
        <v>14.65</v>
      </c>
      <c r="J3698" s="52" t="s">
        <v>8909</v>
      </c>
      <c r="K3698" s="71" t="s">
        <v>8910</v>
      </c>
      <c r="L3698" s="52" t="s">
        <v>2063</v>
      </c>
      <c r="M3698" s="72">
        <v>5241</v>
      </c>
      <c r="N3698" s="52" t="s">
        <v>2072</v>
      </c>
      <c r="O3698" s="52" t="s">
        <v>2073</v>
      </c>
      <c r="P3698" s="52"/>
      <c r="Q3698" s="52"/>
      <c r="R3698" s="52"/>
      <c r="S3698" s="52"/>
      <c r="T3698" s="52"/>
      <c r="U3698" s="52"/>
      <c r="V3698" s="52"/>
      <c r="W3698" s="52"/>
    </row>
    <row r="3699" spans="1:23" hidden="1" x14ac:dyDescent="0.35">
      <c r="A3699" s="52" t="s">
        <v>78</v>
      </c>
      <c r="B3699" s="52" t="s">
        <v>79</v>
      </c>
      <c r="C3699" s="3">
        <v>20</v>
      </c>
      <c r="D3699" s="52" t="s">
        <v>2020</v>
      </c>
      <c r="E3699" s="52" t="s">
        <v>26</v>
      </c>
      <c r="F3699" s="52" t="s">
        <v>81</v>
      </c>
      <c r="G3699" s="52" t="s">
        <v>82</v>
      </c>
      <c r="H3699" s="4">
        <v>1</v>
      </c>
      <c r="I3699" s="2">
        <v>14.65</v>
      </c>
      <c r="J3699" s="52" t="s">
        <v>8911</v>
      </c>
      <c r="K3699" s="71" t="s">
        <v>8912</v>
      </c>
      <c r="L3699" s="52" t="s">
        <v>2063</v>
      </c>
      <c r="M3699" s="72">
        <v>6454</v>
      </c>
      <c r="N3699" s="52"/>
      <c r="O3699" s="52"/>
      <c r="P3699" s="52"/>
      <c r="Q3699" s="52"/>
      <c r="R3699" s="52"/>
      <c r="S3699" s="52"/>
      <c r="T3699" s="52"/>
      <c r="U3699" s="52"/>
      <c r="V3699" s="52"/>
      <c r="W3699" s="52"/>
    </row>
    <row r="3700" spans="1:23" hidden="1" x14ac:dyDescent="0.35">
      <c r="A3700" s="52" t="s">
        <v>78</v>
      </c>
      <c r="B3700" s="52" t="s">
        <v>79</v>
      </c>
      <c r="C3700" s="3">
        <v>20</v>
      </c>
      <c r="D3700" s="52" t="s">
        <v>2020</v>
      </c>
      <c r="E3700" s="52" t="s">
        <v>26</v>
      </c>
      <c r="F3700" s="52" t="s">
        <v>81</v>
      </c>
      <c r="G3700" s="52" t="s">
        <v>82</v>
      </c>
      <c r="H3700" s="4">
        <v>1</v>
      </c>
      <c r="I3700" s="2">
        <v>14.65</v>
      </c>
      <c r="J3700" s="52" t="s">
        <v>8913</v>
      </c>
      <c r="K3700" s="71" t="s">
        <v>8914</v>
      </c>
      <c r="L3700" s="52" t="s">
        <v>2063</v>
      </c>
      <c r="M3700" s="72">
        <v>6312</v>
      </c>
      <c r="N3700" s="52" t="s">
        <v>2072</v>
      </c>
      <c r="O3700" s="52" t="s">
        <v>2073</v>
      </c>
      <c r="P3700" s="52"/>
      <c r="Q3700" s="52"/>
      <c r="R3700" s="52"/>
      <c r="S3700" s="52"/>
      <c r="T3700" s="52"/>
      <c r="U3700" s="52"/>
      <c r="V3700" s="52"/>
      <c r="W3700" s="52"/>
    </row>
    <row r="3701" spans="1:23" hidden="1" x14ac:dyDescent="0.35">
      <c r="A3701" s="52" t="s">
        <v>78</v>
      </c>
      <c r="B3701" s="52" t="s">
        <v>79</v>
      </c>
      <c r="C3701" s="3">
        <v>20</v>
      </c>
      <c r="D3701" s="52" t="s">
        <v>2019</v>
      </c>
      <c r="E3701" s="52" t="s">
        <v>26</v>
      </c>
      <c r="F3701" s="52" t="s">
        <v>81</v>
      </c>
      <c r="G3701" s="52" t="s">
        <v>82</v>
      </c>
      <c r="H3701" s="4">
        <v>1</v>
      </c>
      <c r="I3701" s="2">
        <v>14.65</v>
      </c>
      <c r="J3701" s="52" t="s">
        <v>8915</v>
      </c>
      <c r="K3701" s="71" t="s">
        <v>8916</v>
      </c>
      <c r="L3701" s="52" t="s">
        <v>2063</v>
      </c>
      <c r="M3701" s="72">
        <v>8550</v>
      </c>
      <c r="N3701" s="52" t="s">
        <v>2072</v>
      </c>
      <c r="O3701" s="52" t="s">
        <v>2073</v>
      </c>
      <c r="P3701" s="52"/>
      <c r="Q3701" s="52"/>
      <c r="R3701" s="52"/>
      <c r="S3701" s="52"/>
      <c r="T3701" s="52"/>
      <c r="U3701" s="52"/>
      <c r="V3701" s="52"/>
      <c r="W3701" s="52"/>
    </row>
    <row r="3702" spans="1:23" hidden="1" x14ac:dyDescent="0.35">
      <c r="A3702" s="52" t="s">
        <v>78</v>
      </c>
      <c r="B3702" s="52" t="s">
        <v>79</v>
      </c>
      <c r="C3702" s="3">
        <v>230</v>
      </c>
      <c r="D3702" s="52" t="s">
        <v>83</v>
      </c>
      <c r="E3702" s="52" t="s">
        <v>26</v>
      </c>
      <c r="F3702" s="52" t="s">
        <v>81</v>
      </c>
      <c r="G3702" s="52" t="s">
        <v>82</v>
      </c>
      <c r="H3702" s="4">
        <v>1</v>
      </c>
      <c r="I3702" s="2">
        <v>14.65</v>
      </c>
      <c r="J3702" s="52" t="s">
        <v>8803</v>
      </c>
      <c r="K3702" s="71" t="s">
        <v>8917</v>
      </c>
      <c r="L3702" s="52" t="s">
        <v>2063</v>
      </c>
      <c r="M3702" s="72">
        <v>2014</v>
      </c>
      <c r="N3702" s="52" t="s">
        <v>2154</v>
      </c>
      <c r="O3702" s="52" t="s">
        <v>2155</v>
      </c>
      <c r="P3702" s="52"/>
      <c r="Q3702" s="52"/>
      <c r="R3702" s="52"/>
      <c r="S3702" s="52"/>
      <c r="T3702" s="52"/>
      <c r="U3702" s="52"/>
      <c r="V3702" s="52"/>
      <c r="W3702" s="52"/>
    </row>
    <row r="3703" spans="1:23" hidden="1" x14ac:dyDescent="0.35">
      <c r="A3703" s="52" t="s">
        <v>78</v>
      </c>
      <c r="B3703" s="52" t="s">
        <v>79</v>
      </c>
      <c r="C3703" s="3">
        <v>10</v>
      </c>
      <c r="D3703" s="52" t="s">
        <v>2019</v>
      </c>
      <c r="E3703" s="52" t="s">
        <v>26</v>
      </c>
      <c r="F3703" s="52" t="s">
        <v>81</v>
      </c>
      <c r="G3703" s="52" t="s">
        <v>82</v>
      </c>
      <c r="H3703" s="4">
        <v>1</v>
      </c>
      <c r="I3703" s="2">
        <v>14.65</v>
      </c>
      <c r="J3703" s="52" t="s">
        <v>8918</v>
      </c>
      <c r="K3703" s="71" t="s">
        <v>8919</v>
      </c>
      <c r="L3703" s="52" t="s">
        <v>2063</v>
      </c>
      <c r="M3703" s="72">
        <v>7393</v>
      </c>
      <c r="N3703" s="52" t="s">
        <v>2066</v>
      </c>
      <c r="O3703" s="52" t="s">
        <v>2067</v>
      </c>
      <c r="P3703" s="52"/>
      <c r="Q3703" s="52"/>
      <c r="R3703" s="52"/>
      <c r="S3703" s="52"/>
      <c r="T3703" s="52"/>
      <c r="U3703" s="52"/>
      <c r="V3703" s="52"/>
      <c r="W3703" s="52"/>
    </row>
    <row r="3704" spans="1:23" hidden="1" x14ac:dyDescent="0.35">
      <c r="A3704" s="52" t="s">
        <v>78</v>
      </c>
      <c r="B3704" s="52" t="s">
        <v>79</v>
      </c>
      <c r="C3704" s="3">
        <v>10</v>
      </c>
      <c r="D3704" s="52" t="s">
        <v>2023</v>
      </c>
      <c r="E3704" s="52" t="s">
        <v>26</v>
      </c>
      <c r="F3704" s="52" t="s">
        <v>81</v>
      </c>
      <c r="G3704" s="52" t="s">
        <v>82</v>
      </c>
      <c r="H3704" s="4">
        <v>1</v>
      </c>
      <c r="I3704" s="2">
        <v>14.65</v>
      </c>
      <c r="J3704" s="52" t="s">
        <v>8920</v>
      </c>
      <c r="K3704" s="71" t="s">
        <v>8921</v>
      </c>
      <c r="L3704" s="52" t="s">
        <v>2095</v>
      </c>
      <c r="M3704" s="72">
        <v>5126</v>
      </c>
      <c r="N3704" s="52" t="s">
        <v>2066</v>
      </c>
      <c r="O3704" s="52" t="s">
        <v>2067</v>
      </c>
      <c r="P3704" s="52"/>
      <c r="Q3704" s="52"/>
      <c r="R3704" s="52"/>
      <c r="S3704" s="52"/>
      <c r="T3704" s="52"/>
      <c r="U3704" s="52"/>
      <c r="V3704" s="52"/>
      <c r="W3704" s="52"/>
    </row>
    <row r="3705" spans="1:23" hidden="1" x14ac:dyDescent="0.35">
      <c r="A3705" s="52" t="s">
        <v>78</v>
      </c>
      <c r="B3705" s="52" t="s">
        <v>79</v>
      </c>
      <c r="C3705" s="3">
        <v>10</v>
      </c>
      <c r="D3705" s="52" t="s">
        <v>83</v>
      </c>
      <c r="E3705" s="52" t="s">
        <v>26</v>
      </c>
      <c r="F3705" s="52" t="s">
        <v>81</v>
      </c>
      <c r="G3705" s="52" t="s">
        <v>82</v>
      </c>
      <c r="H3705" s="4">
        <v>1</v>
      </c>
      <c r="I3705" s="2">
        <v>14.65</v>
      </c>
      <c r="J3705" s="52" t="s">
        <v>8922</v>
      </c>
      <c r="K3705" s="71" t="s">
        <v>8923</v>
      </c>
      <c r="L3705" s="52" t="s">
        <v>2063</v>
      </c>
      <c r="M3705" s="72">
        <v>990</v>
      </c>
      <c r="N3705" s="52"/>
      <c r="O3705" s="52"/>
      <c r="P3705" s="52"/>
      <c r="Q3705" s="52"/>
      <c r="R3705" s="52"/>
      <c r="S3705" s="52"/>
      <c r="T3705" s="52"/>
      <c r="U3705" s="52"/>
      <c r="V3705" s="52"/>
      <c r="W3705" s="52"/>
    </row>
    <row r="3706" spans="1:23" hidden="1" x14ac:dyDescent="0.35">
      <c r="A3706" s="52" t="s">
        <v>78</v>
      </c>
      <c r="B3706" s="52" t="s">
        <v>79</v>
      </c>
      <c r="C3706" s="3">
        <v>10</v>
      </c>
      <c r="D3706" s="52" t="s">
        <v>80</v>
      </c>
      <c r="E3706" s="52" t="s">
        <v>26</v>
      </c>
      <c r="F3706" s="52" t="s">
        <v>81</v>
      </c>
      <c r="G3706" s="52" t="s">
        <v>82</v>
      </c>
      <c r="H3706" s="4">
        <v>1</v>
      </c>
      <c r="I3706" s="2">
        <v>14.65</v>
      </c>
      <c r="J3706" s="52" t="s">
        <v>8924</v>
      </c>
      <c r="K3706" s="71" t="s">
        <v>8925</v>
      </c>
      <c r="L3706" s="52" t="s">
        <v>2063</v>
      </c>
      <c r="M3706" s="72">
        <v>7768</v>
      </c>
      <c r="N3706" s="52" t="s">
        <v>2072</v>
      </c>
      <c r="O3706" s="52" t="s">
        <v>2073</v>
      </c>
      <c r="P3706" s="52"/>
      <c r="Q3706" s="52"/>
      <c r="R3706" s="52"/>
      <c r="S3706" s="52"/>
      <c r="T3706" s="52"/>
      <c r="U3706" s="52"/>
      <c r="V3706" s="52"/>
      <c r="W3706" s="52"/>
    </row>
    <row r="3707" spans="1:23" hidden="1" x14ac:dyDescent="0.35">
      <c r="A3707" s="52" t="s">
        <v>78</v>
      </c>
      <c r="B3707" s="52" t="s">
        <v>79</v>
      </c>
      <c r="C3707" s="3">
        <v>10</v>
      </c>
      <c r="D3707" s="52" t="s">
        <v>2023</v>
      </c>
      <c r="E3707" s="52" t="s">
        <v>26</v>
      </c>
      <c r="F3707" s="52" t="s">
        <v>81</v>
      </c>
      <c r="G3707" s="52" t="s">
        <v>82</v>
      </c>
      <c r="H3707" s="4">
        <v>1</v>
      </c>
      <c r="I3707" s="2">
        <v>14.65</v>
      </c>
      <c r="J3707" s="52" t="s">
        <v>8926</v>
      </c>
      <c r="K3707" s="71" t="s">
        <v>8927</v>
      </c>
      <c r="L3707" s="52" t="s">
        <v>2063</v>
      </c>
      <c r="M3707" s="72">
        <v>3302</v>
      </c>
      <c r="N3707" s="52"/>
      <c r="O3707" s="52"/>
      <c r="P3707" s="52"/>
      <c r="Q3707" s="52"/>
      <c r="R3707" s="52"/>
      <c r="S3707" s="52"/>
      <c r="T3707" s="52"/>
      <c r="U3707" s="52"/>
      <c r="V3707" s="52"/>
      <c r="W3707" s="52"/>
    </row>
    <row r="3708" spans="1:23" hidden="1" x14ac:dyDescent="0.35">
      <c r="A3708" s="52" t="s">
        <v>78</v>
      </c>
      <c r="B3708" s="52" t="s">
        <v>79</v>
      </c>
      <c r="C3708" s="3">
        <v>20</v>
      </c>
      <c r="D3708" s="52" t="s">
        <v>2024</v>
      </c>
      <c r="E3708" s="52" t="s">
        <v>26</v>
      </c>
      <c r="F3708" s="52" t="s">
        <v>81</v>
      </c>
      <c r="G3708" s="52" t="s">
        <v>82</v>
      </c>
      <c r="H3708" s="4">
        <v>1</v>
      </c>
      <c r="I3708" s="2">
        <v>14.65</v>
      </c>
      <c r="J3708" s="52" t="s">
        <v>8928</v>
      </c>
      <c r="K3708" s="71" t="s">
        <v>8929</v>
      </c>
      <c r="L3708" s="52" t="s">
        <v>2063</v>
      </c>
      <c r="M3708" s="72">
        <v>5511</v>
      </c>
      <c r="N3708" s="52"/>
      <c r="O3708" s="52"/>
      <c r="P3708" s="52"/>
      <c r="Q3708" s="52"/>
      <c r="R3708" s="52"/>
      <c r="S3708" s="52"/>
      <c r="T3708" s="52"/>
      <c r="U3708" s="52"/>
      <c r="V3708" s="52"/>
      <c r="W3708" s="52"/>
    </row>
    <row r="3709" spans="1:23" hidden="1" x14ac:dyDescent="0.35">
      <c r="A3709" s="52" t="s">
        <v>78</v>
      </c>
      <c r="B3709" s="52" t="s">
        <v>79</v>
      </c>
      <c r="C3709" s="3">
        <v>20</v>
      </c>
      <c r="D3709" s="52" t="s">
        <v>85</v>
      </c>
      <c r="E3709" s="52" t="s">
        <v>26</v>
      </c>
      <c r="F3709" s="52" t="s">
        <v>81</v>
      </c>
      <c r="G3709" s="52" t="s">
        <v>82</v>
      </c>
      <c r="H3709" s="4">
        <v>1</v>
      </c>
      <c r="I3709" s="2">
        <v>14.65</v>
      </c>
      <c r="J3709" s="52" t="s">
        <v>8930</v>
      </c>
      <c r="K3709" s="71" t="s">
        <v>8931</v>
      </c>
      <c r="L3709" s="52" t="s">
        <v>2063</v>
      </c>
      <c r="M3709" s="72">
        <v>6822</v>
      </c>
      <c r="N3709" s="52" t="s">
        <v>2072</v>
      </c>
      <c r="O3709" s="52" t="s">
        <v>2073</v>
      </c>
      <c r="P3709" s="52"/>
      <c r="Q3709" s="52"/>
      <c r="R3709" s="52"/>
      <c r="S3709" s="52"/>
      <c r="T3709" s="52"/>
      <c r="U3709" s="52"/>
      <c r="V3709" s="52"/>
      <c r="W3709" s="52"/>
    </row>
    <row r="3710" spans="1:23" hidden="1" x14ac:dyDescent="0.35">
      <c r="A3710" s="52" t="s">
        <v>78</v>
      </c>
      <c r="B3710" s="52" t="s">
        <v>79</v>
      </c>
      <c r="C3710" s="3">
        <v>20</v>
      </c>
      <c r="D3710" s="52" t="s">
        <v>2019</v>
      </c>
      <c r="E3710" s="52" t="s">
        <v>26</v>
      </c>
      <c r="F3710" s="52" t="s">
        <v>81</v>
      </c>
      <c r="G3710" s="52" t="s">
        <v>82</v>
      </c>
      <c r="H3710" s="4">
        <v>1</v>
      </c>
      <c r="I3710" s="2">
        <v>14.65</v>
      </c>
      <c r="J3710" s="52" t="s">
        <v>8520</v>
      </c>
      <c r="K3710" s="71" t="s">
        <v>8932</v>
      </c>
      <c r="L3710" s="52" t="s">
        <v>2063</v>
      </c>
      <c r="M3710" s="72">
        <v>7072</v>
      </c>
      <c r="N3710" s="52"/>
      <c r="O3710" s="52"/>
      <c r="P3710" s="52"/>
      <c r="Q3710" s="52"/>
      <c r="R3710" s="52"/>
      <c r="S3710" s="52"/>
      <c r="T3710" s="52"/>
      <c r="U3710" s="52"/>
      <c r="V3710" s="52"/>
      <c r="W3710" s="52"/>
    </row>
    <row r="3711" spans="1:23" hidden="1" x14ac:dyDescent="0.35">
      <c r="A3711" s="52" t="s">
        <v>78</v>
      </c>
      <c r="B3711" s="52" t="s">
        <v>79</v>
      </c>
      <c r="C3711" s="3">
        <v>10</v>
      </c>
      <c r="D3711" s="52" t="s">
        <v>2020</v>
      </c>
      <c r="E3711" s="52" t="s">
        <v>26</v>
      </c>
      <c r="F3711" s="52" t="s">
        <v>81</v>
      </c>
      <c r="G3711" s="52" t="s">
        <v>82</v>
      </c>
      <c r="H3711" s="4">
        <v>1</v>
      </c>
      <c r="I3711" s="2">
        <v>14.65</v>
      </c>
      <c r="J3711" s="52" t="s">
        <v>8933</v>
      </c>
      <c r="K3711" s="71" t="s">
        <v>8934</v>
      </c>
      <c r="L3711" s="52" t="s">
        <v>2063</v>
      </c>
      <c r="M3711" s="72">
        <v>5149</v>
      </c>
      <c r="N3711" s="52" t="s">
        <v>2072</v>
      </c>
      <c r="O3711" s="52" t="s">
        <v>2073</v>
      </c>
      <c r="P3711" s="52"/>
      <c r="Q3711" s="52"/>
      <c r="R3711" s="52"/>
      <c r="S3711" s="52"/>
      <c r="T3711" s="52"/>
      <c r="U3711" s="52"/>
      <c r="V3711" s="52"/>
      <c r="W3711" s="52"/>
    </row>
    <row r="3712" spans="1:23" hidden="1" x14ac:dyDescent="0.35">
      <c r="A3712" s="52" t="s">
        <v>78</v>
      </c>
      <c r="B3712" s="52" t="s">
        <v>79</v>
      </c>
      <c r="C3712" s="3">
        <v>212</v>
      </c>
      <c r="D3712" s="52" t="s">
        <v>2024</v>
      </c>
      <c r="E3712" s="52" t="s">
        <v>26</v>
      </c>
      <c r="F3712" s="52" t="s">
        <v>81</v>
      </c>
      <c r="G3712" s="52" t="s">
        <v>82</v>
      </c>
      <c r="H3712" s="4">
        <v>1</v>
      </c>
      <c r="I3712" s="2">
        <v>14.65</v>
      </c>
      <c r="J3712" s="52" t="s">
        <v>8935</v>
      </c>
      <c r="K3712" s="71" t="s">
        <v>8936</v>
      </c>
      <c r="L3712" s="52" t="s">
        <v>2063</v>
      </c>
      <c r="M3712" s="72">
        <v>3797</v>
      </c>
      <c r="N3712" s="52" t="s">
        <v>2066</v>
      </c>
      <c r="O3712" s="52" t="s">
        <v>2067</v>
      </c>
      <c r="P3712" s="52"/>
      <c r="Q3712" s="52"/>
      <c r="R3712" s="52"/>
      <c r="S3712" s="52"/>
      <c r="T3712" s="52"/>
      <c r="U3712" s="52"/>
      <c r="V3712" s="52"/>
      <c r="W3712" s="52"/>
    </row>
    <row r="3713" spans="1:23" hidden="1" x14ac:dyDescent="0.35">
      <c r="A3713" s="52" t="s">
        <v>78</v>
      </c>
      <c r="B3713" s="52" t="s">
        <v>79</v>
      </c>
      <c r="C3713" s="3">
        <v>20</v>
      </c>
      <c r="D3713" s="52" t="s">
        <v>83</v>
      </c>
      <c r="E3713" s="52" t="s">
        <v>26</v>
      </c>
      <c r="F3713" s="52" t="s">
        <v>81</v>
      </c>
      <c r="G3713" s="52" t="s">
        <v>82</v>
      </c>
      <c r="H3713" s="4">
        <v>1</v>
      </c>
      <c r="I3713" s="2">
        <v>14.65</v>
      </c>
      <c r="J3713" s="52" t="s">
        <v>8937</v>
      </c>
      <c r="K3713" s="71" t="s">
        <v>8938</v>
      </c>
      <c r="L3713" s="52" t="s">
        <v>2063</v>
      </c>
      <c r="M3713" s="72">
        <v>9936</v>
      </c>
      <c r="N3713" s="52" t="s">
        <v>2066</v>
      </c>
      <c r="O3713" s="52" t="s">
        <v>2067</v>
      </c>
      <c r="P3713" s="52"/>
      <c r="Q3713" s="52"/>
      <c r="R3713" s="52"/>
      <c r="S3713" s="52"/>
      <c r="T3713" s="52"/>
      <c r="U3713" s="52"/>
      <c r="V3713" s="52"/>
      <c r="W3713" s="52"/>
    </row>
    <row r="3714" spans="1:23" hidden="1" x14ac:dyDescent="0.35">
      <c r="A3714" s="52" t="s">
        <v>78</v>
      </c>
      <c r="B3714" s="52" t="s">
        <v>79</v>
      </c>
      <c r="C3714" s="3">
        <v>20</v>
      </c>
      <c r="D3714" s="52" t="s">
        <v>86</v>
      </c>
      <c r="E3714" s="52" t="s">
        <v>26</v>
      </c>
      <c r="F3714" s="52" t="s">
        <v>81</v>
      </c>
      <c r="G3714" s="52" t="s">
        <v>82</v>
      </c>
      <c r="H3714" s="4">
        <v>1</v>
      </c>
      <c r="I3714" s="2">
        <v>14.65</v>
      </c>
      <c r="J3714" s="52" t="s">
        <v>8939</v>
      </c>
      <c r="K3714" s="71" t="s">
        <v>8940</v>
      </c>
      <c r="L3714" s="52" t="s">
        <v>2063</v>
      </c>
      <c r="M3714" s="72">
        <v>1693</v>
      </c>
      <c r="N3714" s="52" t="s">
        <v>2158</v>
      </c>
      <c r="O3714" s="52" t="s">
        <v>2159</v>
      </c>
      <c r="P3714" s="52"/>
      <c r="Q3714" s="52"/>
      <c r="R3714" s="52"/>
      <c r="S3714" s="52"/>
      <c r="T3714" s="52"/>
      <c r="U3714" s="52"/>
      <c r="V3714" s="52"/>
      <c r="W3714" s="52"/>
    </row>
    <row r="3715" spans="1:23" hidden="1" x14ac:dyDescent="0.35">
      <c r="A3715" s="52" t="s">
        <v>78</v>
      </c>
      <c r="B3715" s="52" t="s">
        <v>79</v>
      </c>
      <c r="C3715" s="3">
        <v>20</v>
      </c>
      <c r="D3715" s="52" t="s">
        <v>87</v>
      </c>
      <c r="E3715" s="52" t="s">
        <v>26</v>
      </c>
      <c r="F3715" s="52" t="s">
        <v>81</v>
      </c>
      <c r="G3715" s="52" t="s">
        <v>82</v>
      </c>
      <c r="H3715" s="4">
        <v>1</v>
      </c>
      <c r="I3715" s="2">
        <v>14.65</v>
      </c>
      <c r="J3715" s="52" t="s">
        <v>8941</v>
      </c>
      <c r="K3715" s="71" t="s">
        <v>8942</v>
      </c>
      <c r="L3715" s="52" t="s">
        <v>2063</v>
      </c>
      <c r="M3715" s="72">
        <v>8957</v>
      </c>
      <c r="N3715" s="52"/>
      <c r="O3715" s="52"/>
      <c r="P3715" s="52"/>
      <c r="Q3715" s="52"/>
      <c r="R3715" s="52"/>
      <c r="S3715" s="52"/>
      <c r="T3715" s="52"/>
      <c r="U3715" s="52"/>
      <c r="V3715" s="52"/>
      <c r="W3715" s="52"/>
    </row>
    <row r="3716" spans="1:23" hidden="1" x14ac:dyDescent="0.35">
      <c r="A3716" s="52" t="s">
        <v>78</v>
      </c>
      <c r="B3716" s="52" t="s">
        <v>79</v>
      </c>
      <c r="C3716" s="3">
        <v>20</v>
      </c>
      <c r="D3716" s="52" t="s">
        <v>83</v>
      </c>
      <c r="E3716" s="52" t="s">
        <v>26</v>
      </c>
      <c r="F3716" s="52" t="s">
        <v>81</v>
      </c>
      <c r="G3716" s="52" t="s">
        <v>82</v>
      </c>
      <c r="H3716" s="4">
        <v>1</v>
      </c>
      <c r="I3716" s="2">
        <v>14.65</v>
      </c>
      <c r="J3716" s="52" t="s">
        <v>8943</v>
      </c>
      <c r="K3716" s="71" t="s">
        <v>8944</v>
      </c>
      <c r="L3716" s="52" t="s">
        <v>2063</v>
      </c>
      <c r="M3716" s="72">
        <v>1491</v>
      </c>
      <c r="N3716" s="52" t="s">
        <v>2072</v>
      </c>
      <c r="O3716" s="52" t="s">
        <v>2073</v>
      </c>
      <c r="P3716" s="52"/>
      <c r="Q3716" s="52"/>
      <c r="R3716" s="52"/>
      <c r="S3716" s="52"/>
      <c r="T3716" s="52"/>
      <c r="U3716" s="52"/>
      <c r="V3716" s="52"/>
      <c r="W3716" s="52"/>
    </row>
    <row r="3717" spans="1:23" hidden="1" x14ac:dyDescent="0.35">
      <c r="A3717" s="52" t="s">
        <v>78</v>
      </c>
      <c r="B3717" s="52" t="s">
        <v>79</v>
      </c>
      <c r="C3717" s="3">
        <v>10</v>
      </c>
      <c r="D3717" s="52" t="s">
        <v>85</v>
      </c>
      <c r="E3717" s="52" t="s">
        <v>26</v>
      </c>
      <c r="F3717" s="52" t="s">
        <v>81</v>
      </c>
      <c r="G3717" s="52" t="s">
        <v>82</v>
      </c>
      <c r="H3717" s="4">
        <v>1</v>
      </c>
      <c r="I3717" s="2">
        <v>14.65</v>
      </c>
      <c r="J3717" s="52" t="s">
        <v>8631</v>
      </c>
      <c r="K3717" s="71" t="s">
        <v>8945</v>
      </c>
      <c r="L3717" s="52" t="s">
        <v>2063</v>
      </c>
      <c r="M3717" s="72">
        <v>2332</v>
      </c>
      <c r="N3717" s="52"/>
      <c r="O3717" s="52"/>
      <c r="P3717" s="52"/>
      <c r="Q3717" s="52"/>
      <c r="R3717" s="52"/>
      <c r="S3717" s="52"/>
      <c r="T3717" s="52"/>
      <c r="U3717" s="52"/>
      <c r="V3717" s="52"/>
      <c r="W3717" s="52"/>
    </row>
    <row r="3718" spans="1:23" hidden="1" x14ac:dyDescent="0.35">
      <c r="A3718" s="52" t="s">
        <v>78</v>
      </c>
      <c r="B3718" s="52" t="s">
        <v>79</v>
      </c>
      <c r="C3718" s="3">
        <v>10</v>
      </c>
      <c r="D3718" s="52" t="s">
        <v>2024</v>
      </c>
      <c r="E3718" s="52" t="s">
        <v>26</v>
      </c>
      <c r="F3718" s="52" t="s">
        <v>81</v>
      </c>
      <c r="G3718" s="52" t="s">
        <v>82</v>
      </c>
      <c r="H3718" s="4">
        <v>1</v>
      </c>
      <c r="I3718" s="2">
        <v>14.65</v>
      </c>
      <c r="J3718" s="52" t="s">
        <v>8946</v>
      </c>
      <c r="K3718" s="71" t="s">
        <v>8947</v>
      </c>
      <c r="L3718" s="52" t="s">
        <v>2063</v>
      </c>
      <c r="M3718" s="72">
        <v>4882</v>
      </c>
      <c r="N3718" s="52"/>
      <c r="O3718" s="52"/>
      <c r="P3718" s="52"/>
      <c r="Q3718" s="52"/>
      <c r="R3718" s="52"/>
      <c r="S3718" s="52"/>
      <c r="T3718" s="52"/>
      <c r="U3718" s="52"/>
      <c r="V3718" s="52"/>
      <c r="W3718" s="52"/>
    </row>
    <row r="3719" spans="1:23" hidden="1" x14ac:dyDescent="0.35">
      <c r="A3719" s="52" t="s">
        <v>78</v>
      </c>
      <c r="B3719" s="52" t="s">
        <v>79</v>
      </c>
      <c r="C3719" s="3">
        <v>20</v>
      </c>
      <c r="D3719" s="52" t="s">
        <v>85</v>
      </c>
      <c r="E3719" s="52" t="s">
        <v>26</v>
      </c>
      <c r="F3719" s="52" t="s">
        <v>81</v>
      </c>
      <c r="G3719" s="52" t="s">
        <v>82</v>
      </c>
      <c r="H3719" s="4">
        <v>1</v>
      </c>
      <c r="I3719" s="2">
        <v>14.65</v>
      </c>
      <c r="J3719" s="52" t="s">
        <v>8948</v>
      </c>
      <c r="K3719" s="71" t="s">
        <v>8949</v>
      </c>
      <c r="L3719" s="52" t="s">
        <v>2063</v>
      </c>
      <c r="M3719" s="72">
        <v>5727</v>
      </c>
      <c r="N3719" s="52" t="s">
        <v>2072</v>
      </c>
      <c r="O3719" s="52" t="s">
        <v>2073</v>
      </c>
      <c r="P3719" s="52"/>
      <c r="Q3719" s="52"/>
      <c r="R3719" s="52"/>
      <c r="S3719" s="52"/>
      <c r="T3719" s="52"/>
      <c r="U3719" s="52"/>
      <c r="V3719" s="52"/>
      <c r="W3719" s="52"/>
    </row>
    <row r="3720" spans="1:23" x14ac:dyDescent="0.35">
      <c r="A3720" s="52" t="s">
        <v>78</v>
      </c>
      <c r="B3720" s="52" t="s">
        <v>79</v>
      </c>
      <c r="C3720" s="3">
        <v>20</v>
      </c>
      <c r="D3720" s="52" t="s">
        <v>2020</v>
      </c>
      <c r="E3720" s="52" t="s">
        <v>26</v>
      </c>
      <c r="F3720" s="52" t="s">
        <v>81</v>
      </c>
      <c r="G3720" s="52" t="s">
        <v>82</v>
      </c>
      <c r="H3720" s="4">
        <v>1</v>
      </c>
      <c r="I3720" s="2">
        <v>14.65</v>
      </c>
      <c r="J3720" s="52" t="s">
        <v>8950</v>
      </c>
      <c r="K3720" s="71" t="s">
        <v>8951</v>
      </c>
      <c r="L3720" s="52" t="s">
        <v>2063</v>
      </c>
      <c r="M3720" s="72">
        <v>4852</v>
      </c>
      <c r="N3720" s="52" t="s">
        <v>2259</v>
      </c>
      <c r="O3720" s="52" t="s">
        <v>2260</v>
      </c>
      <c r="P3720" s="52"/>
      <c r="Q3720" s="52"/>
      <c r="R3720" s="52"/>
      <c r="S3720" s="52"/>
      <c r="T3720" s="52"/>
      <c r="U3720" s="52"/>
      <c r="V3720" s="52"/>
      <c r="W3720" s="52"/>
    </row>
    <row r="3721" spans="1:23" hidden="1" x14ac:dyDescent="0.35">
      <c r="A3721" s="52" t="s">
        <v>78</v>
      </c>
      <c r="B3721" s="52" t="s">
        <v>79</v>
      </c>
      <c r="C3721" s="3">
        <v>10</v>
      </c>
      <c r="D3721" s="52" t="s">
        <v>85</v>
      </c>
      <c r="E3721" s="52" t="s">
        <v>26</v>
      </c>
      <c r="F3721" s="52" t="s">
        <v>81</v>
      </c>
      <c r="G3721" s="52" t="s">
        <v>82</v>
      </c>
      <c r="H3721" s="4">
        <v>1</v>
      </c>
      <c r="I3721" s="2">
        <v>14.65</v>
      </c>
      <c r="J3721" s="52" t="s">
        <v>8952</v>
      </c>
      <c r="K3721" s="71" t="s">
        <v>8953</v>
      </c>
      <c r="L3721" s="52" t="s">
        <v>2063</v>
      </c>
      <c r="M3721" s="72">
        <v>3115</v>
      </c>
      <c r="N3721" s="52"/>
      <c r="O3721" s="52"/>
      <c r="P3721" s="52"/>
      <c r="Q3721" s="52"/>
      <c r="R3721" s="52"/>
      <c r="S3721" s="52"/>
      <c r="T3721" s="52"/>
      <c r="U3721" s="52"/>
      <c r="V3721" s="52"/>
      <c r="W3721" s="52"/>
    </row>
    <row r="3722" spans="1:23" hidden="1" x14ac:dyDescent="0.35">
      <c r="A3722" s="52" t="s">
        <v>78</v>
      </c>
      <c r="B3722" s="52" t="s">
        <v>79</v>
      </c>
      <c r="C3722" s="3">
        <v>20</v>
      </c>
      <c r="D3722" s="52" t="s">
        <v>2024</v>
      </c>
      <c r="E3722" s="52" t="s">
        <v>26</v>
      </c>
      <c r="F3722" s="52" t="s">
        <v>81</v>
      </c>
      <c r="G3722" s="52" t="s">
        <v>82</v>
      </c>
      <c r="H3722" s="4">
        <v>1</v>
      </c>
      <c r="I3722" s="2">
        <v>14.65</v>
      </c>
      <c r="J3722" s="52" t="s">
        <v>8954</v>
      </c>
      <c r="K3722" s="71" t="s">
        <v>8955</v>
      </c>
      <c r="L3722" s="52" t="s">
        <v>2063</v>
      </c>
      <c r="M3722" s="72">
        <v>9338</v>
      </c>
      <c r="N3722" s="52"/>
      <c r="O3722" s="52"/>
      <c r="P3722" s="52"/>
      <c r="Q3722" s="52"/>
      <c r="R3722" s="52"/>
      <c r="S3722" s="52"/>
      <c r="T3722" s="52"/>
      <c r="U3722" s="52"/>
      <c r="V3722" s="52"/>
      <c r="W3722" s="52"/>
    </row>
    <row r="3723" spans="1:23" hidden="1" x14ac:dyDescent="0.35">
      <c r="A3723" s="52" t="s">
        <v>78</v>
      </c>
      <c r="B3723" s="52" t="s">
        <v>79</v>
      </c>
      <c r="C3723" s="3">
        <v>20</v>
      </c>
      <c r="D3723" s="52" t="s">
        <v>80</v>
      </c>
      <c r="E3723" s="52" t="s">
        <v>26</v>
      </c>
      <c r="F3723" s="52" t="s">
        <v>81</v>
      </c>
      <c r="G3723" s="52" t="s">
        <v>82</v>
      </c>
      <c r="H3723" s="4">
        <v>1</v>
      </c>
      <c r="I3723" s="2">
        <v>14.65</v>
      </c>
      <c r="J3723" s="52" t="s">
        <v>8956</v>
      </c>
      <c r="K3723" s="71" t="s">
        <v>8957</v>
      </c>
      <c r="L3723" s="52" t="s">
        <v>2063</v>
      </c>
      <c r="M3723" s="72">
        <v>5479</v>
      </c>
      <c r="N3723" s="52" t="s">
        <v>2072</v>
      </c>
      <c r="O3723" s="52" t="s">
        <v>2073</v>
      </c>
      <c r="P3723" s="52"/>
      <c r="Q3723" s="52"/>
      <c r="R3723" s="52"/>
      <c r="S3723" s="52"/>
      <c r="T3723" s="52"/>
      <c r="U3723" s="52"/>
      <c r="V3723" s="52"/>
      <c r="W3723" s="52"/>
    </row>
    <row r="3724" spans="1:23" x14ac:dyDescent="0.35">
      <c r="A3724" s="52" t="s">
        <v>78</v>
      </c>
      <c r="B3724" s="52" t="s">
        <v>79</v>
      </c>
      <c r="C3724" s="3">
        <v>10</v>
      </c>
      <c r="D3724" s="52" t="s">
        <v>2023</v>
      </c>
      <c r="E3724" s="52" t="s">
        <v>26</v>
      </c>
      <c r="F3724" s="52" t="s">
        <v>81</v>
      </c>
      <c r="G3724" s="52" t="s">
        <v>82</v>
      </c>
      <c r="H3724" s="4">
        <v>1</v>
      </c>
      <c r="I3724" s="2">
        <v>14.65</v>
      </c>
      <c r="J3724" s="52" t="s">
        <v>8958</v>
      </c>
      <c r="K3724" s="71" t="s">
        <v>8959</v>
      </c>
      <c r="L3724" s="52" t="s">
        <v>2063</v>
      </c>
      <c r="M3724" s="72">
        <v>3517</v>
      </c>
      <c r="N3724" s="52" t="s">
        <v>2259</v>
      </c>
      <c r="O3724" s="52" t="s">
        <v>2260</v>
      </c>
      <c r="P3724" s="52"/>
      <c r="Q3724" s="52"/>
      <c r="R3724" s="52"/>
      <c r="S3724" s="52"/>
      <c r="T3724" s="52"/>
      <c r="U3724" s="52"/>
      <c r="V3724" s="52"/>
      <c r="W3724" s="52"/>
    </row>
    <row r="3725" spans="1:23" x14ac:dyDescent="0.35">
      <c r="A3725" s="52" t="s">
        <v>78</v>
      </c>
      <c r="B3725" s="52" t="s">
        <v>79</v>
      </c>
      <c r="C3725" s="3">
        <v>20</v>
      </c>
      <c r="D3725" s="52" t="s">
        <v>2024</v>
      </c>
      <c r="E3725" s="52" t="s">
        <v>26</v>
      </c>
      <c r="F3725" s="52" t="s">
        <v>81</v>
      </c>
      <c r="G3725" s="52" t="s">
        <v>82</v>
      </c>
      <c r="H3725" s="4">
        <v>1</v>
      </c>
      <c r="I3725" s="2">
        <v>14.65</v>
      </c>
      <c r="J3725" s="52" t="s">
        <v>8960</v>
      </c>
      <c r="K3725" s="71" t="s">
        <v>8961</v>
      </c>
      <c r="L3725" s="52" t="s">
        <v>2063</v>
      </c>
      <c r="M3725" s="72">
        <v>2782</v>
      </c>
      <c r="N3725" s="52" t="s">
        <v>2259</v>
      </c>
      <c r="O3725" s="52" t="s">
        <v>2260</v>
      </c>
      <c r="P3725" s="52"/>
      <c r="Q3725" s="52"/>
      <c r="R3725" s="52"/>
      <c r="S3725" s="52"/>
      <c r="T3725" s="52"/>
      <c r="U3725" s="52"/>
      <c r="V3725" s="52"/>
      <c r="W3725" s="52"/>
    </row>
    <row r="3726" spans="1:23" x14ac:dyDescent="0.35">
      <c r="A3726" s="52" t="s">
        <v>78</v>
      </c>
      <c r="B3726" s="52" t="s">
        <v>79</v>
      </c>
      <c r="C3726" s="3">
        <v>20</v>
      </c>
      <c r="D3726" s="52" t="s">
        <v>2023</v>
      </c>
      <c r="E3726" s="52" t="s">
        <v>26</v>
      </c>
      <c r="F3726" s="52" t="s">
        <v>81</v>
      </c>
      <c r="G3726" s="52" t="s">
        <v>82</v>
      </c>
      <c r="H3726" s="4">
        <v>1</v>
      </c>
      <c r="I3726" s="2">
        <v>14.65</v>
      </c>
      <c r="J3726" s="52" t="s">
        <v>8962</v>
      </c>
      <c r="K3726" s="71" t="s">
        <v>8963</v>
      </c>
      <c r="L3726" s="52" t="s">
        <v>2063</v>
      </c>
      <c r="M3726" s="72">
        <v>9484</v>
      </c>
      <c r="N3726" s="52" t="s">
        <v>2076</v>
      </c>
      <c r="O3726" s="52" t="s">
        <v>2077</v>
      </c>
      <c r="P3726" s="52"/>
      <c r="Q3726" s="52"/>
      <c r="R3726" s="52"/>
      <c r="S3726" s="52"/>
      <c r="T3726" s="52"/>
      <c r="U3726" s="52"/>
      <c r="V3726" s="52"/>
      <c r="W3726" s="52"/>
    </row>
    <row r="3727" spans="1:23" hidden="1" x14ac:dyDescent="0.35">
      <c r="A3727" s="52" t="s">
        <v>78</v>
      </c>
      <c r="B3727" s="52" t="s">
        <v>79</v>
      </c>
      <c r="C3727" s="3">
        <v>10</v>
      </c>
      <c r="D3727" s="52" t="s">
        <v>2024</v>
      </c>
      <c r="E3727" s="52" t="s">
        <v>26</v>
      </c>
      <c r="F3727" s="52" t="s">
        <v>81</v>
      </c>
      <c r="G3727" s="52" t="s">
        <v>82</v>
      </c>
      <c r="H3727" s="4">
        <v>1</v>
      </c>
      <c r="I3727" s="2">
        <v>14.65</v>
      </c>
      <c r="J3727" s="52" t="s">
        <v>8964</v>
      </c>
      <c r="K3727" s="71" t="s">
        <v>8965</v>
      </c>
      <c r="L3727" s="52" t="s">
        <v>2063</v>
      </c>
      <c r="M3727" s="72">
        <v>9144</v>
      </c>
      <c r="N3727" s="52" t="s">
        <v>2195</v>
      </c>
      <c r="O3727" s="52" t="s">
        <v>2196</v>
      </c>
      <c r="P3727" s="52"/>
      <c r="Q3727" s="52"/>
      <c r="R3727" s="52"/>
      <c r="S3727" s="52"/>
      <c r="T3727" s="52"/>
      <c r="U3727" s="52"/>
      <c r="V3727" s="52"/>
      <c r="W3727" s="52"/>
    </row>
    <row r="3728" spans="1:23" hidden="1" x14ac:dyDescent="0.35">
      <c r="A3728" s="52" t="s">
        <v>78</v>
      </c>
      <c r="B3728" s="52" t="s">
        <v>79</v>
      </c>
      <c r="C3728" s="3">
        <v>10</v>
      </c>
      <c r="D3728" s="52" t="s">
        <v>2021</v>
      </c>
      <c r="E3728" s="52" t="s">
        <v>26</v>
      </c>
      <c r="F3728" s="52" t="s">
        <v>81</v>
      </c>
      <c r="G3728" s="52" t="s">
        <v>82</v>
      </c>
      <c r="H3728" s="4">
        <v>1</v>
      </c>
      <c r="I3728" s="2">
        <v>14.65</v>
      </c>
      <c r="J3728" s="52" t="s">
        <v>8966</v>
      </c>
      <c r="K3728" s="71" t="s">
        <v>8967</v>
      </c>
      <c r="L3728" s="52" t="s">
        <v>2063</v>
      </c>
      <c r="M3728" s="72">
        <v>8792</v>
      </c>
      <c r="N3728" s="52"/>
      <c r="O3728" s="52"/>
      <c r="P3728" s="52"/>
      <c r="Q3728" s="52"/>
      <c r="R3728" s="52"/>
      <c r="S3728" s="52"/>
      <c r="T3728" s="52"/>
      <c r="U3728" s="52"/>
      <c r="V3728" s="52"/>
      <c r="W3728" s="52"/>
    </row>
    <row r="3729" spans="1:23" hidden="1" x14ac:dyDescent="0.35">
      <c r="A3729" s="52" t="s">
        <v>78</v>
      </c>
      <c r="B3729" s="52" t="s">
        <v>79</v>
      </c>
      <c r="C3729" s="3">
        <v>211</v>
      </c>
      <c r="D3729" s="52" t="s">
        <v>80</v>
      </c>
      <c r="E3729" s="52" t="s">
        <v>26</v>
      </c>
      <c r="F3729" s="52" t="s">
        <v>81</v>
      </c>
      <c r="G3729" s="52" t="s">
        <v>82</v>
      </c>
      <c r="H3729" s="4">
        <v>1</v>
      </c>
      <c r="I3729" s="2">
        <v>14.65</v>
      </c>
      <c r="J3729" s="52" t="s">
        <v>8968</v>
      </c>
      <c r="K3729" s="71" t="s">
        <v>8969</v>
      </c>
      <c r="L3729" s="52" t="s">
        <v>2063</v>
      </c>
      <c r="M3729" s="72">
        <v>8955</v>
      </c>
      <c r="N3729" s="52"/>
      <c r="O3729" s="52"/>
      <c r="P3729" s="52"/>
      <c r="Q3729" s="52"/>
      <c r="R3729" s="52"/>
      <c r="S3729" s="52"/>
      <c r="T3729" s="52"/>
      <c r="U3729" s="52"/>
      <c r="V3729" s="52"/>
      <c r="W3729" s="52"/>
    </row>
    <row r="3730" spans="1:23" hidden="1" x14ac:dyDescent="0.35">
      <c r="A3730" s="52" t="s">
        <v>78</v>
      </c>
      <c r="B3730" s="52" t="s">
        <v>79</v>
      </c>
      <c r="C3730" s="3">
        <v>10</v>
      </c>
      <c r="D3730" s="52" t="s">
        <v>84</v>
      </c>
      <c r="E3730" s="52" t="s">
        <v>26</v>
      </c>
      <c r="F3730" s="52" t="s">
        <v>81</v>
      </c>
      <c r="G3730" s="52" t="s">
        <v>82</v>
      </c>
      <c r="H3730" s="4">
        <v>1</v>
      </c>
      <c r="I3730" s="2">
        <v>14.65</v>
      </c>
      <c r="J3730" s="52" t="s">
        <v>8970</v>
      </c>
      <c r="K3730" s="71" t="s">
        <v>8971</v>
      </c>
      <c r="L3730" s="52" t="s">
        <v>2063</v>
      </c>
      <c r="M3730" s="72">
        <v>8528</v>
      </c>
      <c r="N3730" s="52"/>
      <c r="O3730" s="52"/>
      <c r="P3730" s="52"/>
      <c r="Q3730" s="52"/>
      <c r="R3730" s="52"/>
      <c r="S3730" s="52"/>
      <c r="T3730" s="52"/>
      <c r="U3730" s="52"/>
      <c r="V3730" s="52"/>
      <c r="W3730" s="52"/>
    </row>
    <row r="3731" spans="1:23" hidden="1" x14ac:dyDescent="0.35">
      <c r="A3731" s="52" t="s">
        <v>78</v>
      </c>
      <c r="B3731" s="52" t="s">
        <v>79</v>
      </c>
      <c r="C3731" s="3">
        <v>20</v>
      </c>
      <c r="D3731" s="52" t="s">
        <v>86</v>
      </c>
      <c r="E3731" s="52" t="s">
        <v>26</v>
      </c>
      <c r="F3731" s="52" t="s">
        <v>81</v>
      </c>
      <c r="G3731" s="52" t="s">
        <v>82</v>
      </c>
      <c r="H3731" s="4">
        <v>1</v>
      </c>
      <c r="I3731" s="2">
        <v>14.65</v>
      </c>
      <c r="J3731" s="52" t="s">
        <v>8972</v>
      </c>
      <c r="K3731" s="71" t="s">
        <v>8973</v>
      </c>
      <c r="L3731" s="52" t="s">
        <v>2063</v>
      </c>
      <c r="M3731" s="72">
        <v>459</v>
      </c>
      <c r="N3731" s="52" t="s">
        <v>2072</v>
      </c>
      <c r="O3731" s="52" t="s">
        <v>2073</v>
      </c>
      <c r="P3731" s="52"/>
      <c r="Q3731" s="52"/>
      <c r="R3731" s="52"/>
      <c r="S3731" s="52"/>
      <c r="T3731" s="52"/>
      <c r="U3731" s="52"/>
      <c r="V3731" s="52"/>
      <c r="W3731" s="52"/>
    </row>
    <row r="3732" spans="1:23" hidden="1" x14ac:dyDescent="0.35">
      <c r="A3732" s="52" t="s">
        <v>78</v>
      </c>
      <c r="B3732" s="52" t="s">
        <v>79</v>
      </c>
      <c r="C3732" s="3">
        <v>20</v>
      </c>
      <c r="D3732" s="52" t="s">
        <v>2022</v>
      </c>
      <c r="E3732" s="52" t="s">
        <v>26</v>
      </c>
      <c r="F3732" s="52" t="s">
        <v>81</v>
      </c>
      <c r="G3732" s="52" t="s">
        <v>82</v>
      </c>
      <c r="H3732" s="4">
        <v>1</v>
      </c>
      <c r="I3732" s="2">
        <v>14.65</v>
      </c>
      <c r="J3732" s="52" t="s">
        <v>8974</v>
      </c>
      <c r="K3732" s="71" t="s">
        <v>8975</v>
      </c>
      <c r="L3732" s="52" t="s">
        <v>2063</v>
      </c>
      <c r="M3732" s="72">
        <v>4608</v>
      </c>
      <c r="N3732" s="52" t="s">
        <v>2072</v>
      </c>
      <c r="O3732" s="52" t="s">
        <v>2073</v>
      </c>
      <c r="P3732" s="52"/>
      <c r="Q3732" s="52"/>
      <c r="R3732" s="52"/>
      <c r="S3732" s="52"/>
      <c r="T3732" s="52"/>
      <c r="U3732" s="52"/>
      <c r="V3732" s="52"/>
      <c r="W3732" s="52"/>
    </row>
    <row r="3733" spans="1:23" hidden="1" x14ac:dyDescent="0.35">
      <c r="A3733" s="52" t="s">
        <v>78</v>
      </c>
      <c r="B3733" s="52" t="s">
        <v>79</v>
      </c>
      <c r="C3733" s="3">
        <v>20</v>
      </c>
      <c r="D3733" s="52" t="s">
        <v>84</v>
      </c>
      <c r="E3733" s="52" t="s">
        <v>26</v>
      </c>
      <c r="F3733" s="52" t="s">
        <v>81</v>
      </c>
      <c r="G3733" s="52" t="s">
        <v>82</v>
      </c>
      <c r="H3733" s="4">
        <v>1</v>
      </c>
      <c r="I3733" s="2">
        <v>14.65</v>
      </c>
      <c r="J3733" s="52" t="s">
        <v>8976</v>
      </c>
      <c r="K3733" s="71" t="s">
        <v>8977</v>
      </c>
      <c r="L3733" s="52" t="s">
        <v>2063</v>
      </c>
      <c r="M3733" s="72">
        <v>3466</v>
      </c>
      <c r="N3733" s="52" t="s">
        <v>2072</v>
      </c>
      <c r="O3733" s="52" t="s">
        <v>2073</v>
      </c>
      <c r="P3733" s="52"/>
      <c r="Q3733" s="52"/>
      <c r="R3733" s="52"/>
      <c r="S3733" s="52"/>
      <c r="T3733" s="52"/>
      <c r="U3733" s="52"/>
      <c r="V3733" s="52"/>
      <c r="W3733" s="52"/>
    </row>
    <row r="3734" spans="1:23" hidden="1" x14ac:dyDescent="0.35">
      <c r="A3734" s="52" t="s">
        <v>78</v>
      </c>
      <c r="B3734" s="52" t="s">
        <v>79</v>
      </c>
      <c r="C3734" s="3">
        <v>10</v>
      </c>
      <c r="D3734" s="52" t="s">
        <v>2019</v>
      </c>
      <c r="E3734" s="52" t="s">
        <v>26</v>
      </c>
      <c r="F3734" s="52" t="s">
        <v>81</v>
      </c>
      <c r="G3734" s="52" t="s">
        <v>82</v>
      </c>
      <c r="H3734" s="4">
        <v>1</v>
      </c>
      <c r="I3734" s="2">
        <v>14.65</v>
      </c>
      <c r="J3734" s="52" t="s">
        <v>8978</v>
      </c>
      <c r="K3734" s="71" t="s">
        <v>8979</v>
      </c>
      <c r="L3734" s="52" t="s">
        <v>2063</v>
      </c>
      <c r="M3734" s="72">
        <v>1391</v>
      </c>
      <c r="N3734" s="52" t="s">
        <v>2072</v>
      </c>
      <c r="O3734" s="52" t="s">
        <v>2073</v>
      </c>
      <c r="P3734" s="52"/>
      <c r="Q3734" s="52"/>
      <c r="R3734" s="52"/>
      <c r="S3734" s="52"/>
      <c r="T3734" s="52"/>
      <c r="U3734" s="52"/>
      <c r="V3734" s="52"/>
      <c r="W3734" s="52"/>
    </row>
    <row r="3735" spans="1:23" hidden="1" x14ac:dyDescent="0.35">
      <c r="A3735" s="52" t="s">
        <v>78</v>
      </c>
      <c r="B3735" s="52" t="s">
        <v>79</v>
      </c>
      <c r="C3735" s="3">
        <v>20</v>
      </c>
      <c r="D3735" s="52" t="s">
        <v>2019</v>
      </c>
      <c r="E3735" s="52" t="s">
        <v>26</v>
      </c>
      <c r="F3735" s="52" t="s">
        <v>81</v>
      </c>
      <c r="G3735" s="52" t="s">
        <v>82</v>
      </c>
      <c r="H3735" s="4">
        <v>1</v>
      </c>
      <c r="I3735" s="2">
        <v>14.65</v>
      </c>
      <c r="J3735" s="52" t="s">
        <v>8980</v>
      </c>
      <c r="K3735" s="71" t="s">
        <v>8981</v>
      </c>
      <c r="L3735" s="52" t="s">
        <v>2063</v>
      </c>
      <c r="M3735" s="72">
        <v>489</v>
      </c>
      <c r="N3735" s="52" t="s">
        <v>2072</v>
      </c>
      <c r="O3735" s="52" t="s">
        <v>2073</v>
      </c>
      <c r="P3735" s="52"/>
      <c r="Q3735" s="52"/>
      <c r="R3735" s="52"/>
      <c r="S3735" s="52"/>
      <c r="T3735" s="52"/>
      <c r="U3735" s="52"/>
      <c r="V3735" s="52"/>
      <c r="W3735" s="52"/>
    </row>
    <row r="3736" spans="1:23" hidden="1" x14ac:dyDescent="0.35">
      <c r="A3736" s="52" t="s">
        <v>78</v>
      </c>
      <c r="B3736" s="52" t="s">
        <v>79</v>
      </c>
      <c r="C3736" s="3">
        <v>20</v>
      </c>
      <c r="D3736" s="52" t="s">
        <v>2021</v>
      </c>
      <c r="E3736" s="52" t="s">
        <v>26</v>
      </c>
      <c r="F3736" s="52" t="s">
        <v>81</v>
      </c>
      <c r="G3736" s="52" t="s">
        <v>82</v>
      </c>
      <c r="H3736" s="4">
        <v>1</v>
      </c>
      <c r="I3736" s="2">
        <v>14.65</v>
      </c>
      <c r="J3736" s="52" t="s">
        <v>8982</v>
      </c>
      <c r="K3736" s="71" t="s">
        <v>8983</v>
      </c>
      <c r="L3736" s="52" t="s">
        <v>2063</v>
      </c>
      <c r="M3736" s="72">
        <v>6697</v>
      </c>
      <c r="N3736" s="52" t="s">
        <v>2066</v>
      </c>
      <c r="O3736" s="52" t="s">
        <v>2067</v>
      </c>
      <c r="P3736" s="52"/>
      <c r="Q3736" s="52"/>
      <c r="R3736" s="52"/>
      <c r="S3736" s="52"/>
      <c r="T3736" s="52"/>
      <c r="U3736" s="52"/>
      <c r="V3736" s="52"/>
      <c r="W3736" s="52"/>
    </row>
    <row r="3737" spans="1:23" hidden="1" x14ac:dyDescent="0.35">
      <c r="A3737" s="52" t="s">
        <v>78</v>
      </c>
      <c r="B3737" s="52" t="s">
        <v>79</v>
      </c>
      <c r="C3737" s="3">
        <v>10</v>
      </c>
      <c r="D3737" s="52" t="s">
        <v>2024</v>
      </c>
      <c r="E3737" s="52" t="s">
        <v>26</v>
      </c>
      <c r="F3737" s="52" t="s">
        <v>81</v>
      </c>
      <c r="G3737" s="52" t="s">
        <v>82</v>
      </c>
      <c r="H3737" s="4">
        <v>1</v>
      </c>
      <c r="I3737" s="2">
        <v>14.65</v>
      </c>
      <c r="J3737" s="52" t="s">
        <v>8899</v>
      </c>
      <c r="K3737" s="71" t="s">
        <v>8984</v>
      </c>
      <c r="L3737" s="52" t="s">
        <v>2063</v>
      </c>
      <c r="M3737" s="72">
        <v>6346</v>
      </c>
      <c r="N3737" s="52"/>
      <c r="O3737" s="52"/>
      <c r="P3737" s="52"/>
      <c r="Q3737" s="52"/>
      <c r="R3737" s="52"/>
      <c r="S3737" s="52"/>
      <c r="T3737" s="52"/>
      <c r="U3737" s="52"/>
      <c r="V3737" s="52"/>
      <c r="W3737" s="52"/>
    </row>
    <row r="3738" spans="1:23" hidden="1" x14ac:dyDescent="0.35">
      <c r="A3738" s="52" t="s">
        <v>78</v>
      </c>
      <c r="B3738" s="52" t="s">
        <v>79</v>
      </c>
      <c r="C3738" s="3">
        <v>211</v>
      </c>
      <c r="D3738" s="52" t="s">
        <v>2023</v>
      </c>
      <c r="E3738" s="52" t="s">
        <v>26</v>
      </c>
      <c r="F3738" s="52" t="s">
        <v>81</v>
      </c>
      <c r="G3738" s="52" t="s">
        <v>82</v>
      </c>
      <c r="H3738" s="4">
        <v>1</v>
      </c>
      <c r="I3738" s="2">
        <v>14.65</v>
      </c>
      <c r="J3738" s="52" t="s">
        <v>8985</v>
      </c>
      <c r="K3738" s="71" t="s">
        <v>8986</v>
      </c>
      <c r="L3738" s="52" t="s">
        <v>2063</v>
      </c>
      <c r="M3738" s="72">
        <v>6816</v>
      </c>
      <c r="N3738" s="52"/>
      <c r="O3738" s="52"/>
      <c r="P3738" s="52"/>
      <c r="Q3738" s="52"/>
      <c r="R3738" s="52"/>
      <c r="S3738" s="52"/>
      <c r="T3738" s="52"/>
      <c r="U3738" s="52"/>
      <c r="V3738" s="52"/>
      <c r="W3738" s="52"/>
    </row>
    <row r="3739" spans="1:23" hidden="1" x14ac:dyDescent="0.35">
      <c r="A3739" s="52" t="s">
        <v>78</v>
      </c>
      <c r="B3739" s="52" t="s">
        <v>79</v>
      </c>
      <c r="C3739" s="3">
        <v>211</v>
      </c>
      <c r="D3739" s="52" t="s">
        <v>80</v>
      </c>
      <c r="E3739" s="52" t="s">
        <v>26</v>
      </c>
      <c r="F3739" s="52" t="s">
        <v>81</v>
      </c>
      <c r="G3739" s="52" t="s">
        <v>82</v>
      </c>
      <c r="H3739" s="4">
        <v>1</v>
      </c>
      <c r="I3739" s="2">
        <v>14.65</v>
      </c>
      <c r="J3739" s="52" t="s">
        <v>8987</v>
      </c>
      <c r="K3739" s="71" t="s">
        <v>8988</v>
      </c>
      <c r="L3739" s="52" t="s">
        <v>2063</v>
      </c>
      <c r="M3739" s="72">
        <v>9703</v>
      </c>
      <c r="N3739" s="52"/>
      <c r="O3739" s="52"/>
      <c r="P3739" s="52"/>
      <c r="Q3739" s="52"/>
      <c r="R3739" s="52"/>
      <c r="S3739" s="52"/>
      <c r="T3739" s="52"/>
      <c r="U3739" s="52"/>
      <c r="V3739" s="52"/>
      <c r="W3739" s="52"/>
    </row>
    <row r="3740" spans="1:23" hidden="1" x14ac:dyDescent="0.35">
      <c r="A3740" s="52" t="s">
        <v>78</v>
      </c>
      <c r="B3740" s="52" t="s">
        <v>79</v>
      </c>
      <c r="C3740" s="3">
        <v>20</v>
      </c>
      <c r="D3740" s="52" t="s">
        <v>2020</v>
      </c>
      <c r="E3740" s="52" t="s">
        <v>26</v>
      </c>
      <c r="F3740" s="52" t="s">
        <v>81</v>
      </c>
      <c r="G3740" s="52" t="s">
        <v>82</v>
      </c>
      <c r="H3740" s="4">
        <v>1</v>
      </c>
      <c r="I3740" s="2">
        <v>14.65</v>
      </c>
      <c r="J3740" s="52" t="s">
        <v>8989</v>
      </c>
      <c r="K3740" s="71" t="s">
        <v>8990</v>
      </c>
      <c r="L3740" s="52" t="s">
        <v>2063</v>
      </c>
      <c r="M3740" s="72">
        <v>4877</v>
      </c>
      <c r="N3740" s="52"/>
      <c r="O3740" s="52"/>
      <c r="P3740" s="52"/>
      <c r="Q3740" s="52"/>
      <c r="R3740" s="52"/>
      <c r="S3740" s="52"/>
      <c r="T3740" s="52"/>
      <c r="U3740" s="52"/>
      <c r="V3740" s="52"/>
      <c r="W3740" s="52"/>
    </row>
    <row r="3741" spans="1:23" hidden="1" x14ac:dyDescent="0.35">
      <c r="A3741" s="52" t="s">
        <v>78</v>
      </c>
      <c r="B3741" s="52" t="s">
        <v>79</v>
      </c>
      <c r="C3741" s="3">
        <v>20</v>
      </c>
      <c r="D3741" s="52" t="s">
        <v>2022</v>
      </c>
      <c r="E3741" s="52" t="s">
        <v>26</v>
      </c>
      <c r="F3741" s="52" t="s">
        <v>81</v>
      </c>
      <c r="G3741" s="52" t="s">
        <v>82</v>
      </c>
      <c r="H3741" s="4">
        <v>1</v>
      </c>
      <c r="I3741" s="2">
        <v>14.65</v>
      </c>
      <c r="J3741" s="52" t="s">
        <v>8991</v>
      </c>
      <c r="K3741" s="71" t="s">
        <v>8992</v>
      </c>
      <c r="L3741" s="52" t="s">
        <v>2063</v>
      </c>
      <c r="M3741" s="72">
        <v>6581</v>
      </c>
      <c r="N3741" s="52"/>
      <c r="O3741" s="52"/>
      <c r="P3741" s="52"/>
      <c r="Q3741" s="52"/>
      <c r="R3741" s="52"/>
      <c r="S3741" s="52"/>
      <c r="T3741" s="52"/>
      <c r="U3741" s="52"/>
      <c r="V3741" s="52"/>
      <c r="W3741" s="52"/>
    </row>
    <row r="3742" spans="1:23" hidden="1" x14ac:dyDescent="0.35">
      <c r="A3742" s="52" t="s">
        <v>78</v>
      </c>
      <c r="B3742" s="52" t="s">
        <v>79</v>
      </c>
      <c r="C3742" s="3">
        <v>10</v>
      </c>
      <c r="D3742" s="52" t="s">
        <v>2023</v>
      </c>
      <c r="E3742" s="52" t="s">
        <v>26</v>
      </c>
      <c r="F3742" s="52" t="s">
        <v>81</v>
      </c>
      <c r="G3742" s="52" t="s">
        <v>82</v>
      </c>
      <c r="H3742" s="4">
        <v>1</v>
      </c>
      <c r="I3742" s="2">
        <v>14.65</v>
      </c>
      <c r="J3742" s="52" t="s">
        <v>8993</v>
      </c>
      <c r="K3742" s="71" t="s">
        <v>8994</v>
      </c>
      <c r="L3742" s="52" t="s">
        <v>2063</v>
      </c>
      <c r="M3742" s="72">
        <v>144</v>
      </c>
      <c r="N3742" s="52" t="s">
        <v>2066</v>
      </c>
      <c r="O3742" s="52" t="s">
        <v>2067</v>
      </c>
      <c r="P3742" s="52"/>
      <c r="Q3742" s="52"/>
      <c r="R3742" s="52"/>
      <c r="S3742" s="52"/>
      <c r="T3742" s="52"/>
      <c r="U3742" s="52"/>
      <c r="V3742" s="52"/>
      <c r="W3742" s="52"/>
    </row>
    <row r="3743" spans="1:23" hidden="1" x14ac:dyDescent="0.35">
      <c r="A3743" s="52" t="s">
        <v>78</v>
      </c>
      <c r="B3743" s="52" t="s">
        <v>79</v>
      </c>
      <c r="C3743" s="3">
        <v>20</v>
      </c>
      <c r="D3743" s="52" t="s">
        <v>2023</v>
      </c>
      <c r="E3743" s="52" t="s">
        <v>26</v>
      </c>
      <c r="F3743" s="52" t="s">
        <v>81</v>
      </c>
      <c r="G3743" s="52" t="s">
        <v>82</v>
      </c>
      <c r="H3743" s="4">
        <v>1</v>
      </c>
      <c r="I3743" s="2">
        <v>14.65</v>
      </c>
      <c r="J3743" s="52" t="s">
        <v>8995</v>
      </c>
      <c r="K3743" s="71" t="s">
        <v>8996</v>
      </c>
      <c r="L3743" s="52" t="s">
        <v>2063</v>
      </c>
      <c r="M3743" s="72">
        <v>8397</v>
      </c>
      <c r="N3743" s="52" t="s">
        <v>2072</v>
      </c>
      <c r="O3743" s="52" t="s">
        <v>2073</v>
      </c>
      <c r="P3743" s="52"/>
      <c r="Q3743" s="52"/>
      <c r="R3743" s="52"/>
      <c r="S3743" s="52"/>
      <c r="T3743" s="52"/>
      <c r="U3743" s="52"/>
      <c r="V3743" s="52"/>
      <c r="W3743" s="52"/>
    </row>
    <row r="3744" spans="1:23" hidden="1" x14ac:dyDescent="0.35">
      <c r="A3744" s="52" t="s">
        <v>78</v>
      </c>
      <c r="B3744" s="52" t="s">
        <v>79</v>
      </c>
      <c r="C3744" s="3">
        <v>20</v>
      </c>
      <c r="D3744" s="52" t="s">
        <v>83</v>
      </c>
      <c r="E3744" s="52" t="s">
        <v>26</v>
      </c>
      <c r="F3744" s="52" t="s">
        <v>81</v>
      </c>
      <c r="G3744" s="52" t="s">
        <v>82</v>
      </c>
      <c r="H3744" s="4">
        <v>1</v>
      </c>
      <c r="I3744" s="2">
        <v>14.65</v>
      </c>
      <c r="J3744" s="52" t="s">
        <v>8997</v>
      </c>
      <c r="K3744" s="71" t="s">
        <v>8998</v>
      </c>
      <c r="L3744" s="52" t="s">
        <v>2063</v>
      </c>
      <c r="M3744" s="72">
        <v>5962</v>
      </c>
      <c r="N3744" s="52"/>
      <c r="O3744" s="52"/>
      <c r="P3744" s="52"/>
      <c r="Q3744" s="52"/>
      <c r="R3744" s="52"/>
      <c r="S3744" s="52"/>
      <c r="T3744" s="52"/>
      <c r="U3744" s="52"/>
      <c r="V3744" s="52"/>
      <c r="W3744" s="52"/>
    </row>
    <row r="3745" spans="1:23" hidden="1" x14ac:dyDescent="0.35">
      <c r="A3745" s="52" t="s">
        <v>78</v>
      </c>
      <c r="B3745" s="52" t="s">
        <v>79</v>
      </c>
      <c r="C3745" s="3">
        <v>10</v>
      </c>
      <c r="D3745" s="52" t="s">
        <v>2022</v>
      </c>
      <c r="E3745" s="52" t="s">
        <v>26</v>
      </c>
      <c r="F3745" s="52" t="s">
        <v>81</v>
      </c>
      <c r="G3745" s="52" t="s">
        <v>82</v>
      </c>
      <c r="H3745" s="4">
        <v>1</v>
      </c>
      <c r="I3745" s="2">
        <v>14.65</v>
      </c>
      <c r="J3745" s="52" t="s">
        <v>8999</v>
      </c>
      <c r="K3745" s="71" t="s">
        <v>9000</v>
      </c>
      <c r="L3745" s="52" t="s">
        <v>2063</v>
      </c>
      <c r="M3745" s="72">
        <v>361</v>
      </c>
      <c r="N3745" s="52" t="s">
        <v>2158</v>
      </c>
      <c r="O3745" s="52" t="s">
        <v>2159</v>
      </c>
      <c r="P3745" s="52"/>
      <c r="Q3745" s="52"/>
      <c r="R3745" s="52"/>
      <c r="S3745" s="52"/>
      <c r="T3745" s="52"/>
      <c r="U3745" s="52"/>
      <c r="V3745" s="52"/>
      <c r="W3745" s="52"/>
    </row>
    <row r="3746" spans="1:23" hidden="1" x14ac:dyDescent="0.35">
      <c r="A3746" s="52" t="s">
        <v>78</v>
      </c>
      <c r="B3746" s="52" t="s">
        <v>79</v>
      </c>
      <c r="C3746" s="3">
        <v>20</v>
      </c>
      <c r="D3746" s="52" t="s">
        <v>2022</v>
      </c>
      <c r="E3746" s="52" t="s">
        <v>26</v>
      </c>
      <c r="F3746" s="52" t="s">
        <v>81</v>
      </c>
      <c r="G3746" s="52" t="s">
        <v>82</v>
      </c>
      <c r="H3746" s="4">
        <v>1</v>
      </c>
      <c r="I3746" s="2">
        <v>14.65</v>
      </c>
      <c r="J3746" s="52" t="s">
        <v>9001</v>
      </c>
      <c r="K3746" s="71" t="s">
        <v>9002</v>
      </c>
      <c r="L3746" s="52" t="s">
        <v>2063</v>
      </c>
      <c r="M3746" s="72">
        <v>3705</v>
      </c>
      <c r="N3746" s="52" t="s">
        <v>2072</v>
      </c>
      <c r="O3746" s="52" t="s">
        <v>2073</v>
      </c>
      <c r="P3746" s="52"/>
      <c r="Q3746" s="52"/>
      <c r="R3746" s="52"/>
      <c r="S3746" s="52"/>
      <c r="T3746" s="52"/>
      <c r="U3746" s="52"/>
      <c r="V3746" s="52"/>
      <c r="W3746" s="52"/>
    </row>
    <row r="3747" spans="1:23" x14ac:dyDescent="0.35">
      <c r="A3747" s="52" t="s">
        <v>78</v>
      </c>
      <c r="B3747" s="52" t="s">
        <v>79</v>
      </c>
      <c r="C3747" s="3">
        <v>10</v>
      </c>
      <c r="D3747" s="52" t="s">
        <v>2022</v>
      </c>
      <c r="E3747" s="52" t="s">
        <v>26</v>
      </c>
      <c r="F3747" s="52" t="s">
        <v>81</v>
      </c>
      <c r="G3747" s="52" t="s">
        <v>82</v>
      </c>
      <c r="H3747" s="4">
        <v>1</v>
      </c>
      <c r="I3747" s="2">
        <v>14.65</v>
      </c>
      <c r="J3747" s="52" t="s">
        <v>9003</v>
      </c>
      <c r="K3747" s="71" t="s">
        <v>9004</v>
      </c>
      <c r="L3747" s="52" t="s">
        <v>2095</v>
      </c>
      <c r="M3747" s="72">
        <v>2891</v>
      </c>
      <c r="N3747" s="52" t="s">
        <v>2076</v>
      </c>
      <c r="O3747" s="52" t="s">
        <v>2077</v>
      </c>
      <c r="P3747" s="52"/>
      <c r="Q3747" s="52"/>
      <c r="R3747" s="52"/>
      <c r="S3747" s="52"/>
      <c r="T3747" s="52"/>
      <c r="U3747" s="52"/>
      <c r="V3747" s="52"/>
      <c r="W3747" s="52"/>
    </row>
    <row r="3748" spans="1:23" hidden="1" x14ac:dyDescent="0.35">
      <c r="A3748" s="52" t="s">
        <v>78</v>
      </c>
      <c r="B3748" s="52" t="s">
        <v>79</v>
      </c>
      <c r="C3748" s="3">
        <v>10</v>
      </c>
      <c r="D3748" s="52" t="s">
        <v>85</v>
      </c>
      <c r="E3748" s="52" t="s">
        <v>26</v>
      </c>
      <c r="F3748" s="52" t="s">
        <v>81</v>
      </c>
      <c r="G3748" s="52" t="s">
        <v>82</v>
      </c>
      <c r="H3748" s="4">
        <v>1</v>
      </c>
      <c r="I3748" s="2">
        <v>14.65</v>
      </c>
      <c r="J3748" s="52" t="s">
        <v>9005</v>
      </c>
      <c r="K3748" s="71" t="s">
        <v>9006</v>
      </c>
      <c r="L3748" s="52" t="s">
        <v>2063</v>
      </c>
      <c r="M3748" s="72">
        <v>7261</v>
      </c>
      <c r="N3748" s="52" t="s">
        <v>2072</v>
      </c>
      <c r="O3748" s="52" t="s">
        <v>2073</v>
      </c>
      <c r="P3748" s="52"/>
      <c r="Q3748" s="52"/>
      <c r="R3748" s="52"/>
      <c r="S3748" s="52"/>
      <c r="T3748" s="52"/>
      <c r="U3748" s="52"/>
      <c r="V3748" s="52"/>
      <c r="W3748" s="52"/>
    </row>
    <row r="3749" spans="1:23" hidden="1" x14ac:dyDescent="0.35">
      <c r="A3749" s="52" t="s">
        <v>78</v>
      </c>
      <c r="B3749" s="52" t="s">
        <v>79</v>
      </c>
      <c r="C3749" s="3">
        <v>20</v>
      </c>
      <c r="D3749" s="52" t="s">
        <v>80</v>
      </c>
      <c r="E3749" s="52" t="s">
        <v>26</v>
      </c>
      <c r="F3749" s="52" t="s">
        <v>81</v>
      </c>
      <c r="G3749" s="52" t="s">
        <v>82</v>
      </c>
      <c r="H3749" s="4">
        <v>1</v>
      </c>
      <c r="I3749" s="2">
        <v>14.65</v>
      </c>
      <c r="J3749" s="52" t="s">
        <v>8671</v>
      </c>
      <c r="K3749" s="71" t="s">
        <v>9007</v>
      </c>
      <c r="L3749" s="52" t="s">
        <v>2063</v>
      </c>
      <c r="M3749" s="72">
        <v>2903</v>
      </c>
      <c r="N3749" s="52" t="s">
        <v>2158</v>
      </c>
      <c r="O3749" s="52" t="s">
        <v>2159</v>
      </c>
      <c r="P3749" s="52"/>
      <c r="Q3749" s="52"/>
      <c r="R3749" s="52"/>
      <c r="S3749" s="52"/>
      <c r="T3749" s="52"/>
      <c r="U3749" s="52"/>
      <c r="V3749" s="52"/>
      <c r="W3749" s="52"/>
    </row>
    <row r="3750" spans="1:23" hidden="1" x14ac:dyDescent="0.35">
      <c r="A3750" s="52" t="s">
        <v>78</v>
      </c>
      <c r="B3750" s="52" t="s">
        <v>79</v>
      </c>
      <c r="C3750" s="3">
        <v>20</v>
      </c>
      <c r="D3750" s="52" t="s">
        <v>2024</v>
      </c>
      <c r="E3750" s="52" t="s">
        <v>26</v>
      </c>
      <c r="F3750" s="52" t="s">
        <v>81</v>
      </c>
      <c r="G3750" s="52" t="s">
        <v>82</v>
      </c>
      <c r="H3750" s="4">
        <v>1</v>
      </c>
      <c r="I3750" s="2">
        <v>14.65</v>
      </c>
      <c r="J3750" s="52" t="s">
        <v>9008</v>
      </c>
      <c r="K3750" s="71" t="s">
        <v>9009</v>
      </c>
      <c r="L3750" s="52" t="s">
        <v>2063</v>
      </c>
      <c r="M3750" s="72">
        <v>3453</v>
      </c>
      <c r="N3750" s="52" t="s">
        <v>2072</v>
      </c>
      <c r="O3750" s="52" t="s">
        <v>2073</v>
      </c>
      <c r="P3750" s="52"/>
      <c r="Q3750" s="52"/>
      <c r="R3750" s="52"/>
      <c r="S3750" s="52"/>
      <c r="T3750" s="52"/>
      <c r="U3750" s="52"/>
      <c r="V3750" s="52"/>
      <c r="W3750" s="52"/>
    </row>
    <row r="3751" spans="1:23" x14ac:dyDescent="0.35">
      <c r="A3751" s="52" t="s">
        <v>78</v>
      </c>
      <c r="B3751" s="52" t="s">
        <v>79</v>
      </c>
      <c r="C3751" s="3">
        <v>10</v>
      </c>
      <c r="D3751" s="52" t="s">
        <v>2023</v>
      </c>
      <c r="E3751" s="52" t="s">
        <v>26</v>
      </c>
      <c r="F3751" s="52" t="s">
        <v>81</v>
      </c>
      <c r="G3751" s="52" t="s">
        <v>82</v>
      </c>
      <c r="H3751" s="4">
        <v>1</v>
      </c>
      <c r="I3751" s="2">
        <v>14.65</v>
      </c>
      <c r="J3751" s="52" t="s">
        <v>9010</v>
      </c>
      <c r="K3751" s="71" t="s">
        <v>9011</v>
      </c>
      <c r="L3751" s="52" t="s">
        <v>2063</v>
      </c>
      <c r="M3751" s="72">
        <v>9307</v>
      </c>
      <c r="N3751" s="52" t="s">
        <v>2259</v>
      </c>
      <c r="O3751" s="52" t="s">
        <v>2260</v>
      </c>
      <c r="P3751" s="52" t="s">
        <v>2259</v>
      </c>
      <c r="Q3751" s="52" t="s">
        <v>2260</v>
      </c>
      <c r="R3751" s="52"/>
      <c r="S3751" s="52"/>
      <c r="T3751" s="52"/>
      <c r="U3751" s="52"/>
      <c r="V3751" s="52"/>
      <c r="W3751" s="52"/>
    </row>
    <row r="3752" spans="1:23" hidden="1" x14ac:dyDescent="0.35">
      <c r="A3752" s="52" t="s">
        <v>78</v>
      </c>
      <c r="B3752" s="52" t="s">
        <v>79</v>
      </c>
      <c r="C3752" s="3">
        <v>20</v>
      </c>
      <c r="D3752" s="52" t="s">
        <v>84</v>
      </c>
      <c r="E3752" s="52" t="s">
        <v>26</v>
      </c>
      <c r="F3752" s="52" t="s">
        <v>81</v>
      </c>
      <c r="G3752" s="52" t="s">
        <v>82</v>
      </c>
      <c r="H3752" s="4">
        <v>1</v>
      </c>
      <c r="I3752" s="2">
        <v>14.65</v>
      </c>
      <c r="J3752" s="52" t="s">
        <v>9012</v>
      </c>
      <c r="K3752" s="71" t="s">
        <v>9013</v>
      </c>
      <c r="L3752" s="52" t="s">
        <v>2063</v>
      </c>
      <c r="M3752" s="72">
        <v>1819</v>
      </c>
      <c r="N3752" s="52" t="s">
        <v>2066</v>
      </c>
      <c r="O3752" s="52" t="s">
        <v>2067</v>
      </c>
      <c r="P3752" s="52"/>
      <c r="Q3752" s="52"/>
      <c r="R3752" s="52"/>
      <c r="S3752" s="52"/>
      <c r="T3752" s="52"/>
      <c r="U3752" s="52"/>
      <c r="V3752" s="52"/>
      <c r="W3752" s="52"/>
    </row>
    <row r="3753" spans="1:23" hidden="1" x14ac:dyDescent="0.35">
      <c r="A3753" s="52" t="s">
        <v>78</v>
      </c>
      <c r="B3753" s="52" t="s">
        <v>79</v>
      </c>
      <c r="C3753" s="3">
        <v>10</v>
      </c>
      <c r="D3753" s="52" t="s">
        <v>2021</v>
      </c>
      <c r="E3753" s="52" t="s">
        <v>26</v>
      </c>
      <c r="F3753" s="52" t="s">
        <v>81</v>
      </c>
      <c r="G3753" s="52" t="s">
        <v>82</v>
      </c>
      <c r="H3753" s="4">
        <v>1</v>
      </c>
      <c r="I3753" s="2">
        <v>14.65</v>
      </c>
      <c r="J3753" s="52" t="s">
        <v>9014</v>
      </c>
      <c r="K3753" s="71" t="s">
        <v>9015</v>
      </c>
      <c r="L3753" s="52" t="s">
        <v>2063</v>
      </c>
      <c r="M3753" s="72">
        <v>4132</v>
      </c>
      <c r="N3753" s="52" t="s">
        <v>2066</v>
      </c>
      <c r="O3753" s="52" t="s">
        <v>2067</v>
      </c>
      <c r="P3753" s="52"/>
      <c r="Q3753" s="52"/>
      <c r="R3753" s="52"/>
      <c r="S3753" s="52"/>
      <c r="T3753" s="52"/>
      <c r="U3753" s="52"/>
      <c r="V3753" s="52"/>
      <c r="W3753" s="52"/>
    </row>
    <row r="3754" spans="1:23" hidden="1" x14ac:dyDescent="0.35">
      <c r="A3754" s="52" t="s">
        <v>78</v>
      </c>
      <c r="B3754" s="52" t="s">
        <v>79</v>
      </c>
      <c r="C3754" s="3">
        <v>10</v>
      </c>
      <c r="D3754" s="52" t="s">
        <v>2024</v>
      </c>
      <c r="E3754" s="52" t="s">
        <v>26</v>
      </c>
      <c r="F3754" s="52" t="s">
        <v>81</v>
      </c>
      <c r="G3754" s="52" t="s">
        <v>82</v>
      </c>
      <c r="H3754" s="4">
        <v>1</v>
      </c>
      <c r="I3754" s="2">
        <v>14.65</v>
      </c>
      <c r="J3754" s="52" t="s">
        <v>9016</v>
      </c>
      <c r="K3754" s="71" t="s">
        <v>9017</v>
      </c>
      <c r="L3754" s="52" t="s">
        <v>2063</v>
      </c>
      <c r="M3754" s="72">
        <v>7609</v>
      </c>
      <c r="N3754" s="52" t="s">
        <v>2072</v>
      </c>
      <c r="O3754" s="52" t="s">
        <v>2073</v>
      </c>
      <c r="P3754" s="52"/>
      <c r="Q3754" s="52"/>
      <c r="R3754" s="52"/>
      <c r="S3754" s="52"/>
      <c r="T3754" s="52"/>
      <c r="U3754" s="52"/>
      <c r="V3754" s="52"/>
      <c r="W3754" s="52"/>
    </row>
    <row r="3755" spans="1:23" hidden="1" x14ac:dyDescent="0.35">
      <c r="A3755" s="52" t="s">
        <v>78</v>
      </c>
      <c r="B3755" s="52" t="s">
        <v>79</v>
      </c>
      <c r="C3755" s="3">
        <v>10</v>
      </c>
      <c r="D3755" s="52" t="s">
        <v>2022</v>
      </c>
      <c r="E3755" s="52" t="s">
        <v>26</v>
      </c>
      <c r="F3755" s="52" t="s">
        <v>81</v>
      </c>
      <c r="G3755" s="52" t="s">
        <v>82</v>
      </c>
      <c r="H3755" s="4">
        <v>1</v>
      </c>
      <c r="I3755" s="2">
        <v>14.65</v>
      </c>
      <c r="J3755" s="52" t="s">
        <v>8877</v>
      </c>
      <c r="K3755" s="71" t="s">
        <v>9018</v>
      </c>
      <c r="L3755" s="52" t="s">
        <v>2063</v>
      </c>
      <c r="M3755" s="72">
        <v>8715</v>
      </c>
      <c r="N3755" s="52" t="s">
        <v>2072</v>
      </c>
      <c r="O3755" s="52" t="s">
        <v>2073</v>
      </c>
      <c r="P3755" s="52"/>
      <c r="Q3755" s="52"/>
      <c r="R3755" s="52"/>
      <c r="S3755" s="52"/>
      <c r="T3755" s="52"/>
      <c r="U3755" s="52"/>
      <c r="V3755" s="52"/>
      <c r="W3755" s="52"/>
    </row>
    <row r="3756" spans="1:23" x14ac:dyDescent="0.35">
      <c r="A3756" s="52" t="s">
        <v>78</v>
      </c>
      <c r="B3756" s="52" t="s">
        <v>79</v>
      </c>
      <c r="C3756" s="3">
        <v>20</v>
      </c>
      <c r="D3756" s="52" t="s">
        <v>87</v>
      </c>
      <c r="E3756" s="52" t="s">
        <v>26</v>
      </c>
      <c r="F3756" s="52" t="s">
        <v>81</v>
      </c>
      <c r="G3756" s="52" t="s">
        <v>82</v>
      </c>
      <c r="H3756" s="4">
        <v>1</v>
      </c>
      <c r="I3756" s="2">
        <v>14.65</v>
      </c>
      <c r="J3756" s="52" t="s">
        <v>9019</v>
      </c>
      <c r="K3756" s="71" t="s">
        <v>9020</v>
      </c>
      <c r="L3756" s="52" t="s">
        <v>2063</v>
      </c>
      <c r="M3756" s="72">
        <v>4513</v>
      </c>
      <c r="N3756" s="52" t="s">
        <v>2259</v>
      </c>
      <c r="O3756" s="52" t="s">
        <v>2260</v>
      </c>
      <c r="P3756" s="52"/>
      <c r="Q3756" s="52"/>
      <c r="R3756" s="52"/>
      <c r="S3756" s="52"/>
      <c r="T3756" s="52"/>
      <c r="U3756" s="52"/>
      <c r="V3756" s="52"/>
      <c r="W3756" s="52"/>
    </row>
    <row r="3757" spans="1:23" hidden="1" x14ac:dyDescent="0.35">
      <c r="A3757" s="52" t="s">
        <v>78</v>
      </c>
      <c r="B3757" s="52" t="s">
        <v>79</v>
      </c>
      <c r="C3757" s="3">
        <v>211</v>
      </c>
      <c r="D3757" s="52" t="s">
        <v>87</v>
      </c>
      <c r="E3757" s="52" t="s">
        <v>26</v>
      </c>
      <c r="F3757" s="52" t="s">
        <v>81</v>
      </c>
      <c r="G3757" s="52" t="s">
        <v>82</v>
      </c>
      <c r="H3757" s="4">
        <v>1</v>
      </c>
      <c r="I3757" s="2">
        <v>14.65</v>
      </c>
      <c r="J3757" s="52" t="s">
        <v>8522</v>
      </c>
      <c r="K3757" s="71" t="s">
        <v>9021</v>
      </c>
      <c r="L3757" s="52" t="s">
        <v>2063</v>
      </c>
      <c r="M3757" s="72">
        <v>519</v>
      </c>
      <c r="N3757" s="52" t="s">
        <v>2154</v>
      </c>
      <c r="O3757" s="52" t="s">
        <v>2155</v>
      </c>
      <c r="P3757" s="52"/>
      <c r="Q3757" s="52"/>
      <c r="R3757" s="52"/>
      <c r="S3757" s="52"/>
      <c r="T3757" s="52"/>
      <c r="U3757" s="52"/>
      <c r="V3757" s="52"/>
      <c r="W3757" s="52"/>
    </row>
    <row r="3758" spans="1:23" hidden="1" x14ac:dyDescent="0.35">
      <c r="A3758" s="52" t="s">
        <v>78</v>
      </c>
      <c r="B3758" s="52" t="s">
        <v>79</v>
      </c>
      <c r="C3758" s="3">
        <v>10</v>
      </c>
      <c r="D3758" s="52" t="s">
        <v>84</v>
      </c>
      <c r="E3758" s="52" t="s">
        <v>26</v>
      </c>
      <c r="F3758" s="52" t="s">
        <v>81</v>
      </c>
      <c r="G3758" s="52" t="s">
        <v>82</v>
      </c>
      <c r="H3758" s="4">
        <v>1</v>
      </c>
      <c r="I3758" s="2">
        <v>14.65</v>
      </c>
      <c r="J3758" s="52" t="s">
        <v>9022</v>
      </c>
      <c r="K3758" s="71" t="s">
        <v>9023</v>
      </c>
      <c r="L3758" s="52" t="s">
        <v>2063</v>
      </c>
      <c r="M3758" s="72">
        <v>5023</v>
      </c>
      <c r="N3758" s="52"/>
      <c r="O3758" s="52"/>
      <c r="P3758" s="52"/>
      <c r="Q3758" s="52"/>
      <c r="R3758" s="52"/>
      <c r="S3758" s="52"/>
      <c r="T3758" s="52"/>
      <c r="U3758" s="52"/>
      <c r="V3758" s="52"/>
      <c r="W3758" s="52"/>
    </row>
    <row r="3759" spans="1:23" x14ac:dyDescent="0.35">
      <c r="A3759" s="52" t="s">
        <v>78</v>
      </c>
      <c r="B3759" s="52" t="s">
        <v>79</v>
      </c>
      <c r="C3759" s="3">
        <v>10</v>
      </c>
      <c r="D3759" s="52" t="s">
        <v>2023</v>
      </c>
      <c r="E3759" s="52" t="s">
        <v>26</v>
      </c>
      <c r="F3759" s="52" t="s">
        <v>81</v>
      </c>
      <c r="G3759" s="52" t="s">
        <v>82</v>
      </c>
      <c r="H3759" s="4">
        <v>1</v>
      </c>
      <c r="I3759" s="2">
        <v>14.65</v>
      </c>
      <c r="J3759" s="52" t="s">
        <v>9024</v>
      </c>
      <c r="K3759" s="71" t="s">
        <v>9025</v>
      </c>
      <c r="L3759" s="52" t="s">
        <v>2063</v>
      </c>
      <c r="M3759" s="72">
        <v>6740</v>
      </c>
      <c r="N3759" s="52" t="s">
        <v>2076</v>
      </c>
      <c r="O3759" s="52" t="s">
        <v>2077</v>
      </c>
      <c r="P3759" s="52"/>
      <c r="Q3759" s="52"/>
      <c r="R3759" s="52"/>
      <c r="S3759" s="52"/>
      <c r="T3759" s="52"/>
      <c r="U3759" s="52"/>
      <c r="V3759" s="52"/>
      <c r="W3759" s="52"/>
    </row>
    <row r="3760" spans="1:23" hidden="1" x14ac:dyDescent="0.35">
      <c r="A3760" s="52" t="s">
        <v>78</v>
      </c>
      <c r="B3760" s="52" t="s">
        <v>79</v>
      </c>
      <c r="C3760" s="3">
        <v>20</v>
      </c>
      <c r="D3760" s="52" t="s">
        <v>2024</v>
      </c>
      <c r="E3760" s="52" t="s">
        <v>26</v>
      </c>
      <c r="F3760" s="52" t="s">
        <v>81</v>
      </c>
      <c r="G3760" s="52" t="s">
        <v>82</v>
      </c>
      <c r="H3760" s="4">
        <v>1</v>
      </c>
      <c r="I3760" s="2">
        <v>14.65</v>
      </c>
      <c r="J3760" s="52" t="s">
        <v>9026</v>
      </c>
      <c r="K3760" s="71" t="s">
        <v>9027</v>
      </c>
      <c r="L3760" s="52" t="s">
        <v>2063</v>
      </c>
      <c r="M3760" s="72">
        <v>424</v>
      </c>
      <c r="N3760" s="52" t="s">
        <v>2066</v>
      </c>
      <c r="O3760" s="52" t="s">
        <v>2067</v>
      </c>
      <c r="P3760" s="52"/>
      <c r="Q3760" s="52"/>
      <c r="R3760" s="52"/>
      <c r="S3760" s="52"/>
      <c r="T3760" s="52"/>
      <c r="U3760" s="52"/>
      <c r="V3760" s="52"/>
      <c r="W3760" s="52"/>
    </row>
    <row r="3761" spans="1:23" x14ac:dyDescent="0.35">
      <c r="A3761" s="52" t="s">
        <v>78</v>
      </c>
      <c r="B3761" s="52" t="s">
        <v>79</v>
      </c>
      <c r="C3761" s="3">
        <v>20</v>
      </c>
      <c r="D3761" s="52" t="s">
        <v>84</v>
      </c>
      <c r="E3761" s="52" t="s">
        <v>26</v>
      </c>
      <c r="F3761" s="52" t="s">
        <v>81</v>
      </c>
      <c r="G3761" s="52" t="s">
        <v>82</v>
      </c>
      <c r="H3761" s="4">
        <v>1</v>
      </c>
      <c r="I3761" s="2">
        <v>14.65</v>
      </c>
      <c r="J3761" s="52" t="s">
        <v>8287</v>
      </c>
      <c r="K3761" s="71" t="s">
        <v>9028</v>
      </c>
      <c r="L3761" s="52" t="s">
        <v>2063</v>
      </c>
      <c r="M3761" s="72">
        <v>9801</v>
      </c>
      <c r="N3761" s="52" t="s">
        <v>2259</v>
      </c>
      <c r="O3761" s="52" t="s">
        <v>2260</v>
      </c>
      <c r="P3761" s="52"/>
      <c r="Q3761" s="52"/>
      <c r="R3761" s="52"/>
      <c r="S3761" s="52"/>
      <c r="T3761" s="52"/>
      <c r="U3761" s="52"/>
      <c r="V3761" s="52"/>
      <c r="W3761" s="52"/>
    </row>
    <row r="3762" spans="1:23" hidden="1" x14ac:dyDescent="0.35">
      <c r="A3762" s="52" t="s">
        <v>78</v>
      </c>
      <c r="B3762" s="52" t="s">
        <v>79</v>
      </c>
      <c r="C3762" s="3">
        <v>211</v>
      </c>
      <c r="D3762" s="52" t="s">
        <v>80</v>
      </c>
      <c r="E3762" s="52" t="s">
        <v>26</v>
      </c>
      <c r="F3762" s="52" t="s">
        <v>81</v>
      </c>
      <c r="G3762" s="52" t="s">
        <v>82</v>
      </c>
      <c r="H3762" s="4">
        <v>1</v>
      </c>
      <c r="I3762" s="2">
        <v>14.65</v>
      </c>
      <c r="J3762" s="52" t="s">
        <v>9029</v>
      </c>
      <c r="K3762" s="71" t="s">
        <v>9030</v>
      </c>
      <c r="L3762" s="52" t="s">
        <v>2063</v>
      </c>
      <c r="M3762" s="72">
        <v>456</v>
      </c>
      <c r="N3762" s="52" t="s">
        <v>2066</v>
      </c>
      <c r="O3762" s="52" t="s">
        <v>2067</v>
      </c>
      <c r="P3762" s="52"/>
      <c r="Q3762" s="52"/>
      <c r="R3762" s="52"/>
      <c r="S3762" s="52"/>
      <c r="T3762" s="52"/>
      <c r="U3762" s="52"/>
      <c r="V3762" s="52"/>
      <c r="W3762" s="52"/>
    </row>
    <row r="3763" spans="1:23" hidden="1" x14ac:dyDescent="0.35">
      <c r="A3763" s="52" t="s">
        <v>78</v>
      </c>
      <c r="B3763" s="52" t="s">
        <v>79</v>
      </c>
      <c r="C3763" s="3">
        <v>20</v>
      </c>
      <c r="D3763" s="52" t="s">
        <v>83</v>
      </c>
      <c r="E3763" s="52" t="s">
        <v>26</v>
      </c>
      <c r="F3763" s="52" t="s">
        <v>81</v>
      </c>
      <c r="G3763" s="52" t="s">
        <v>82</v>
      </c>
      <c r="H3763" s="4">
        <v>1</v>
      </c>
      <c r="I3763" s="2">
        <v>14.65</v>
      </c>
      <c r="J3763" s="52" t="s">
        <v>8997</v>
      </c>
      <c r="K3763" s="71" t="s">
        <v>9031</v>
      </c>
      <c r="L3763" s="52" t="s">
        <v>2063</v>
      </c>
      <c r="M3763" s="72">
        <v>3536</v>
      </c>
      <c r="N3763" s="52"/>
      <c r="O3763" s="52"/>
      <c r="P3763" s="52"/>
      <c r="Q3763" s="52"/>
      <c r="R3763" s="52"/>
      <c r="S3763" s="52"/>
      <c r="T3763" s="52"/>
      <c r="U3763" s="52"/>
      <c r="V3763" s="52"/>
      <c r="W3763" s="52"/>
    </row>
    <row r="3764" spans="1:23" hidden="1" x14ac:dyDescent="0.35">
      <c r="A3764" s="52" t="s">
        <v>78</v>
      </c>
      <c r="B3764" s="52" t="s">
        <v>79</v>
      </c>
      <c r="C3764" s="3">
        <v>10</v>
      </c>
      <c r="D3764" s="52" t="s">
        <v>80</v>
      </c>
      <c r="E3764" s="52" t="s">
        <v>26</v>
      </c>
      <c r="F3764" s="52" t="s">
        <v>81</v>
      </c>
      <c r="G3764" s="52" t="s">
        <v>82</v>
      </c>
      <c r="H3764" s="4">
        <v>1</v>
      </c>
      <c r="I3764" s="2">
        <v>14.65</v>
      </c>
      <c r="J3764" s="52" t="s">
        <v>9032</v>
      </c>
      <c r="K3764" s="71" t="s">
        <v>9033</v>
      </c>
      <c r="L3764" s="52" t="s">
        <v>2063</v>
      </c>
      <c r="M3764" s="72">
        <v>9088</v>
      </c>
      <c r="N3764" s="52" t="s">
        <v>2072</v>
      </c>
      <c r="O3764" s="52" t="s">
        <v>2073</v>
      </c>
      <c r="P3764" s="52"/>
      <c r="Q3764" s="52"/>
      <c r="R3764" s="52"/>
      <c r="S3764" s="52"/>
      <c r="T3764" s="52"/>
      <c r="U3764" s="52"/>
      <c r="V3764" s="52"/>
      <c r="W3764" s="52"/>
    </row>
    <row r="3765" spans="1:23" x14ac:dyDescent="0.35">
      <c r="A3765" s="52" t="s">
        <v>78</v>
      </c>
      <c r="B3765" s="52" t="s">
        <v>79</v>
      </c>
      <c r="C3765" s="3">
        <v>10</v>
      </c>
      <c r="D3765" s="52" t="s">
        <v>84</v>
      </c>
      <c r="E3765" s="52" t="s">
        <v>26</v>
      </c>
      <c r="F3765" s="52" t="s">
        <v>81</v>
      </c>
      <c r="G3765" s="52" t="s">
        <v>82</v>
      </c>
      <c r="H3765" s="4">
        <v>1</v>
      </c>
      <c r="I3765" s="2">
        <v>14.65</v>
      </c>
      <c r="J3765" s="52" t="s">
        <v>9034</v>
      </c>
      <c r="K3765" s="71" t="s">
        <v>9035</v>
      </c>
      <c r="L3765" s="52" t="s">
        <v>2063</v>
      </c>
      <c r="M3765" s="72">
        <v>6626</v>
      </c>
      <c r="N3765" s="52" t="s">
        <v>2259</v>
      </c>
      <c r="O3765" s="52" t="s">
        <v>2260</v>
      </c>
      <c r="P3765" s="52"/>
      <c r="Q3765" s="52"/>
      <c r="R3765" s="52"/>
      <c r="S3765" s="52"/>
      <c r="T3765" s="52"/>
      <c r="U3765" s="52"/>
      <c r="V3765" s="52"/>
      <c r="W3765" s="52"/>
    </row>
    <row r="3766" spans="1:23" hidden="1" x14ac:dyDescent="0.35">
      <c r="A3766" s="52" t="s">
        <v>78</v>
      </c>
      <c r="B3766" s="52" t="s">
        <v>79</v>
      </c>
      <c r="C3766" s="3">
        <v>20</v>
      </c>
      <c r="D3766" s="52" t="s">
        <v>87</v>
      </c>
      <c r="E3766" s="52" t="s">
        <v>26</v>
      </c>
      <c r="F3766" s="52" t="s">
        <v>81</v>
      </c>
      <c r="G3766" s="52" t="s">
        <v>82</v>
      </c>
      <c r="H3766" s="4">
        <v>1</v>
      </c>
      <c r="I3766" s="2">
        <v>14.65</v>
      </c>
      <c r="J3766" s="52" t="s">
        <v>9036</v>
      </c>
      <c r="K3766" s="71" t="s">
        <v>9037</v>
      </c>
      <c r="L3766" s="52" t="s">
        <v>2063</v>
      </c>
      <c r="M3766" s="72">
        <v>165</v>
      </c>
      <c r="N3766" s="52" t="s">
        <v>2072</v>
      </c>
      <c r="O3766" s="52" t="s">
        <v>2073</v>
      </c>
      <c r="P3766" s="52"/>
      <c r="Q3766" s="52"/>
      <c r="R3766" s="52"/>
      <c r="S3766" s="52"/>
      <c r="T3766" s="52"/>
      <c r="U3766" s="52"/>
      <c r="V3766" s="52"/>
      <c r="W3766" s="52"/>
    </row>
    <row r="3767" spans="1:23" hidden="1" x14ac:dyDescent="0.35">
      <c r="A3767" s="52" t="s">
        <v>78</v>
      </c>
      <c r="B3767" s="52" t="s">
        <v>79</v>
      </c>
      <c r="C3767" s="3">
        <v>20</v>
      </c>
      <c r="D3767" s="52" t="s">
        <v>86</v>
      </c>
      <c r="E3767" s="52" t="s">
        <v>26</v>
      </c>
      <c r="F3767" s="52" t="s">
        <v>81</v>
      </c>
      <c r="G3767" s="52" t="s">
        <v>82</v>
      </c>
      <c r="H3767" s="4">
        <v>1</v>
      </c>
      <c r="I3767" s="2">
        <v>14.65</v>
      </c>
      <c r="J3767" s="52" t="s">
        <v>9038</v>
      </c>
      <c r="K3767" s="71" t="s">
        <v>9039</v>
      </c>
      <c r="L3767" s="52" t="s">
        <v>2063</v>
      </c>
      <c r="M3767" s="72">
        <v>9888</v>
      </c>
      <c r="N3767" s="52" t="s">
        <v>2072</v>
      </c>
      <c r="O3767" s="52" t="s">
        <v>2073</v>
      </c>
      <c r="P3767" s="52"/>
      <c r="Q3767" s="52"/>
      <c r="R3767" s="52"/>
      <c r="S3767" s="52"/>
      <c r="T3767" s="52"/>
      <c r="U3767" s="52"/>
      <c r="V3767" s="52"/>
      <c r="W3767" s="52"/>
    </row>
    <row r="3768" spans="1:23" hidden="1" x14ac:dyDescent="0.35">
      <c r="A3768" s="52" t="s">
        <v>78</v>
      </c>
      <c r="B3768" s="52" t="s">
        <v>79</v>
      </c>
      <c r="C3768" s="3">
        <v>10</v>
      </c>
      <c r="D3768" s="52" t="s">
        <v>86</v>
      </c>
      <c r="E3768" s="52" t="s">
        <v>26</v>
      </c>
      <c r="F3768" s="52" t="s">
        <v>81</v>
      </c>
      <c r="G3768" s="52" t="s">
        <v>82</v>
      </c>
      <c r="H3768" s="4">
        <v>1</v>
      </c>
      <c r="I3768" s="2">
        <v>14.65</v>
      </c>
      <c r="J3768" s="52" t="s">
        <v>9040</v>
      </c>
      <c r="K3768" s="71" t="s">
        <v>9041</v>
      </c>
      <c r="L3768" s="52" t="s">
        <v>2063</v>
      </c>
      <c r="M3768" s="72">
        <v>4036</v>
      </c>
      <c r="N3768" s="52" t="s">
        <v>2066</v>
      </c>
      <c r="O3768" s="52" t="s">
        <v>2067</v>
      </c>
      <c r="P3768" s="52"/>
      <c r="Q3768" s="52"/>
      <c r="R3768" s="52"/>
      <c r="S3768" s="52"/>
      <c r="T3768" s="52"/>
      <c r="U3768" s="52"/>
      <c r="V3768" s="52"/>
      <c r="W3768" s="52"/>
    </row>
    <row r="3769" spans="1:23" hidden="1" x14ac:dyDescent="0.35">
      <c r="A3769" s="52" t="s">
        <v>78</v>
      </c>
      <c r="B3769" s="52" t="s">
        <v>79</v>
      </c>
      <c r="C3769" s="3">
        <v>20</v>
      </c>
      <c r="D3769" s="52" t="s">
        <v>85</v>
      </c>
      <c r="E3769" s="52" t="s">
        <v>26</v>
      </c>
      <c r="F3769" s="52" t="s">
        <v>81</v>
      </c>
      <c r="G3769" s="52" t="s">
        <v>82</v>
      </c>
      <c r="H3769" s="4">
        <v>1</v>
      </c>
      <c r="I3769" s="2">
        <v>14.65</v>
      </c>
      <c r="J3769" s="52" t="s">
        <v>9042</v>
      </c>
      <c r="K3769" s="71" t="s">
        <v>9043</v>
      </c>
      <c r="L3769" s="52" t="s">
        <v>2063</v>
      </c>
      <c r="M3769" s="72">
        <v>6951</v>
      </c>
      <c r="N3769" s="52"/>
      <c r="O3769" s="52"/>
      <c r="P3769" s="52"/>
      <c r="Q3769" s="52"/>
      <c r="R3769" s="52"/>
      <c r="S3769" s="52"/>
      <c r="T3769" s="52"/>
      <c r="U3769" s="52"/>
      <c r="V3769" s="52"/>
      <c r="W3769" s="52"/>
    </row>
    <row r="3770" spans="1:23" hidden="1" x14ac:dyDescent="0.35">
      <c r="A3770" s="52" t="s">
        <v>78</v>
      </c>
      <c r="B3770" s="52" t="s">
        <v>79</v>
      </c>
      <c r="C3770" s="3">
        <v>10</v>
      </c>
      <c r="D3770" s="52" t="s">
        <v>83</v>
      </c>
      <c r="E3770" s="52" t="s">
        <v>26</v>
      </c>
      <c r="F3770" s="52" t="s">
        <v>81</v>
      </c>
      <c r="G3770" s="52" t="s">
        <v>82</v>
      </c>
      <c r="H3770" s="4">
        <v>1</v>
      </c>
      <c r="I3770" s="2">
        <v>14.65</v>
      </c>
      <c r="J3770" s="52" t="s">
        <v>9044</v>
      </c>
      <c r="K3770" s="71" t="s">
        <v>9045</v>
      </c>
      <c r="L3770" s="52" t="s">
        <v>2063</v>
      </c>
      <c r="M3770" s="72">
        <v>1682</v>
      </c>
      <c r="N3770" s="52" t="s">
        <v>2066</v>
      </c>
      <c r="O3770" s="52" t="s">
        <v>2067</v>
      </c>
      <c r="P3770" s="52"/>
      <c r="Q3770" s="52"/>
      <c r="R3770" s="52"/>
      <c r="S3770" s="52"/>
      <c r="T3770" s="52"/>
      <c r="U3770" s="52"/>
      <c r="V3770" s="52"/>
      <c r="W3770" s="52"/>
    </row>
    <row r="3771" spans="1:23" hidden="1" x14ac:dyDescent="0.35">
      <c r="A3771" s="52" t="s">
        <v>78</v>
      </c>
      <c r="B3771" s="52" t="s">
        <v>79</v>
      </c>
      <c r="C3771" s="3">
        <v>10</v>
      </c>
      <c r="D3771" s="52" t="s">
        <v>2022</v>
      </c>
      <c r="E3771" s="52" t="s">
        <v>26</v>
      </c>
      <c r="F3771" s="52" t="s">
        <v>81</v>
      </c>
      <c r="G3771" s="52" t="s">
        <v>82</v>
      </c>
      <c r="H3771" s="4">
        <v>1</v>
      </c>
      <c r="I3771" s="2">
        <v>14.65</v>
      </c>
      <c r="J3771" s="52" t="s">
        <v>9046</v>
      </c>
      <c r="K3771" s="71" t="s">
        <v>9047</v>
      </c>
      <c r="L3771" s="52" t="s">
        <v>2063</v>
      </c>
      <c r="M3771" s="72">
        <v>2070</v>
      </c>
      <c r="N3771" s="52" t="s">
        <v>2066</v>
      </c>
      <c r="O3771" s="52" t="s">
        <v>2067</v>
      </c>
      <c r="P3771" s="52"/>
      <c r="Q3771" s="52"/>
      <c r="R3771" s="52"/>
      <c r="S3771" s="52"/>
      <c r="T3771" s="52"/>
      <c r="U3771" s="52"/>
      <c r="V3771" s="52"/>
      <c r="W3771" s="52"/>
    </row>
    <row r="3772" spans="1:23" hidden="1" x14ac:dyDescent="0.35">
      <c r="A3772" s="52" t="s">
        <v>78</v>
      </c>
      <c r="B3772" s="52" t="s">
        <v>79</v>
      </c>
      <c r="C3772" s="3">
        <v>20</v>
      </c>
      <c r="D3772" s="52" t="s">
        <v>87</v>
      </c>
      <c r="E3772" s="52" t="s">
        <v>26</v>
      </c>
      <c r="F3772" s="52" t="s">
        <v>81</v>
      </c>
      <c r="G3772" s="52" t="s">
        <v>82</v>
      </c>
      <c r="H3772" s="4">
        <v>1</v>
      </c>
      <c r="I3772" s="2">
        <v>14.65</v>
      </c>
      <c r="J3772" s="52" t="s">
        <v>8941</v>
      </c>
      <c r="K3772" s="71" t="s">
        <v>9048</v>
      </c>
      <c r="L3772" s="52" t="s">
        <v>2063</v>
      </c>
      <c r="M3772" s="72">
        <v>5699</v>
      </c>
      <c r="N3772" s="52"/>
      <c r="O3772" s="52"/>
      <c r="P3772" s="52"/>
      <c r="Q3772" s="52"/>
      <c r="R3772" s="52"/>
      <c r="S3772" s="52"/>
      <c r="T3772" s="52"/>
      <c r="U3772" s="52"/>
      <c r="V3772" s="52"/>
      <c r="W3772" s="52"/>
    </row>
    <row r="3773" spans="1:23" hidden="1" x14ac:dyDescent="0.35">
      <c r="A3773" s="52" t="s">
        <v>78</v>
      </c>
      <c r="B3773" s="52" t="s">
        <v>79</v>
      </c>
      <c r="C3773" s="3">
        <v>20</v>
      </c>
      <c r="D3773" s="52" t="s">
        <v>2021</v>
      </c>
      <c r="E3773" s="52" t="s">
        <v>26</v>
      </c>
      <c r="F3773" s="52" t="s">
        <v>81</v>
      </c>
      <c r="G3773" s="52" t="s">
        <v>82</v>
      </c>
      <c r="H3773" s="4">
        <v>1</v>
      </c>
      <c r="I3773" s="2">
        <v>14.65</v>
      </c>
      <c r="J3773" s="52" t="s">
        <v>9049</v>
      </c>
      <c r="K3773" s="71" t="s">
        <v>9050</v>
      </c>
      <c r="L3773" s="52" t="s">
        <v>2063</v>
      </c>
      <c r="M3773" s="72">
        <v>3416</v>
      </c>
      <c r="N3773" s="52" t="s">
        <v>2066</v>
      </c>
      <c r="O3773" s="52" t="s">
        <v>2067</v>
      </c>
      <c r="P3773" s="52"/>
      <c r="Q3773" s="52"/>
      <c r="R3773" s="52"/>
      <c r="S3773" s="52"/>
      <c r="T3773" s="52"/>
      <c r="U3773" s="52"/>
      <c r="V3773" s="52"/>
      <c r="W3773" s="52"/>
    </row>
    <row r="3774" spans="1:23" x14ac:dyDescent="0.35">
      <c r="A3774" s="52" t="s">
        <v>78</v>
      </c>
      <c r="B3774" s="52" t="s">
        <v>79</v>
      </c>
      <c r="C3774" s="3">
        <v>211</v>
      </c>
      <c r="D3774" s="52" t="s">
        <v>2023</v>
      </c>
      <c r="E3774" s="52" t="s">
        <v>26</v>
      </c>
      <c r="F3774" s="52" t="s">
        <v>81</v>
      </c>
      <c r="G3774" s="52" t="s">
        <v>82</v>
      </c>
      <c r="H3774" s="4">
        <v>1</v>
      </c>
      <c r="I3774" s="2">
        <v>14.65</v>
      </c>
      <c r="J3774" s="52" t="s">
        <v>9051</v>
      </c>
      <c r="K3774" s="71" t="s">
        <v>9052</v>
      </c>
      <c r="L3774" s="52" t="s">
        <v>2063</v>
      </c>
      <c r="M3774" s="72">
        <v>7654</v>
      </c>
      <c r="N3774" s="52" t="s">
        <v>2076</v>
      </c>
      <c r="O3774" s="52" t="s">
        <v>2077</v>
      </c>
      <c r="P3774" s="52" t="s">
        <v>2076</v>
      </c>
      <c r="Q3774" s="52" t="s">
        <v>2077</v>
      </c>
      <c r="R3774" s="52"/>
      <c r="S3774" s="52"/>
      <c r="T3774" s="52"/>
      <c r="U3774" s="52"/>
      <c r="V3774" s="52"/>
      <c r="W3774" s="52"/>
    </row>
    <row r="3775" spans="1:23" hidden="1" x14ac:dyDescent="0.35">
      <c r="A3775" s="52" t="s">
        <v>78</v>
      </c>
      <c r="B3775" s="52" t="s">
        <v>79</v>
      </c>
      <c r="C3775" s="3">
        <v>20</v>
      </c>
      <c r="D3775" s="52" t="s">
        <v>84</v>
      </c>
      <c r="E3775" s="52" t="s">
        <v>26</v>
      </c>
      <c r="F3775" s="52" t="s">
        <v>81</v>
      </c>
      <c r="G3775" s="52" t="s">
        <v>82</v>
      </c>
      <c r="H3775" s="4">
        <v>1</v>
      </c>
      <c r="I3775" s="2">
        <v>14.65</v>
      </c>
      <c r="J3775" s="52" t="s">
        <v>8543</v>
      </c>
      <c r="K3775" s="71" t="s">
        <v>9053</v>
      </c>
      <c r="L3775" s="52" t="s">
        <v>2063</v>
      </c>
      <c r="M3775" s="72">
        <v>5503</v>
      </c>
      <c r="N3775" s="52" t="s">
        <v>2066</v>
      </c>
      <c r="O3775" s="52" t="s">
        <v>2067</v>
      </c>
      <c r="P3775" s="52"/>
      <c r="Q3775" s="52"/>
      <c r="R3775" s="52"/>
      <c r="S3775" s="52"/>
      <c r="T3775" s="52"/>
      <c r="U3775" s="52"/>
      <c r="V3775" s="52"/>
      <c r="W3775" s="52"/>
    </row>
    <row r="3776" spans="1:23" x14ac:dyDescent="0.35">
      <c r="A3776" s="52" t="s">
        <v>78</v>
      </c>
      <c r="B3776" s="52" t="s">
        <v>79</v>
      </c>
      <c r="C3776" s="3">
        <v>20</v>
      </c>
      <c r="D3776" s="52" t="s">
        <v>2020</v>
      </c>
      <c r="E3776" s="52" t="s">
        <v>26</v>
      </c>
      <c r="F3776" s="52" t="s">
        <v>81</v>
      </c>
      <c r="G3776" s="52" t="s">
        <v>82</v>
      </c>
      <c r="H3776" s="4">
        <v>1</v>
      </c>
      <c r="I3776" s="2">
        <v>14.65</v>
      </c>
      <c r="J3776" s="52" t="s">
        <v>9054</v>
      </c>
      <c r="K3776" s="71" t="s">
        <v>9055</v>
      </c>
      <c r="L3776" s="52" t="s">
        <v>2063</v>
      </c>
      <c r="M3776" s="72">
        <v>4972</v>
      </c>
      <c r="N3776" s="52" t="s">
        <v>2076</v>
      </c>
      <c r="O3776" s="52" t="s">
        <v>2077</v>
      </c>
      <c r="P3776" s="52"/>
      <c r="Q3776" s="52"/>
      <c r="R3776" s="52"/>
      <c r="S3776" s="52"/>
      <c r="T3776" s="52"/>
      <c r="U3776" s="52"/>
      <c r="V3776" s="52"/>
      <c r="W3776" s="52"/>
    </row>
    <row r="3777" spans="1:23" hidden="1" x14ac:dyDescent="0.35">
      <c r="A3777" s="52" t="s">
        <v>78</v>
      </c>
      <c r="B3777" s="52" t="s">
        <v>79</v>
      </c>
      <c r="C3777" s="3">
        <v>20</v>
      </c>
      <c r="D3777" s="52" t="s">
        <v>2024</v>
      </c>
      <c r="E3777" s="52" t="s">
        <v>26</v>
      </c>
      <c r="F3777" s="52" t="s">
        <v>81</v>
      </c>
      <c r="G3777" s="52" t="s">
        <v>82</v>
      </c>
      <c r="H3777" s="4">
        <v>1</v>
      </c>
      <c r="I3777" s="2">
        <v>14.65</v>
      </c>
      <c r="J3777" s="52" t="s">
        <v>9056</v>
      </c>
      <c r="K3777" s="71" t="s">
        <v>9057</v>
      </c>
      <c r="L3777" s="52" t="s">
        <v>2063</v>
      </c>
      <c r="M3777" s="72">
        <v>377</v>
      </c>
      <c r="N3777" s="52" t="s">
        <v>2072</v>
      </c>
      <c r="O3777" s="52" t="s">
        <v>2073</v>
      </c>
      <c r="P3777" s="52"/>
      <c r="Q3777" s="52"/>
      <c r="R3777" s="52"/>
      <c r="S3777" s="52"/>
      <c r="T3777" s="52"/>
      <c r="U3777" s="52"/>
      <c r="V3777" s="52"/>
      <c r="W3777" s="52"/>
    </row>
    <row r="3778" spans="1:23" x14ac:dyDescent="0.35">
      <c r="A3778" s="52" t="s">
        <v>78</v>
      </c>
      <c r="B3778" s="52" t="s">
        <v>79</v>
      </c>
      <c r="C3778" s="3">
        <v>20</v>
      </c>
      <c r="D3778" s="52" t="s">
        <v>2023</v>
      </c>
      <c r="E3778" s="52" t="s">
        <v>26</v>
      </c>
      <c r="F3778" s="52" t="s">
        <v>81</v>
      </c>
      <c r="G3778" s="52" t="s">
        <v>82</v>
      </c>
      <c r="H3778" s="4">
        <v>1</v>
      </c>
      <c r="I3778" s="2">
        <v>14.65</v>
      </c>
      <c r="J3778" s="52" t="s">
        <v>9058</v>
      </c>
      <c r="K3778" s="71" t="s">
        <v>9059</v>
      </c>
      <c r="L3778" s="52" t="s">
        <v>2063</v>
      </c>
      <c r="M3778" s="72">
        <v>9013</v>
      </c>
      <c r="N3778" s="52" t="s">
        <v>2259</v>
      </c>
      <c r="O3778" s="52" t="s">
        <v>2260</v>
      </c>
      <c r="P3778" s="52"/>
      <c r="Q3778" s="52"/>
      <c r="R3778" s="52"/>
      <c r="S3778" s="52"/>
      <c r="T3778" s="52"/>
      <c r="U3778" s="52"/>
      <c r="V3778" s="52"/>
      <c r="W3778" s="52"/>
    </row>
    <row r="3779" spans="1:23" hidden="1" x14ac:dyDescent="0.35">
      <c r="A3779" s="52" t="s">
        <v>78</v>
      </c>
      <c r="B3779" s="52" t="s">
        <v>79</v>
      </c>
      <c r="C3779" s="3">
        <v>221</v>
      </c>
      <c r="D3779" s="52" t="s">
        <v>87</v>
      </c>
      <c r="E3779" s="52" t="s">
        <v>26</v>
      </c>
      <c r="F3779" s="52" t="s">
        <v>81</v>
      </c>
      <c r="G3779" s="52" t="s">
        <v>82</v>
      </c>
      <c r="H3779" s="4">
        <v>1</v>
      </c>
      <c r="I3779" s="2">
        <v>14.65</v>
      </c>
      <c r="J3779" s="52" t="s">
        <v>9060</v>
      </c>
      <c r="K3779" s="71" t="s">
        <v>9061</v>
      </c>
      <c r="L3779" s="52" t="s">
        <v>2063</v>
      </c>
      <c r="M3779" s="72">
        <v>3538</v>
      </c>
      <c r="N3779" s="52" t="s">
        <v>2066</v>
      </c>
      <c r="O3779" s="52" t="s">
        <v>2067</v>
      </c>
      <c r="P3779" s="52"/>
      <c r="Q3779" s="52"/>
      <c r="R3779" s="52"/>
      <c r="S3779" s="52"/>
      <c r="T3779" s="52"/>
      <c r="U3779" s="52"/>
      <c r="V3779" s="52"/>
      <c r="W3779" s="52"/>
    </row>
    <row r="3780" spans="1:23" hidden="1" x14ac:dyDescent="0.35">
      <c r="A3780" s="52" t="s">
        <v>78</v>
      </c>
      <c r="B3780" s="52" t="s">
        <v>79</v>
      </c>
      <c r="C3780" s="3">
        <v>20</v>
      </c>
      <c r="D3780" s="52" t="s">
        <v>2023</v>
      </c>
      <c r="E3780" s="52" t="s">
        <v>26</v>
      </c>
      <c r="F3780" s="52" t="s">
        <v>81</v>
      </c>
      <c r="G3780" s="52" t="s">
        <v>82</v>
      </c>
      <c r="H3780" s="4">
        <v>1</v>
      </c>
      <c r="I3780" s="2">
        <v>14.65</v>
      </c>
      <c r="J3780" s="52" t="s">
        <v>6904</v>
      </c>
      <c r="K3780" s="71" t="s">
        <v>9062</v>
      </c>
      <c r="L3780" s="52" t="s">
        <v>7605</v>
      </c>
      <c r="M3780" s="72">
        <v>8593</v>
      </c>
      <c r="N3780" s="52"/>
      <c r="O3780" s="52"/>
      <c r="P3780" s="52"/>
      <c r="Q3780" s="52"/>
      <c r="R3780" s="52"/>
      <c r="S3780" s="52"/>
      <c r="T3780" s="52"/>
      <c r="U3780" s="52"/>
      <c r="V3780" s="52"/>
      <c r="W3780" s="52"/>
    </row>
    <row r="3781" spans="1:23" hidden="1" x14ac:dyDescent="0.35">
      <c r="A3781" s="52" t="s">
        <v>78</v>
      </c>
      <c r="B3781" s="52" t="s">
        <v>79</v>
      </c>
      <c r="C3781" s="3">
        <v>10</v>
      </c>
      <c r="D3781" s="52" t="s">
        <v>2023</v>
      </c>
      <c r="E3781" s="52" t="s">
        <v>26</v>
      </c>
      <c r="F3781" s="52" t="s">
        <v>81</v>
      </c>
      <c r="G3781" s="52" t="s">
        <v>82</v>
      </c>
      <c r="H3781" s="4">
        <v>1</v>
      </c>
      <c r="I3781" s="2">
        <v>14.65</v>
      </c>
      <c r="J3781" s="52" t="s">
        <v>9063</v>
      </c>
      <c r="K3781" s="71" t="s">
        <v>9064</v>
      </c>
      <c r="L3781" s="52" t="s">
        <v>2063</v>
      </c>
      <c r="M3781" s="72">
        <v>891</v>
      </c>
      <c r="N3781" s="52" t="s">
        <v>2066</v>
      </c>
      <c r="O3781" s="52" t="s">
        <v>2067</v>
      </c>
      <c r="P3781" s="52"/>
      <c r="Q3781" s="52"/>
      <c r="R3781" s="52"/>
      <c r="S3781" s="52"/>
      <c r="T3781" s="52"/>
      <c r="U3781" s="52"/>
      <c r="V3781" s="52"/>
      <c r="W3781" s="52"/>
    </row>
    <row r="3782" spans="1:23" hidden="1" x14ac:dyDescent="0.35">
      <c r="A3782" s="52" t="s">
        <v>78</v>
      </c>
      <c r="B3782" s="52" t="s">
        <v>79</v>
      </c>
      <c r="C3782" s="3">
        <v>20</v>
      </c>
      <c r="D3782" s="52" t="s">
        <v>2023</v>
      </c>
      <c r="E3782" s="52" t="s">
        <v>26</v>
      </c>
      <c r="F3782" s="52" t="s">
        <v>81</v>
      </c>
      <c r="G3782" s="52" t="s">
        <v>82</v>
      </c>
      <c r="H3782" s="4">
        <v>1</v>
      </c>
      <c r="I3782" s="2">
        <v>14.65</v>
      </c>
      <c r="J3782" s="52" t="s">
        <v>9065</v>
      </c>
      <c r="K3782" s="71" t="s">
        <v>9066</v>
      </c>
      <c r="L3782" s="52" t="s">
        <v>2063</v>
      </c>
      <c r="M3782" s="72">
        <v>7430</v>
      </c>
      <c r="N3782" s="52" t="s">
        <v>2066</v>
      </c>
      <c r="O3782" s="52" t="s">
        <v>2067</v>
      </c>
      <c r="P3782" s="52"/>
      <c r="Q3782" s="52"/>
      <c r="R3782" s="52"/>
      <c r="S3782" s="52"/>
      <c r="T3782" s="52"/>
      <c r="U3782" s="52"/>
      <c r="V3782" s="52"/>
      <c r="W3782" s="52"/>
    </row>
    <row r="3783" spans="1:23" hidden="1" x14ac:dyDescent="0.35">
      <c r="A3783" s="52" t="s">
        <v>78</v>
      </c>
      <c r="B3783" s="52" t="s">
        <v>79</v>
      </c>
      <c r="C3783" s="3">
        <v>10</v>
      </c>
      <c r="D3783" s="52" t="s">
        <v>2023</v>
      </c>
      <c r="E3783" s="52" t="s">
        <v>26</v>
      </c>
      <c r="F3783" s="52" t="s">
        <v>81</v>
      </c>
      <c r="G3783" s="52" t="s">
        <v>82</v>
      </c>
      <c r="H3783" s="4">
        <v>1</v>
      </c>
      <c r="I3783" s="2">
        <v>14.65</v>
      </c>
      <c r="J3783" s="52" t="s">
        <v>8088</v>
      </c>
      <c r="K3783" s="71" t="s">
        <v>9067</v>
      </c>
      <c r="L3783" s="52" t="s">
        <v>2063</v>
      </c>
      <c r="M3783" s="72">
        <v>6285</v>
      </c>
      <c r="N3783" s="52" t="s">
        <v>2158</v>
      </c>
      <c r="O3783" s="52" t="s">
        <v>2159</v>
      </c>
      <c r="P3783" s="52"/>
      <c r="Q3783" s="52"/>
      <c r="R3783" s="52"/>
      <c r="S3783" s="52"/>
      <c r="T3783" s="52"/>
      <c r="U3783" s="52"/>
      <c r="V3783" s="52"/>
      <c r="W3783" s="52"/>
    </row>
    <row r="3784" spans="1:23" hidden="1" x14ac:dyDescent="0.35">
      <c r="A3784" s="52" t="s">
        <v>78</v>
      </c>
      <c r="B3784" s="52" t="s">
        <v>79</v>
      </c>
      <c r="C3784" s="3">
        <v>20</v>
      </c>
      <c r="D3784" s="52" t="s">
        <v>2019</v>
      </c>
      <c r="E3784" s="52" t="s">
        <v>26</v>
      </c>
      <c r="F3784" s="52" t="s">
        <v>81</v>
      </c>
      <c r="G3784" s="52" t="s">
        <v>82</v>
      </c>
      <c r="H3784" s="4">
        <v>1</v>
      </c>
      <c r="I3784" s="2">
        <v>14.65</v>
      </c>
      <c r="J3784" s="52" t="s">
        <v>7181</v>
      </c>
      <c r="K3784" s="71" t="s">
        <v>9068</v>
      </c>
      <c r="L3784" s="52" t="s">
        <v>2063</v>
      </c>
      <c r="M3784" s="72">
        <v>7264</v>
      </c>
      <c r="N3784" s="52"/>
      <c r="O3784" s="52"/>
      <c r="P3784" s="52"/>
      <c r="Q3784" s="52"/>
      <c r="R3784" s="52"/>
      <c r="S3784" s="52"/>
      <c r="T3784" s="52"/>
      <c r="U3784" s="52"/>
      <c r="V3784" s="52"/>
      <c r="W3784" s="52"/>
    </row>
    <row r="3785" spans="1:23" x14ac:dyDescent="0.35">
      <c r="A3785" s="52" t="s">
        <v>78</v>
      </c>
      <c r="B3785" s="52" t="s">
        <v>79</v>
      </c>
      <c r="C3785" s="3">
        <v>211</v>
      </c>
      <c r="D3785" s="52" t="s">
        <v>83</v>
      </c>
      <c r="E3785" s="52" t="s">
        <v>26</v>
      </c>
      <c r="F3785" s="52" t="s">
        <v>81</v>
      </c>
      <c r="G3785" s="52" t="s">
        <v>82</v>
      </c>
      <c r="H3785" s="4">
        <v>1</v>
      </c>
      <c r="I3785" s="2">
        <v>14.65</v>
      </c>
      <c r="J3785" s="52" t="s">
        <v>9069</v>
      </c>
      <c r="K3785" s="71" t="s">
        <v>9070</v>
      </c>
      <c r="L3785" s="52" t="s">
        <v>2063</v>
      </c>
      <c r="M3785" s="72">
        <v>1234</v>
      </c>
      <c r="N3785" s="52" t="s">
        <v>2076</v>
      </c>
      <c r="O3785" s="52" t="s">
        <v>2077</v>
      </c>
      <c r="P3785" s="52"/>
      <c r="Q3785" s="52"/>
      <c r="R3785" s="52"/>
      <c r="S3785" s="52"/>
      <c r="T3785" s="52"/>
      <c r="U3785" s="52"/>
      <c r="V3785" s="52"/>
      <c r="W3785" s="52"/>
    </row>
    <row r="3786" spans="1:23" hidden="1" x14ac:dyDescent="0.35">
      <c r="A3786" s="52" t="s">
        <v>78</v>
      </c>
      <c r="B3786" s="52" t="s">
        <v>79</v>
      </c>
      <c r="C3786" s="3">
        <v>20</v>
      </c>
      <c r="D3786" s="52" t="s">
        <v>84</v>
      </c>
      <c r="E3786" s="52" t="s">
        <v>26</v>
      </c>
      <c r="F3786" s="52" t="s">
        <v>81</v>
      </c>
      <c r="G3786" s="52" t="s">
        <v>82</v>
      </c>
      <c r="H3786" s="4">
        <v>1</v>
      </c>
      <c r="I3786" s="2">
        <v>14.65</v>
      </c>
      <c r="J3786" s="52" t="s">
        <v>9071</v>
      </c>
      <c r="K3786" s="71" t="s">
        <v>9072</v>
      </c>
      <c r="L3786" s="52" t="s">
        <v>2063</v>
      </c>
      <c r="M3786" s="72">
        <v>570</v>
      </c>
      <c r="N3786" s="52"/>
      <c r="O3786" s="52"/>
      <c r="P3786" s="52"/>
      <c r="Q3786" s="52"/>
      <c r="R3786" s="52"/>
      <c r="S3786" s="52"/>
      <c r="T3786" s="52"/>
      <c r="U3786" s="52"/>
      <c r="V3786" s="52"/>
      <c r="W3786" s="52"/>
    </row>
    <row r="3787" spans="1:23" hidden="1" x14ac:dyDescent="0.35">
      <c r="A3787" s="52" t="s">
        <v>78</v>
      </c>
      <c r="B3787" s="52" t="s">
        <v>79</v>
      </c>
      <c r="C3787" s="3">
        <v>20</v>
      </c>
      <c r="D3787" s="52" t="s">
        <v>84</v>
      </c>
      <c r="E3787" s="52" t="s">
        <v>26</v>
      </c>
      <c r="F3787" s="52" t="s">
        <v>81</v>
      </c>
      <c r="G3787" s="52" t="s">
        <v>82</v>
      </c>
      <c r="H3787" s="4">
        <v>1</v>
      </c>
      <c r="I3787" s="2">
        <v>14.65</v>
      </c>
      <c r="J3787" s="52" t="s">
        <v>9073</v>
      </c>
      <c r="K3787" s="71" t="s">
        <v>9074</v>
      </c>
      <c r="L3787" s="52" t="s">
        <v>2063</v>
      </c>
      <c r="M3787" s="72">
        <v>6630</v>
      </c>
      <c r="N3787" s="52"/>
      <c r="O3787" s="52"/>
      <c r="P3787" s="52"/>
      <c r="Q3787" s="52"/>
      <c r="R3787" s="52"/>
      <c r="S3787" s="52"/>
      <c r="T3787" s="52"/>
      <c r="U3787" s="52"/>
      <c r="V3787" s="52"/>
      <c r="W3787" s="52"/>
    </row>
    <row r="3788" spans="1:23" hidden="1" x14ac:dyDescent="0.35">
      <c r="A3788" s="52" t="s">
        <v>78</v>
      </c>
      <c r="B3788" s="52" t="s">
        <v>79</v>
      </c>
      <c r="C3788" s="3">
        <v>10</v>
      </c>
      <c r="D3788" s="52" t="s">
        <v>2024</v>
      </c>
      <c r="E3788" s="52" t="s">
        <v>26</v>
      </c>
      <c r="F3788" s="52" t="s">
        <v>81</v>
      </c>
      <c r="G3788" s="52" t="s">
        <v>82</v>
      </c>
      <c r="H3788" s="4">
        <v>1</v>
      </c>
      <c r="I3788" s="2">
        <v>14.65</v>
      </c>
      <c r="J3788" s="52" t="s">
        <v>9075</v>
      </c>
      <c r="K3788" s="71" t="s">
        <v>9076</v>
      </c>
      <c r="L3788" s="52" t="s">
        <v>2063</v>
      </c>
      <c r="M3788" s="72">
        <v>9635</v>
      </c>
      <c r="N3788" s="52" t="s">
        <v>2072</v>
      </c>
      <c r="O3788" s="52" t="s">
        <v>2073</v>
      </c>
      <c r="P3788" s="52"/>
      <c r="Q3788" s="52"/>
      <c r="R3788" s="52"/>
      <c r="S3788" s="52"/>
      <c r="T3788" s="52"/>
      <c r="U3788" s="52"/>
      <c r="V3788" s="52"/>
      <c r="W3788" s="52"/>
    </row>
    <row r="3789" spans="1:23" hidden="1" x14ac:dyDescent="0.35">
      <c r="A3789" s="52" t="s">
        <v>78</v>
      </c>
      <c r="B3789" s="52" t="s">
        <v>79</v>
      </c>
      <c r="C3789" s="3">
        <v>20</v>
      </c>
      <c r="D3789" s="52" t="s">
        <v>80</v>
      </c>
      <c r="E3789" s="52" t="s">
        <v>26</v>
      </c>
      <c r="F3789" s="52" t="s">
        <v>81</v>
      </c>
      <c r="G3789" s="52" t="s">
        <v>82</v>
      </c>
      <c r="H3789" s="4">
        <v>1</v>
      </c>
      <c r="I3789" s="2">
        <v>14.65</v>
      </c>
      <c r="J3789" s="52" t="s">
        <v>9077</v>
      </c>
      <c r="K3789" s="71" t="s">
        <v>9078</v>
      </c>
      <c r="L3789" s="52" t="s">
        <v>2063</v>
      </c>
      <c r="M3789" s="72">
        <v>2429</v>
      </c>
      <c r="N3789" s="52" t="s">
        <v>2158</v>
      </c>
      <c r="O3789" s="52" t="s">
        <v>2159</v>
      </c>
      <c r="P3789" s="52"/>
      <c r="Q3789" s="52"/>
      <c r="R3789" s="52"/>
      <c r="S3789" s="52"/>
      <c r="T3789" s="52"/>
      <c r="U3789" s="52"/>
      <c r="V3789" s="52"/>
      <c r="W3789" s="52"/>
    </row>
    <row r="3790" spans="1:23" hidden="1" x14ac:dyDescent="0.35">
      <c r="A3790" s="52" t="s">
        <v>78</v>
      </c>
      <c r="B3790" s="52" t="s">
        <v>79</v>
      </c>
      <c r="C3790" s="3">
        <v>10</v>
      </c>
      <c r="D3790" s="52" t="s">
        <v>2024</v>
      </c>
      <c r="E3790" s="52" t="s">
        <v>26</v>
      </c>
      <c r="F3790" s="52" t="s">
        <v>81</v>
      </c>
      <c r="G3790" s="52" t="s">
        <v>82</v>
      </c>
      <c r="H3790" s="4">
        <v>1</v>
      </c>
      <c r="I3790" s="2">
        <v>14.65</v>
      </c>
      <c r="J3790" s="52" t="s">
        <v>9079</v>
      </c>
      <c r="K3790" s="71" t="s">
        <v>9080</v>
      </c>
      <c r="L3790" s="52" t="s">
        <v>2063</v>
      </c>
      <c r="M3790" s="72">
        <v>9573</v>
      </c>
      <c r="N3790" s="52" t="s">
        <v>2072</v>
      </c>
      <c r="O3790" s="52" t="s">
        <v>2073</v>
      </c>
      <c r="P3790" s="52"/>
      <c r="Q3790" s="52"/>
      <c r="R3790" s="52"/>
      <c r="S3790" s="52"/>
      <c r="T3790" s="52"/>
      <c r="U3790" s="52"/>
      <c r="V3790" s="52"/>
      <c r="W3790" s="52"/>
    </row>
    <row r="3791" spans="1:23" hidden="1" x14ac:dyDescent="0.35">
      <c r="A3791" s="52" t="s">
        <v>78</v>
      </c>
      <c r="B3791" s="52" t="s">
        <v>79</v>
      </c>
      <c r="C3791" s="3">
        <v>10</v>
      </c>
      <c r="D3791" s="52" t="s">
        <v>2021</v>
      </c>
      <c r="E3791" s="52" t="s">
        <v>26</v>
      </c>
      <c r="F3791" s="52" t="s">
        <v>81</v>
      </c>
      <c r="G3791" s="52" t="s">
        <v>82</v>
      </c>
      <c r="H3791" s="4">
        <v>1</v>
      </c>
      <c r="I3791" s="2">
        <v>14.65</v>
      </c>
      <c r="J3791" s="52" t="s">
        <v>9081</v>
      </c>
      <c r="K3791" s="71" t="s">
        <v>9082</v>
      </c>
      <c r="L3791" s="52" t="s">
        <v>2063</v>
      </c>
      <c r="M3791" s="72">
        <v>4328</v>
      </c>
      <c r="N3791" s="52"/>
      <c r="O3791" s="52"/>
      <c r="P3791" s="52"/>
      <c r="Q3791" s="52"/>
      <c r="R3791" s="52"/>
      <c r="S3791" s="52"/>
      <c r="T3791" s="52"/>
      <c r="U3791" s="52"/>
      <c r="V3791" s="52"/>
      <c r="W3791" s="52"/>
    </row>
    <row r="3792" spans="1:23" hidden="1" x14ac:dyDescent="0.35">
      <c r="A3792" s="52" t="s">
        <v>78</v>
      </c>
      <c r="B3792" s="52" t="s">
        <v>79</v>
      </c>
      <c r="C3792" s="3">
        <v>10</v>
      </c>
      <c r="D3792" s="52" t="s">
        <v>2022</v>
      </c>
      <c r="E3792" s="52" t="s">
        <v>26</v>
      </c>
      <c r="F3792" s="52" t="s">
        <v>81</v>
      </c>
      <c r="G3792" s="52" t="s">
        <v>82</v>
      </c>
      <c r="H3792" s="4">
        <v>1</v>
      </c>
      <c r="I3792" s="2">
        <v>14.65</v>
      </c>
      <c r="J3792" s="52" t="s">
        <v>9083</v>
      </c>
      <c r="K3792" s="71" t="s">
        <v>9084</v>
      </c>
      <c r="L3792" s="52" t="s">
        <v>2063</v>
      </c>
      <c r="M3792" s="72">
        <v>794</v>
      </c>
      <c r="N3792" s="52" t="s">
        <v>2072</v>
      </c>
      <c r="O3792" s="52" t="s">
        <v>2073</v>
      </c>
      <c r="P3792" s="52"/>
      <c r="Q3792" s="52"/>
      <c r="R3792" s="52"/>
      <c r="S3792" s="52"/>
      <c r="T3792" s="52"/>
      <c r="U3792" s="52"/>
      <c r="V3792" s="52"/>
      <c r="W3792" s="52"/>
    </row>
    <row r="3793" spans="1:23" hidden="1" x14ac:dyDescent="0.35">
      <c r="A3793" s="52" t="s">
        <v>78</v>
      </c>
      <c r="B3793" s="52" t="s">
        <v>79</v>
      </c>
      <c r="C3793" s="3">
        <v>20</v>
      </c>
      <c r="D3793" s="52" t="s">
        <v>2024</v>
      </c>
      <c r="E3793" s="52" t="s">
        <v>26</v>
      </c>
      <c r="F3793" s="52" t="s">
        <v>81</v>
      </c>
      <c r="G3793" s="52" t="s">
        <v>82</v>
      </c>
      <c r="H3793" s="4">
        <v>1</v>
      </c>
      <c r="I3793" s="2">
        <v>14.65</v>
      </c>
      <c r="J3793" s="52" t="s">
        <v>6904</v>
      </c>
      <c r="K3793" s="71" t="s">
        <v>9085</v>
      </c>
      <c r="L3793" s="52" t="s">
        <v>2063</v>
      </c>
      <c r="M3793" s="72">
        <v>8801</v>
      </c>
      <c r="N3793" s="52"/>
      <c r="O3793" s="52"/>
      <c r="P3793" s="52"/>
      <c r="Q3793" s="52"/>
      <c r="R3793" s="52"/>
      <c r="S3793" s="52"/>
      <c r="T3793" s="52"/>
      <c r="U3793" s="52"/>
      <c r="V3793" s="52"/>
      <c r="W3793" s="52"/>
    </row>
    <row r="3794" spans="1:23" hidden="1" x14ac:dyDescent="0.35">
      <c r="A3794" s="52" t="s">
        <v>78</v>
      </c>
      <c r="B3794" s="52" t="s">
        <v>79</v>
      </c>
      <c r="C3794" s="3">
        <v>20</v>
      </c>
      <c r="D3794" s="52" t="s">
        <v>84</v>
      </c>
      <c r="E3794" s="52" t="s">
        <v>26</v>
      </c>
      <c r="F3794" s="52" t="s">
        <v>81</v>
      </c>
      <c r="G3794" s="52" t="s">
        <v>82</v>
      </c>
      <c r="H3794" s="4">
        <v>1</v>
      </c>
      <c r="I3794" s="2">
        <v>14.65</v>
      </c>
      <c r="J3794" s="52" t="s">
        <v>9086</v>
      </c>
      <c r="K3794" s="71" t="s">
        <v>9087</v>
      </c>
      <c r="L3794" s="52" t="s">
        <v>2063</v>
      </c>
      <c r="M3794" s="72">
        <v>2587</v>
      </c>
      <c r="N3794" s="52"/>
      <c r="O3794" s="52"/>
      <c r="P3794" s="52"/>
      <c r="Q3794" s="52"/>
      <c r="R3794" s="52"/>
      <c r="S3794" s="52"/>
      <c r="T3794" s="52"/>
      <c r="U3794" s="52"/>
      <c r="V3794" s="52"/>
      <c r="W3794" s="52"/>
    </row>
    <row r="3795" spans="1:23" x14ac:dyDescent="0.35">
      <c r="A3795" s="52" t="s">
        <v>78</v>
      </c>
      <c r="B3795" s="52" t="s">
        <v>79</v>
      </c>
      <c r="C3795" s="3">
        <v>20</v>
      </c>
      <c r="D3795" s="52" t="s">
        <v>2023</v>
      </c>
      <c r="E3795" s="52" t="s">
        <v>26</v>
      </c>
      <c r="F3795" s="52" t="s">
        <v>81</v>
      </c>
      <c r="G3795" s="52" t="s">
        <v>82</v>
      </c>
      <c r="H3795" s="4">
        <v>1</v>
      </c>
      <c r="I3795" s="2">
        <v>14.65</v>
      </c>
      <c r="J3795" s="52" t="s">
        <v>9088</v>
      </c>
      <c r="K3795" s="71" t="s">
        <v>9089</v>
      </c>
      <c r="L3795" s="52" t="s">
        <v>2063</v>
      </c>
      <c r="M3795" s="72">
        <v>7180</v>
      </c>
      <c r="N3795" s="52" t="s">
        <v>2259</v>
      </c>
      <c r="O3795" s="52" t="s">
        <v>2260</v>
      </c>
      <c r="P3795" s="52"/>
      <c r="Q3795" s="52"/>
      <c r="R3795" s="52"/>
      <c r="S3795" s="52"/>
      <c r="T3795" s="52"/>
      <c r="U3795" s="52"/>
      <c r="V3795" s="52"/>
      <c r="W3795" s="52"/>
    </row>
    <row r="3796" spans="1:23" hidden="1" x14ac:dyDescent="0.35">
      <c r="A3796" s="52" t="s">
        <v>78</v>
      </c>
      <c r="B3796" s="52" t="s">
        <v>79</v>
      </c>
      <c r="C3796" s="3">
        <v>20</v>
      </c>
      <c r="D3796" s="52" t="s">
        <v>2019</v>
      </c>
      <c r="E3796" s="52" t="s">
        <v>26</v>
      </c>
      <c r="F3796" s="52" t="s">
        <v>81</v>
      </c>
      <c r="G3796" s="52" t="s">
        <v>82</v>
      </c>
      <c r="H3796" s="4">
        <v>1</v>
      </c>
      <c r="I3796" s="2">
        <v>14.65</v>
      </c>
      <c r="J3796" s="52" t="s">
        <v>9090</v>
      </c>
      <c r="K3796" s="71" t="s">
        <v>9091</v>
      </c>
      <c r="L3796" s="52" t="s">
        <v>2063</v>
      </c>
      <c r="M3796" s="72">
        <v>2230</v>
      </c>
      <c r="N3796" s="52" t="s">
        <v>2072</v>
      </c>
      <c r="O3796" s="52" t="s">
        <v>2073</v>
      </c>
      <c r="P3796" s="52"/>
      <c r="Q3796" s="52"/>
      <c r="R3796" s="52"/>
      <c r="S3796" s="52"/>
      <c r="T3796" s="52"/>
      <c r="U3796" s="52"/>
      <c r="V3796" s="52"/>
      <c r="W3796" s="52"/>
    </row>
    <row r="3797" spans="1:23" hidden="1" x14ac:dyDescent="0.35">
      <c r="A3797" s="52" t="s">
        <v>78</v>
      </c>
      <c r="B3797" s="52" t="s">
        <v>79</v>
      </c>
      <c r="C3797" s="3">
        <v>20</v>
      </c>
      <c r="D3797" s="52" t="s">
        <v>2019</v>
      </c>
      <c r="E3797" s="52" t="s">
        <v>26</v>
      </c>
      <c r="F3797" s="52" t="s">
        <v>81</v>
      </c>
      <c r="G3797" s="52" t="s">
        <v>82</v>
      </c>
      <c r="H3797" s="4">
        <v>1</v>
      </c>
      <c r="I3797" s="2">
        <v>14.65</v>
      </c>
      <c r="J3797" s="52" t="s">
        <v>9092</v>
      </c>
      <c r="K3797" s="71" t="s">
        <v>9093</v>
      </c>
      <c r="L3797" s="52" t="s">
        <v>2063</v>
      </c>
      <c r="M3797" s="72">
        <v>7765</v>
      </c>
      <c r="N3797" s="52" t="s">
        <v>2066</v>
      </c>
      <c r="O3797" s="52" t="s">
        <v>2067</v>
      </c>
      <c r="P3797" s="52"/>
      <c r="Q3797" s="52"/>
      <c r="R3797" s="52"/>
      <c r="S3797" s="52"/>
      <c r="T3797" s="52"/>
      <c r="U3797" s="52"/>
      <c r="V3797" s="52"/>
      <c r="W3797" s="52"/>
    </row>
    <row r="3798" spans="1:23" hidden="1" x14ac:dyDescent="0.35">
      <c r="A3798" s="52" t="s">
        <v>78</v>
      </c>
      <c r="B3798" s="52" t="s">
        <v>79</v>
      </c>
      <c r="C3798" s="3">
        <v>20</v>
      </c>
      <c r="D3798" s="52" t="s">
        <v>2020</v>
      </c>
      <c r="E3798" s="52" t="s">
        <v>26</v>
      </c>
      <c r="F3798" s="52" t="s">
        <v>81</v>
      </c>
      <c r="G3798" s="52" t="s">
        <v>82</v>
      </c>
      <c r="H3798" s="4">
        <v>1</v>
      </c>
      <c r="I3798" s="2">
        <v>14.65</v>
      </c>
      <c r="J3798" s="52" t="s">
        <v>9094</v>
      </c>
      <c r="K3798" s="71" t="s">
        <v>9095</v>
      </c>
      <c r="L3798" s="52" t="s">
        <v>2063</v>
      </c>
      <c r="M3798" s="72">
        <v>2076</v>
      </c>
      <c r="N3798" s="52" t="s">
        <v>2066</v>
      </c>
      <c r="O3798" s="52" t="s">
        <v>2067</v>
      </c>
      <c r="P3798" s="52"/>
      <c r="Q3798" s="52"/>
      <c r="R3798" s="52"/>
      <c r="S3798" s="52"/>
      <c r="T3798" s="52"/>
      <c r="U3798" s="52"/>
      <c r="V3798" s="52"/>
      <c r="W3798" s="52"/>
    </row>
    <row r="3799" spans="1:23" hidden="1" x14ac:dyDescent="0.35">
      <c r="A3799" s="52" t="s">
        <v>78</v>
      </c>
      <c r="B3799" s="52" t="s">
        <v>79</v>
      </c>
      <c r="C3799" s="3">
        <v>20</v>
      </c>
      <c r="D3799" s="52" t="s">
        <v>2019</v>
      </c>
      <c r="E3799" s="52" t="s">
        <v>26</v>
      </c>
      <c r="F3799" s="52" t="s">
        <v>81</v>
      </c>
      <c r="G3799" s="52" t="s">
        <v>82</v>
      </c>
      <c r="H3799" s="4">
        <v>1</v>
      </c>
      <c r="I3799" s="2">
        <v>14.65</v>
      </c>
      <c r="J3799" s="52" t="s">
        <v>9096</v>
      </c>
      <c r="K3799" s="71" t="s">
        <v>9097</v>
      </c>
      <c r="L3799" s="52" t="s">
        <v>2063</v>
      </c>
      <c r="M3799" s="72">
        <v>3708</v>
      </c>
      <c r="N3799" s="52" t="s">
        <v>2072</v>
      </c>
      <c r="O3799" s="52" t="s">
        <v>2073</v>
      </c>
      <c r="P3799" s="52"/>
      <c r="Q3799" s="52"/>
      <c r="R3799" s="52"/>
      <c r="S3799" s="52"/>
      <c r="T3799" s="52"/>
      <c r="U3799" s="52"/>
      <c r="V3799" s="52"/>
      <c r="W3799" s="52"/>
    </row>
    <row r="3800" spans="1:23" hidden="1" x14ac:dyDescent="0.35">
      <c r="A3800" s="52" t="s">
        <v>78</v>
      </c>
      <c r="B3800" s="52" t="s">
        <v>79</v>
      </c>
      <c r="C3800" s="3">
        <v>211</v>
      </c>
      <c r="D3800" s="52" t="s">
        <v>83</v>
      </c>
      <c r="E3800" s="52" t="s">
        <v>26</v>
      </c>
      <c r="F3800" s="52" t="s">
        <v>81</v>
      </c>
      <c r="G3800" s="52" t="s">
        <v>82</v>
      </c>
      <c r="H3800" s="4">
        <v>1</v>
      </c>
      <c r="I3800" s="2">
        <v>14.65</v>
      </c>
      <c r="J3800" s="52" t="s">
        <v>9098</v>
      </c>
      <c r="K3800" s="71" t="s">
        <v>9099</v>
      </c>
      <c r="L3800" s="52" t="s">
        <v>2063</v>
      </c>
      <c r="M3800" s="72">
        <v>9944</v>
      </c>
      <c r="N3800" s="52" t="s">
        <v>2072</v>
      </c>
      <c r="O3800" s="52" t="s">
        <v>2073</v>
      </c>
      <c r="P3800" s="52"/>
      <c r="Q3800" s="52"/>
      <c r="R3800" s="52"/>
      <c r="S3800" s="52"/>
      <c r="T3800" s="52"/>
      <c r="U3800" s="52"/>
      <c r="V3800" s="52"/>
      <c r="W3800" s="52"/>
    </row>
    <row r="3801" spans="1:23" hidden="1" x14ac:dyDescent="0.35">
      <c r="A3801" s="52" t="s">
        <v>78</v>
      </c>
      <c r="B3801" s="52" t="s">
        <v>79</v>
      </c>
      <c r="C3801" s="3">
        <v>20</v>
      </c>
      <c r="D3801" s="52" t="s">
        <v>2024</v>
      </c>
      <c r="E3801" s="52" t="s">
        <v>26</v>
      </c>
      <c r="F3801" s="52" t="s">
        <v>81</v>
      </c>
      <c r="G3801" s="52" t="s">
        <v>82</v>
      </c>
      <c r="H3801" s="4">
        <v>1</v>
      </c>
      <c r="I3801" s="2">
        <v>14.65</v>
      </c>
      <c r="J3801" s="52" t="s">
        <v>9100</v>
      </c>
      <c r="K3801" s="71" t="s">
        <v>9101</v>
      </c>
      <c r="L3801" s="52" t="s">
        <v>2063</v>
      </c>
      <c r="M3801" s="72">
        <v>3544</v>
      </c>
      <c r="N3801" s="52" t="s">
        <v>2072</v>
      </c>
      <c r="O3801" s="52" t="s">
        <v>2073</v>
      </c>
      <c r="P3801" s="52"/>
      <c r="Q3801" s="52"/>
      <c r="R3801" s="52"/>
      <c r="S3801" s="52"/>
      <c r="T3801" s="52"/>
      <c r="U3801" s="52"/>
      <c r="V3801" s="52"/>
      <c r="W3801" s="52"/>
    </row>
    <row r="3802" spans="1:23" hidden="1" x14ac:dyDescent="0.35">
      <c r="A3802" s="52" t="s">
        <v>78</v>
      </c>
      <c r="B3802" s="52" t="s">
        <v>79</v>
      </c>
      <c r="C3802" s="3">
        <v>20</v>
      </c>
      <c r="D3802" s="52" t="s">
        <v>80</v>
      </c>
      <c r="E3802" s="52" t="s">
        <v>26</v>
      </c>
      <c r="F3802" s="52" t="s">
        <v>81</v>
      </c>
      <c r="G3802" s="52" t="s">
        <v>82</v>
      </c>
      <c r="H3802" s="4">
        <v>1</v>
      </c>
      <c r="I3802" s="2">
        <v>14.65</v>
      </c>
      <c r="J3802" s="52" t="s">
        <v>7161</v>
      </c>
      <c r="K3802" s="71" t="s">
        <v>9102</v>
      </c>
      <c r="L3802" s="52" t="s">
        <v>2063</v>
      </c>
      <c r="M3802" s="72">
        <v>5672</v>
      </c>
      <c r="N3802" s="52"/>
      <c r="O3802" s="52"/>
      <c r="P3802" s="52"/>
      <c r="Q3802" s="52"/>
      <c r="R3802" s="52"/>
      <c r="S3802" s="52"/>
      <c r="T3802" s="52"/>
      <c r="U3802" s="52"/>
      <c r="V3802" s="52"/>
      <c r="W3802" s="52"/>
    </row>
    <row r="3803" spans="1:23" hidden="1" x14ac:dyDescent="0.35">
      <c r="A3803" s="52" t="s">
        <v>78</v>
      </c>
      <c r="B3803" s="52" t="s">
        <v>79</v>
      </c>
      <c r="C3803" s="3">
        <v>20</v>
      </c>
      <c r="D3803" s="52" t="s">
        <v>83</v>
      </c>
      <c r="E3803" s="52" t="s">
        <v>26</v>
      </c>
      <c r="F3803" s="52" t="s">
        <v>81</v>
      </c>
      <c r="G3803" s="52" t="s">
        <v>82</v>
      </c>
      <c r="H3803" s="4">
        <v>1</v>
      </c>
      <c r="I3803" s="2">
        <v>14.65</v>
      </c>
      <c r="J3803" s="52" t="s">
        <v>9103</v>
      </c>
      <c r="K3803" s="71" t="s">
        <v>9104</v>
      </c>
      <c r="L3803" s="52" t="s">
        <v>2063</v>
      </c>
      <c r="M3803" s="72">
        <v>5397</v>
      </c>
      <c r="N3803" s="52" t="s">
        <v>2158</v>
      </c>
      <c r="O3803" s="52" t="s">
        <v>2159</v>
      </c>
      <c r="P3803" s="52"/>
      <c r="Q3803" s="52"/>
      <c r="R3803" s="52"/>
      <c r="S3803" s="52"/>
      <c r="T3803" s="52"/>
      <c r="U3803" s="52"/>
      <c r="V3803" s="52"/>
      <c r="W3803" s="52"/>
    </row>
    <row r="3804" spans="1:23" hidden="1" x14ac:dyDescent="0.35">
      <c r="A3804" s="52" t="s">
        <v>78</v>
      </c>
      <c r="B3804" s="52" t="s">
        <v>79</v>
      </c>
      <c r="C3804" s="3">
        <v>10</v>
      </c>
      <c r="D3804" s="52" t="s">
        <v>2021</v>
      </c>
      <c r="E3804" s="52" t="s">
        <v>26</v>
      </c>
      <c r="F3804" s="52" t="s">
        <v>81</v>
      </c>
      <c r="G3804" s="52" t="s">
        <v>82</v>
      </c>
      <c r="H3804" s="4">
        <v>1</v>
      </c>
      <c r="I3804" s="2">
        <v>14.65</v>
      </c>
      <c r="J3804" s="52" t="s">
        <v>9105</v>
      </c>
      <c r="K3804" s="71" t="s">
        <v>9106</v>
      </c>
      <c r="L3804" s="52" t="s">
        <v>2063</v>
      </c>
      <c r="M3804" s="72">
        <v>6843</v>
      </c>
      <c r="N3804" s="52"/>
      <c r="O3804" s="52"/>
      <c r="P3804" s="52"/>
      <c r="Q3804" s="52"/>
      <c r="R3804" s="52"/>
      <c r="S3804" s="52"/>
      <c r="T3804" s="52"/>
      <c r="U3804" s="52"/>
      <c r="V3804" s="52"/>
      <c r="W3804" s="52"/>
    </row>
    <row r="3805" spans="1:23" hidden="1" x14ac:dyDescent="0.35">
      <c r="A3805" s="52" t="s">
        <v>78</v>
      </c>
      <c r="B3805" s="52" t="s">
        <v>79</v>
      </c>
      <c r="C3805" s="3">
        <v>10</v>
      </c>
      <c r="D3805" s="52" t="s">
        <v>2021</v>
      </c>
      <c r="E3805" s="52" t="s">
        <v>26</v>
      </c>
      <c r="F3805" s="52" t="s">
        <v>81</v>
      </c>
      <c r="G3805" s="52" t="s">
        <v>82</v>
      </c>
      <c r="H3805" s="4">
        <v>1</v>
      </c>
      <c r="I3805" s="2">
        <v>14.65</v>
      </c>
      <c r="J3805" s="52" t="s">
        <v>9107</v>
      </c>
      <c r="K3805" s="71" t="s">
        <v>9108</v>
      </c>
      <c r="L3805" s="52" t="s">
        <v>2063</v>
      </c>
      <c r="M3805" s="72">
        <v>3265</v>
      </c>
      <c r="N3805" s="52" t="s">
        <v>2066</v>
      </c>
      <c r="O3805" s="52" t="s">
        <v>2067</v>
      </c>
      <c r="P3805" s="52"/>
      <c r="Q3805" s="52"/>
      <c r="R3805" s="52"/>
      <c r="S3805" s="52"/>
      <c r="T3805" s="52"/>
      <c r="U3805" s="52"/>
      <c r="V3805" s="52"/>
      <c r="W3805" s="52"/>
    </row>
    <row r="3806" spans="1:23" hidden="1" x14ac:dyDescent="0.35">
      <c r="A3806" s="52" t="s">
        <v>78</v>
      </c>
      <c r="B3806" s="52" t="s">
        <v>79</v>
      </c>
      <c r="C3806" s="3">
        <v>20</v>
      </c>
      <c r="D3806" s="52" t="s">
        <v>84</v>
      </c>
      <c r="E3806" s="52" t="s">
        <v>26</v>
      </c>
      <c r="F3806" s="52" t="s">
        <v>81</v>
      </c>
      <c r="G3806" s="52" t="s">
        <v>82</v>
      </c>
      <c r="H3806" s="4">
        <v>1</v>
      </c>
      <c r="I3806" s="2">
        <v>14.65</v>
      </c>
      <c r="J3806" s="52" t="s">
        <v>9109</v>
      </c>
      <c r="K3806" s="71" t="s">
        <v>9110</v>
      </c>
      <c r="L3806" s="52" t="s">
        <v>2063</v>
      </c>
      <c r="M3806" s="72">
        <v>5627</v>
      </c>
      <c r="N3806" s="52"/>
      <c r="O3806" s="52"/>
      <c r="P3806" s="52"/>
      <c r="Q3806" s="52"/>
      <c r="R3806" s="52"/>
      <c r="S3806" s="52"/>
      <c r="T3806" s="52"/>
      <c r="U3806" s="52"/>
      <c r="V3806" s="52"/>
      <c r="W3806" s="52"/>
    </row>
    <row r="3807" spans="1:23" hidden="1" x14ac:dyDescent="0.35">
      <c r="A3807" s="52" t="s">
        <v>78</v>
      </c>
      <c r="B3807" s="52" t="s">
        <v>79</v>
      </c>
      <c r="C3807" s="3">
        <v>10</v>
      </c>
      <c r="D3807" s="52" t="s">
        <v>2023</v>
      </c>
      <c r="E3807" s="52" t="s">
        <v>26</v>
      </c>
      <c r="F3807" s="52" t="s">
        <v>81</v>
      </c>
      <c r="G3807" s="52" t="s">
        <v>82</v>
      </c>
      <c r="H3807" s="4">
        <v>1</v>
      </c>
      <c r="I3807" s="2">
        <v>14.65</v>
      </c>
      <c r="J3807" s="52" t="s">
        <v>9111</v>
      </c>
      <c r="K3807" s="71" t="s">
        <v>9112</v>
      </c>
      <c r="L3807" s="52" t="s">
        <v>2063</v>
      </c>
      <c r="M3807" s="72">
        <v>2916</v>
      </c>
      <c r="N3807" s="52" t="s">
        <v>2072</v>
      </c>
      <c r="O3807" s="52" t="s">
        <v>2073</v>
      </c>
      <c r="P3807" s="52"/>
      <c r="Q3807" s="52"/>
      <c r="R3807" s="52"/>
      <c r="S3807" s="52"/>
      <c r="T3807" s="52"/>
      <c r="U3807" s="52"/>
      <c r="V3807" s="52"/>
      <c r="W3807" s="52"/>
    </row>
    <row r="3808" spans="1:23" hidden="1" x14ac:dyDescent="0.35">
      <c r="A3808" s="52" t="s">
        <v>78</v>
      </c>
      <c r="B3808" s="52" t="s">
        <v>79</v>
      </c>
      <c r="C3808" s="3">
        <v>20</v>
      </c>
      <c r="D3808" s="52" t="s">
        <v>87</v>
      </c>
      <c r="E3808" s="52" t="s">
        <v>26</v>
      </c>
      <c r="F3808" s="52" t="s">
        <v>81</v>
      </c>
      <c r="G3808" s="52" t="s">
        <v>82</v>
      </c>
      <c r="H3808" s="4">
        <v>1</v>
      </c>
      <c r="I3808" s="2">
        <v>14.65</v>
      </c>
      <c r="J3808" s="52" t="s">
        <v>9113</v>
      </c>
      <c r="K3808" s="71" t="s">
        <v>9114</v>
      </c>
      <c r="L3808" s="52" t="s">
        <v>2063</v>
      </c>
      <c r="M3808" s="72">
        <v>2665</v>
      </c>
      <c r="N3808" s="52" t="s">
        <v>2072</v>
      </c>
      <c r="O3808" s="52" t="s">
        <v>2073</v>
      </c>
      <c r="P3808" s="52"/>
      <c r="Q3808" s="52"/>
      <c r="R3808" s="52"/>
      <c r="S3808" s="52"/>
      <c r="T3808" s="52"/>
      <c r="U3808" s="52"/>
      <c r="V3808" s="52"/>
      <c r="W3808" s="52"/>
    </row>
    <row r="3809" spans="1:23" hidden="1" x14ac:dyDescent="0.35">
      <c r="A3809" s="52" t="s">
        <v>78</v>
      </c>
      <c r="B3809" s="52" t="s">
        <v>79</v>
      </c>
      <c r="C3809" s="3">
        <v>20</v>
      </c>
      <c r="D3809" s="52" t="s">
        <v>2021</v>
      </c>
      <c r="E3809" s="52" t="s">
        <v>26</v>
      </c>
      <c r="F3809" s="52" t="s">
        <v>81</v>
      </c>
      <c r="G3809" s="52" t="s">
        <v>82</v>
      </c>
      <c r="H3809" s="4">
        <v>1</v>
      </c>
      <c r="I3809" s="2">
        <v>14.65</v>
      </c>
      <c r="J3809" s="52" t="s">
        <v>7506</v>
      </c>
      <c r="K3809" s="71" t="s">
        <v>9115</v>
      </c>
      <c r="L3809" s="52" t="s">
        <v>2063</v>
      </c>
      <c r="M3809" s="72">
        <v>7903</v>
      </c>
      <c r="N3809" s="52"/>
      <c r="O3809" s="52"/>
      <c r="P3809" s="52"/>
      <c r="Q3809" s="52"/>
      <c r="R3809" s="52"/>
      <c r="S3809" s="52"/>
      <c r="T3809" s="52"/>
      <c r="U3809" s="52"/>
      <c r="V3809" s="52"/>
      <c r="W3809" s="52"/>
    </row>
    <row r="3810" spans="1:23" hidden="1" x14ac:dyDescent="0.35">
      <c r="A3810" s="52" t="s">
        <v>78</v>
      </c>
      <c r="B3810" s="52" t="s">
        <v>79</v>
      </c>
      <c r="C3810" s="3">
        <v>211</v>
      </c>
      <c r="D3810" s="52" t="s">
        <v>87</v>
      </c>
      <c r="E3810" s="52" t="s">
        <v>26</v>
      </c>
      <c r="F3810" s="52" t="s">
        <v>81</v>
      </c>
      <c r="G3810" s="52" t="s">
        <v>82</v>
      </c>
      <c r="H3810" s="4">
        <v>1</v>
      </c>
      <c r="I3810" s="2">
        <v>14.65</v>
      </c>
      <c r="J3810" s="52" t="s">
        <v>9116</v>
      </c>
      <c r="K3810" s="71" t="s">
        <v>9117</v>
      </c>
      <c r="L3810" s="52" t="s">
        <v>2063</v>
      </c>
      <c r="M3810" s="72">
        <v>60</v>
      </c>
      <c r="N3810" s="52" t="s">
        <v>2072</v>
      </c>
      <c r="O3810" s="52" t="s">
        <v>2073</v>
      </c>
      <c r="P3810" s="52"/>
      <c r="Q3810" s="52"/>
      <c r="R3810" s="52"/>
      <c r="S3810" s="52"/>
      <c r="T3810" s="52"/>
      <c r="U3810" s="52"/>
      <c r="V3810" s="52"/>
      <c r="W3810" s="52"/>
    </row>
    <row r="3811" spans="1:23" hidden="1" x14ac:dyDescent="0.35">
      <c r="A3811" s="52" t="s">
        <v>78</v>
      </c>
      <c r="B3811" s="52" t="s">
        <v>79</v>
      </c>
      <c r="C3811" s="3">
        <v>211</v>
      </c>
      <c r="D3811" s="52" t="s">
        <v>80</v>
      </c>
      <c r="E3811" s="52" t="s">
        <v>26</v>
      </c>
      <c r="F3811" s="52" t="s">
        <v>81</v>
      </c>
      <c r="G3811" s="52" t="s">
        <v>82</v>
      </c>
      <c r="H3811" s="4">
        <v>1</v>
      </c>
      <c r="I3811" s="2">
        <v>14.65</v>
      </c>
      <c r="J3811" s="52" t="s">
        <v>9118</v>
      </c>
      <c r="K3811" s="71" t="s">
        <v>9119</v>
      </c>
      <c r="L3811" s="52" t="s">
        <v>2063</v>
      </c>
      <c r="M3811" s="72">
        <v>2535</v>
      </c>
      <c r="N3811" s="52" t="s">
        <v>2072</v>
      </c>
      <c r="O3811" s="52" t="s">
        <v>2073</v>
      </c>
      <c r="P3811" s="52"/>
      <c r="Q3811" s="52"/>
      <c r="R3811" s="52"/>
      <c r="S3811" s="52"/>
      <c r="T3811" s="52"/>
      <c r="U3811" s="52"/>
      <c r="V3811" s="52"/>
      <c r="W3811" s="52"/>
    </row>
    <row r="3812" spans="1:23" hidden="1" x14ac:dyDescent="0.35">
      <c r="A3812" s="52" t="s">
        <v>78</v>
      </c>
      <c r="B3812" s="52" t="s">
        <v>79</v>
      </c>
      <c r="C3812" s="3">
        <v>10</v>
      </c>
      <c r="D3812" s="52" t="s">
        <v>2022</v>
      </c>
      <c r="E3812" s="52" t="s">
        <v>26</v>
      </c>
      <c r="F3812" s="52" t="s">
        <v>81</v>
      </c>
      <c r="G3812" s="52" t="s">
        <v>82</v>
      </c>
      <c r="H3812" s="4">
        <v>1</v>
      </c>
      <c r="I3812" s="2">
        <v>14.65</v>
      </c>
      <c r="J3812" s="52" t="s">
        <v>9120</v>
      </c>
      <c r="K3812" s="71" t="s">
        <v>9121</v>
      </c>
      <c r="L3812" s="52" t="s">
        <v>2063</v>
      </c>
      <c r="M3812" s="72">
        <v>5316</v>
      </c>
      <c r="N3812" s="52" t="s">
        <v>2066</v>
      </c>
      <c r="O3812" s="52" t="s">
        <v>2067</v>
      </c>
      <c r="P3812" s="52"/>
      <c r="Q3812" s="52"/>
      <c r="R3812" s="52"/>
      <c r="S3812" s="52"/>
      <c r="T3812" s="52"/>
      <c r="U3812" s="52"/>
      <c r="V3812" s="52"/>
      <c r="W3812" s="52"/>
    </row>
    <row r="3813" spans="1:23" hidden="1" x14ac:dyDescent="0.35">
      <c r="A3813" s="52" t="s">
        <v>78</v>
      </c>
      <c r="B3813" s="52" t="s">
        <v>79</v>
      </c>
      <c r="C3813" s="3">
        <v>20</v>
      </c>
      <c r="D3813" s="52" t="s">
        <v>2024</v>
      </c>
      <c r="E3813" s="52" t="s">
        <v>26</v>
      </c>
      <c r="F3813" s="52" t="s">
        <v>81</v>
      </c>
      <c r="G3813" s="52" t="s">
        <v>82</v>
      </c>
      <c r="H3813" s="4">
        <v>1</v>
      </c>
      <c r="I3813" s="2">
        <v>14.65</v>
      </c>
      <c r="J3813" s="52" t="s">
        <v>7857</v>
      </c>
      <c r="K3813" s="71" t="s">
        <v>9122</v>
      </c>
      <c r="L3813" s="52" t="s">
        <v>2063</v>
      </c>
      <c r="M3813" s="72">
        <v>1673</v>
      </c>
      <c r="N3813" s="52" t="s">
        <v>2072</v>
      </c>
      <c r="O3813" s="52" t="s">
        <v>2073</v>
      </c>
      <c r="P3813" s="52"/>
      <c r="Q3813" s="52"/>
      <c r="R3813" s="52"/>
      <c r="S3813" s="52"/>
      <c r="T3813" s="52"/>
      <c r="U3813" s="52"/>
      <c r="V3813" s="52"/>
      <c r="W3813" s="52"/>
    </row>
    <row r="3814" spans="1:23" hidden="1" x14ac:dyDescent="0.35">
      <c r="A3814" s="52" t="s">
        <v>78</v>
      </c>
      <c r="B3814" s="52" t="s">
        <v>79</v>
      </c>
      <c r="C3814" s="3">
        <v>10</v>
      </c>
      <c r="D3814" s="52" t="s">
        <v>2023</v>
      </c>
      <c r="E3814" s="52" t="s">
        <v>26</v>
      </c>
      <c r="F3814" s="52" t="s">
        <v>81</v>
      </c>
      <c r="G3814" s="52" t="s">
        <v>82</v>
      </c>
      <c r="H3814" s="4">
        <v>1</v>
      </c>
      <c r="I3814" s="2">
        <v>14.65</v>
      </c>
      <c r="J3814" s="52" t="s">
        <v>9123</v>
      </c>
      <c r="K3814" s="71" t="s">
        <v>9124</v>
      </c>
      <c r="L3814" s="52" t="s">
        <v>2063</v>
      </c>
      <c r="M3814" s="72">
        <v>8863</v>
      </c>
      <c r="N3814" s="52"/>
      <c r="O3814" s="52"/>
      <c r="P3814" s="52"/>
      <c r="Q3814" s="52"/>
      <c r="R3814" s="52"/>
      <c r="S3814" s="52"/>
      <c r="T3814" s="52"/>
      <c r="U3814" s="52"/>
      <c r="V3814" s="52"/>
      <c r="W3814" s="52"/>
    </row>
    <row r="3815" spans="1:23" hidden="1" x14ac:dyDescent="0.35">
      <c r="A3815" s="52" t="s">
        <v>78</v>
      </c>
      <c r="B3815" s="52" t="s">
        <v>79</v>
      </c>
      <c r="C3815" s="3">
        <v>20</v>
      </c>
      <c r="D3815" s="52" t="s">
        <v>2024</v>
      </c>
      <c r="E3815" s="52" t="s">
        <v>26</v>
      </c>
      <c r="F3815" s="52" t="s">
        <v>81</v>
      </c>
      <c r="G3815" s="52" t="s">
        <v>82</v>
      </c>
      <c r="H3815" s="4">
        <v>1</v>
      </c>
      <c r="I3815" s="2">
        <v>14.65</v>
      </c>
      <c r="J3815" s="52" t="s">
        <v>9125</v>
      </c>
      <c r="K3815" s="71" t="s">
        <v>9126</v>
      </c>
      <c r="L3815" s="52" t="s">
        <v>2063</v>
      </c>
      <c r="M3815" s="72">
        <v>9926</v>
      </c>
      <c r="N3815" s="52" t="s">
        <v>2066</v>
      </c>
      <c r="O3815" s="52" t="s">
        <v>2067</v>
      </c>
      <c r="P3815" s="52"/>
      <c r="Q3815" s="52"/>
      <c r="R3815" s="52"/>
      <c r="S3815" s="52"/>
      <c r="T3815" s="52"/>
      <c r="U3815" s="52"/>
      <c r="V3815" s="52"/>
      <c r="W3815" s="52"/>
    </row>
    <row r="3816" spans="1:23" hidden="1" x14ac:dyDescent="0.35">
      <c r="A3816" s="52" t="s">
        <v>78</v>
      </c>
      <c r="B3816" s="52" t="s">
        <v>79</v>
      </c>
      <c r="C3816" s="3">
        <v>20</v>
      </c>
      <c r="D3816" s="52" t="s">
        <v>80</v>
      </c>
      <c r="E3816" s="52" t="s">
        <v>26</v>
      </c>
      <c r="F3816" s="52" t="s">
        <v>81</v>
      </c>
      <c r="G3816" s="52" t="s">
        <v>82</v>
      </c>
      <c r="H3816" s="4">
        <v>1</v>
      </c>
      <c r="I3816" s="2">
        <v>14.65</v>
      </c>
      <c r="J3816" s="52" t="s">
        <v>9127</v>
      </c>
      <c r="K3816" s="71" t="s">
        <v>9128</v>
      </c>
      <c r="L3816" s="52" t="s">
        <v>2063</v>
      </c>
      <c r="M3816" s="72">
        <v>8507</v>
      </c>
      <c r="N3816" s="52" t="s">
        <v>2072</v>
      </c>
      <c r="O3816" s="52" t="s">
        <v>2073</v>
      </c>
      <c r="P3816" s="52"/>
      <c r="Q3816" s="52"/>
      <c r="R3816" s="52"/>
      <c r="S3816" s="52"/>
      <c r="T3816" s="52"/>
      <c r="U3816" s="52"/>
      <c r="V3816" s="52"/>
      <c r="W3816" s="52"/>
    </row>
    <row r="3817" spans="1:23" hidden="1" x14ac:dyDescent="0.35">
      <c r="A3817" s="52" t="s">
        <v>78</v>
      </c>
      <c r="B3817" s="52" t="s">
        <v>79</v>
      </c>
      <c r="C3817" s="3">
        <v>20</v>
      </c>
      <c r="D3817" s="52" t="s">
        <v>84</v>
      </c>
      <c r="E3817" s="52" t="s">
        <v>26</v>
      </c>
      <c r="F3817" s="52" t="s">
        <v>81</v>
      </c>
      <c r="G3817" s="52" t="s">
        <v>82</v>
      </c>
      <c r="H3817" s="4">
        <v>1</v>
      </c>
      <c r="I3817" s="2">
        <v>14.65</v>
      </c>
      <c r="J3817" s="52" t="s">
        <v>9129</v>
      </c>
      <c r="K3817" s="71" t="s">
        <v>9130</v>
      </c>
      <c r="L3817" s="52" t="s">
        <v>2063</v>
      </c>
      <c r="M3817" s="72">
        <v>1806</v>
      </c>
      <c r="N3817" s="52" t="s">
        <v>2072</v>
      </c>
      <c r="O3817" s="52" t="s">
        <v>2073</v>
      </c>
      <c r="P3817" s="52"/>
      <c r="Q3817" s="52"/>
      <c r="R3817" s="52"/>
      <c r="S3817" s="52"/>
      <c r="T3817" s="52"/>
      <c r="U3817" s="52"/>
      <c r="V3817" s="52"/>
      <c r="W3817" s="52"/>
    </row>
    <row r="3818" spans="1:23" hidden="1" x14ac:dyDescent="0.35">
      <c r="A3818" s="52" t="s">
        <v>78</v>
      </c>
      <c r="B3818" s="52" t="s">
        <v>79</v>
      </c>
      <c r="C3818" s="3">
        <v>20</v>
      </c>
      <c r="D3818" s="52" t="s">
        <v>2022</v>
      </c>
      <c r="E3818" s="52" t="s">
        <v>26</v>
      </c>
      <c r="F3818" s="52" t="s">
        <v>81</v>
      </c>
      <c r="G3818" s="52" t="s">
        <v>82</v>
      </c>
      <c r="H3818" s="4">
        <v>1</v>
      </c>
      <c r="I3818" s="2">
        <v>14.65</v>
      </c>
      <c r="J3818" s="52" t="s">
        <v>9131</v>
      </c>
      <c r="K3818" s="71" t="s">
        <v>9132</v>
      </c>
      <c r="L3818" s="52" t="s">
        <v>2063</v>
      </c>
      <c r="M3818" s="72">
        <v>8289</v>
      </c>
      <c r="N3818" s="52"/>
      <c r="O3818" s="52"/>
      <c r="P3818" s="52"/>
      <c r="Q3818" s="52"/>
      <c r="R3818" s="52"/>
      <c r="S3818" s="52"/>
      <c r="T3818" s="52"/>
      <c r="U3818" s="52"/>
      <c r="V3818" s="52"/>
      <c r="W3818" s="52"/>
    </row>
    <row r="3819" spans="1:23" hidden="1" x14ac:dyDescent="0.35">
      <c r="A3819" s="52" t="s">
        <v>78</v>
      </c>
      <c r="B3819" s="52" t="s">
        <v>79</v>
      </c>
      <c r="C3819" s="3">
        <v>20</v>
      </c>
      <c r="D3819" s="52" t="s">
        <v>84</v>
      </c>
      <c r="E3819" s="52" t="s">
        <v>26</v>
      </c>
      <c r="F3819" s="52" t="s">
        <v>81</v>
      </c>
      <c r="G3819" s="52" t="s">
        <v>82</v>
      </c>
      <c r="H3819" s="4">
        <v>1</v>
      </c>
      <c r="I3819" s="2">
        <v>14.65</v>
      </c>
      <c r="J3819" s="52" t="s">
        <v>8603</v>
      </c>
      <c r="K3819" s="71" t="s">
        <v>9133</v>
      </c>
      <c r="L3819" s="52" t="s">
        <v>2063</v>
      </c>
      <c r="M3819" s="72">
        <v>2897</v>
      </c>
      <c r="N3819" s="52"/>
      <c r="O3819" s="52"/>
      <c r="P3819" s="52"/>
      <c r="Q3819" s="52"/>
      <c r="R3819" s="52"/>
      <c r="S3819" s="52"/>
      <c r="T3819" s="52"/>
      <c r="U3819" s="52"/>
      <c r="V3819" s="52"/>
      <c r="W3819" s="52"/>
    </row>
    <row r="3820" spans="1:23" hidden="1" x14ac:dyDescent="0.35">
      <c r="A3820" s="52" t="s">
        <v>78</v>
      </c>
      <c r="B3820" s="52" t="s">
        <v>79</v>
      </c>
      <c r="C3820" s="3">
        <v>20</v>
      </c>
      <c r="D3820" s="52" t="s">
        <v>2021</v>
      </c>
      <c r="E3820" s="52" t="s">
        <v>26</v>
      </c>
      <c r="F3820" s="52" t="s">
        <v>81</v>
      </c>
      <c r="G3820" s="52" t="s">
        <v>82</v>
      </c>
      <c r="H3820" s="4">
        <v>1</v>
      </c>
      <c r="I3820" s="2">
        <v>14.65</v>
      </c>
      <c r="J3820" s="52" t="s">
        <v>9134</v>
      </c>
      <c r="K3820" s="71" t="s">
        <v>9135</v>
      </c>
      <c r="L3820" s="52" t="s">
        <v>2063</v>
      </c>
      <c r="M3820" s="72">
        <v>1945</v>
      </c>
      <c r="N3820" s="52" t="s">
        <v>2072</v>
      </c>
      <c r="O3820" s="52" t="s">
        <v>2073</v>
      </c>
      <c r="P3820" s="52"/>
      <c r="Q3820" s="52"/>
      <c r="R3820" s="52"/>
      <c r="S3820" s="52"/>
      <c r="T3820" s="52"/>
      <c r="U3820" s="52"/>
      <c r="V3820" s="52"/>
      <c r="W3820" s="52"/>
    </row>
    <row r="3821" spans="1:23" hidden="1" x14ac:dyDescent="0.35">
      <c r="A3821" s="52" t="s">
        <v>78</v>
      </c>
      <c r="B3821" s="52" t="s">
        <v>79</v>
      </c>
      <c r="C3821" s="3">
        <v>20</v>
      </c>
      <c r="D3821" s="52" t="s">
        <v>2024</v>
      </c>
      <c r="E3821" s="52" t="s">
        <v>26</v>
      </c>
      <c r="F3821" s="52" t="s">
        <v>81</v>
      </c>
      <c r="G3821" s="52" t="s">
        <v>82</v>
      </c>
      <c r="H3821" s="4">
        <v>1</v>
      </c>
      <c r="I3821" s="2">
        <v>14.65</v>
      </c>
      <c r="J3821" s="52" t="s">
        <v>9136</v>
      </c>
      <c r="K3821" s="71" t="s">
        <v>9137</v>
      </c>
      <c r="L3821" s="52" t="s">
        <v>2063</v>
      </c>
      <c r="M3821" s="72">
        <v>5965</v>
      </c>
      <c r="N3821" s="52"/>
      <c r="O3821" s="52"/>
      <c r="P3821" s="52"/>
      <c r="Q3821" s="52"/>
      <c r="R3821" s="52"/>
      <c r="S3821" s="52"/>
      <c r="T3821" s="52"/>
      <c r="U3821" s="52"/>
      <c r="V3821" s="52"/>
      <c r="W3821" s="52"/>
    </row>
    <row r="3822" spans="1:23" hidden="1" x14ac:dyDescent="0.35">
      <c r="A3822" s="52" t="s">
        <v>78</v>
      </c>
      <c r="B3822" s="52" t="s">
        <v>79</v>
      </c>
      <c r="C3822" s="3">
        <v>10</v>
      </c>
      <c r="D3822" s="52" t="s">
        <v>87</v>
      </c>
      <c r="E3822" s="52" t="s">
        <v>26</v>
      </c>
      <c r="F3822" s="52" t="s">
        <v>81</v>
      </c>
      <c r="G3822" s="52" t="s">
        <v>82</v>
      </c>
      <c r="H3822" s="4">
        <v>1</v>
      </c>
      <c r="I3822" s="2">
        <v>14.65</v>
      </c>
      <c r="J3822" s="52" t="s">
        <v>9138</v>
      </c>
      <c r="K3822" s="71" t="s">
        <v>9139</v>
      </c>
      <c r="L3822" s="52" t="s">
        <v>2063</v>
      </c>
      <c r="M3822" s="72">
        <v>6309</v>
      </c>
      <c r="N3822" s="52" t="s">
        <v>2072</v>
      </c>
      <c r="O3822" s="52" t="s">
        <v>2073</v>
      </c>
      <c r="P3822" s="52"/>
      <c r="Q3822" s="52"/>
      <c r="R3822" s="52"/>
      <c r="S3822" s="52"/>
      <c r="T3822" s="52"/>
      <c r="U3822" s="52"/>
      <c r="V3822" s="52"/>
      <c r="W3822" s="52"/>
    </row>
    <row r="3823" spans="1:23" hidden="1" x14ac:dyDescent="0.35">
      <c r="A3823" s="52" t="s">
        <v>78</v>
      </c>
      <c r="B3823" s="52" t="s">
        <v>79</v>
      </c>
      <c r="C3823" s="3">
        <v>211</v>
      </c>
      <c r="D3823" s="52" t="s">
        <v>87</v>
      </c>
      <c r="E3823" s="52" t="s">
        <v>26</v>
      </c>
      <c r="F3823" s="52" t="s">
        <v>81</v>
      </c>
      <c r="G3823" s="52" t="s">
        <v>82</v>
      </c>
      <c r="H3823" s="4">
        <v>1</v>
      </c>
      <c r="I3823" s="2">
        <v>14.65</v>
      </c>
      <c r="J3823" s="52" t="s">
        <v>9140</v>
      </c>
      <c r="K3823" s="71" t="s">
        <v>9141</v>
      </c>
      <c r="L3823" s="52" t="s">
        <v>2063</v>
      </c>
      <c r="M3823" s="72">
        <v>4623</v>
      </c>
      <c r="N3823" s="52" t="s">
        <v>2066</v>
      </c>
      <c r="O3823" s="52" t="s">
        <v>2067</v>
      </c>
      <c r="P3823" s="52"/>
      <c r="Q3823" s="52"/>
      <c r="R3823" s="52"/>
      <c r="S3823" s="52"/>
      <c r="T3823" s="52"/>
      <c r="U3823" s="52"/>
      <c r="V3823" s="52"/>
      <c r="W3823" s="52"/>
    </row>
    <row r="3824" spans="1:23" hidden="1" x14ac:dyDescent="0.35">
      <c r="A3824" s="52" t="s">
        <v>78</v>
      </c>
      <c r="B3824" s="52" t="s">
        <v>79</v>
      </c>
      <c r="C3824" s="3">
        <v>20</v>
      </c>
      <c r="D3824" s="52" t="s">
        <v>2019</v>
      </c>
      <c r="E3824" s="52" t="s">
        <v>26</v>
      </c>
      <c r="F3824" s="52" t="s">
        <v>81</v>
      </c>
      <c r="G3824" s="52" t="s">
        <v>82</v>
      </c>
      <c r="H3824" s="4">
        <v>1</v>
      </c>
      <c r="I3824" s="2">
        <v>14.65</v>
      </c>
      <c r="J3824" s="52" t="s">
        <v>9142</v>
      </c>
      <c r="K3824" s="71" t="s">
        <v>9143</v>
      </c>
      <c r="L3824" s="52" t="s">
        <v>2063</v>
      </c>
      <c r="M3824" s="72">
        <v>9519</v>
      </c>
      <c r="N3824" s="52" t="s">
        <v>2072</v>
      </c>
      <c r="O3824" s="52" t="s">
        <v>2073</v>
      </c>
      <c r="P3824" s="52"/>
      <c r="Q3824" s="52"/>
      <c r="R3824" s="52"/>
      <c r="S3824" s="52"/>
      <c r="T3824" s="52"/>
      <c r="U3824" s="52"/>
      <c r="V3824" s="52"/>
      <c r="W3824" s="52"/>
    </row>
    <row r="3825" spans="1:23" hidden="1" x14ac:dyDescent="0.35">
      <c r="A3825" s="52" t="s">
        <v>78</v>
      </c>
      <c r="B3825" s="52" t="s">
        <v>79</v>
      </c>
      <c r="C3825" s="3">
        <v>20</v>
      </c>
      <c r="D3825" s="52" t="s">
        <v>2022</v>
      </c>
      <c r="E3825" s="52" t="s">
        <v>26</v>
      </c>
      <c r="F3825" s="52" t="s">
        <v>81</v>
      </c>
      <c r="G3825" s="52" t="s">
        <v>82</v>
      </c>
      <c r="H3825" s="4">
        <v>1</v>
      </c>
      <c r="I3825" s="2">
        <v>14.65</v>
      </c>
      <c r="J3825" s="52" t="s">
        <v>9144</v>
      </c>
      <c r="K3825" s="71" t="s">
        <v>9145</v>
      </c>
      <c r="L3825" s="52" t="s">
        <v>2063</v>
      </c>
      <c r="M3825" s="72">
        <v>2138</v>
      </c>
      <c r="N3825" s="52"/>
      <c r="O3825" s="52"/>
      <c r="P3825" s="52"/>
      <c r="Q3825" s="52"/>
      <c r="R3825" s="52"/>
      <c r="S3825" s="52"/>
      <c r="T3825" s="52"/>
      <c r="U3825" s="52"/>
      <c r="V3825" s="52"/>
      <c r="W3825" s="52"/>
    </row>
    <row r="3826" spans="1:23" hidden="1" x14ac:dyDescent="0.35">
      <c r="A3826" s="52" t="s">
        <v>78</v>
      </c>
      <c r="B3826" s="52" t="s">
        <v>79</v>
      </c>
      <c r="C3826" s="3">
        <v>20</v>
      </c>
      <c r="D3826" s="52" t="s">
        <v>86</v>
      </c>
      <c r="E3826" s="52" t="s">
        <v>26</v>
      </c>
      <c r="F3826" s="52" t="s">
        <v>81</v>
      </c>
      <c r="G3826" s="52" t="s">
        <v>82</v>
      </c>
      <c r="H3826" s="4">
        <v>1</v>
      </c>
      <c r="I3826" s="2">
        <v>14.65</v>
      </c>
      <c r="J3826" s="52" t="s">
        <v>9146</v>
      </c>
      <c r="K3826" s="71" t="s">
        <v>9147</v>
      </c>
      <c r="L3826" s="52" t="s">
        <v>2063</v>
      </c>
      <c r="M3826" s="72">
        <v>9495</v>
      </c>
      <c r="N3826" s="52" t="s">
        <v>2066</v>
      </c>
      <c r="O3826" s="52" t="s">
        <v>2067</v>
      </c>
      <c r="P3826" s="52"/>
      <c r="Q3826" s="52"/>
      <c r="R3826" s="52"/>
      <c r="S3826" s="52"/>
      <c r="T3826" s="52"/>
      <c r="U3826" s="52"/>
      <c r="V3826" s="52"/>
      <c r="W3826" s="52"/>
    </row>
    <row r="3827" spans="1:23" hidden="1" x14ac:dyDescent="0.35">
      <c r="A3827" s="52" t="s">
        <v>78</v>
      </c>
      <c r="B3827" s="52" t="s">
        <v>79</v>
      </c>
      <c r="C3827" s="3">
        <v>20</v>
      </c>
      <c r="D3827" s="52" t="s">
        <v>2019</v>
      </c>
      <c r="E3827" s="52" t="s">
        <v>26</v>
      </c>
      <c r="F3827" s="52" t="s">
        <v>81</v>
      </c>
      <c r="G3827" s="52" t="s">
        <v>82</v>
      </c>
      <c r="H3827" s="4">
        <v>1</v>
      </c>
      <c r="I3827" s="2">
        <v>14.65</v>
      </c>
      <c r="J3827" s="52" t="s">
        <v>9148</v>
      </c>
      <c r="K3827" s="71" t="s">
        <v>9149</v>
      </c>
      <c r="L3827" s="52" t="s">
        <v>2063</v>
      </c>
      <c r="M3827" s="72">
        <v>5587</v>
      </c>
      <c r="N3827" s="52" t="s">
        <v>2066</v>
      </c>
      <c r="O3827" s="52" t="s">
        <v>2067</v>
      </c>
      <c r="P3827" s="52"/>
      <c r="Q3827" s="52"/>
      <c r="R3827" s="52"/>
      <c r="S3827" s="52"/>
      <c r="T3827" s="52"/>
      <c r="U3827" s="52"/>
      <c r="V3827" s="52"/>
      <c r="W3827" s="52"/>
    </row>
    <row r="3828" spans="1:23" hidden="1" x14ac:dyDescent="0.35">
      <c r="A3828" s="52" t="s">
        <v>78</v>
      </c>
      <c r="B3828" s="52" t="s">
        <v>79</v>
      </c>
      <c r="C3828" s="3">
        <v>20</v>
      </c>
      <c r="D3828" s="52" t="s">
        <v>86</v>
      </c>
      <c r="E3828" s="52" t="s">
        <v>26</v>
      </c>
      <c r="F3828" s="52" t="s">
        <v>81</v>
      </c>
      <c r="G3828" s="52" t="s">
        <v>82</v>
      </c>
      <c r="H3828" s="4">
        <v>1</v>
      </c>
      <c r="I3828" s="2">
        <v>14.65</v>
      </c>
      <c r="J3828" s="52" t="s">
        <v>9150</v>
      </c>
      <c r="K3828" s="71" t="s">
        <v>9151</v>
      </c>
      <c r="L3828" s="52" t="s">
        <v>2063</v>
      </c>
      <c r="M3828" s="72">
        <v>3489</v>
      </c>
      <c r="N3828" s="52" t="s">
        <v>2072</v>
      </c>
      <c r="O3828" s="52" t="s">
        <v>2073</v>
      </c>
      <c r="P3828" s="52"/>
      <c r="Q3828" s="52"/>
      <c r="R3828" s="52"/>
      <c r="S3828" s="52"/>
      <c r="T3828" s="52"/>
      <c r="U3828" s="52"/>
      <c r="V3828" s="52"/>
      <c r="W3828" s="52"/>
    </row>
    <row r="3829" spans="1:23" x14ac:dyDescent="0.35">
      <c r="A3829" s="52" t="s">
        <v>78</v>
      </c>
      <c r="B3829" s="52" t="s">
        <v>79</v>
      </c>
      <c r="C3829" s="3">
        <v>20</v>
      </c>
      <c r="D3829" s="52" t="s">
        <v>84</v>
      </c>
      <c r="E3829" s="52" t="s">
        <v>26</v>
      </c>
      <c r="F3829" s="52" t="s">
        <v>81</v>
      </c>
      <c r="G3829" s="52" t="s">
        <v>82</v>
      </c>
      <c r="H3829" s="4">
        <v>1</v>
      </c>
      <c r="I3829" s="2">
        <v>14.65</v>
      </c>
      <c r="J3829" s="52" t="s">
        <v>9152</v>
      </c>
      <c r="K3829" s="71" t="s">
        <v>9153</v>
      </c>
      <c r="L3829" s="52" t="s">
        <v>2063</v>
      </c>
      <c r="M3829" s="72">
        <v>2117</v>
      </c>
      <c r="N3829" s="52" t="s">
        <v>2076</v>
      </c>
      <c r="O3829" s="52" t="s">
        <v>2077</v>
      </c>
      <c r="P3829" s="52" t="s">
        <v>2072</v>
      </c>
      <c r="Q3829" s="52" t="s">
        <v>2073</v>
      </c>
      <c r="R3829" s="52"/>
      <c r="S3829" s="52"/>
      <c r="T3829" s="52"/>
      <c r="U3829" s="52"/>
      <c r="V3829" s="52"/>
      <c r="W3829" s="52"/>
    </row>
    <row r="3830" spans="1:23" hidden="1" x14ac:dyDescent="0.35">
      <c r="A3830" s="52" t="s">
        <v>78</v>
      </c>
      <c r="B3830" s="52" t="s">
        <v>79</v>
      </c>
      <c r="C3830" s="3">
        <v>10</v>
      </c>
      <c r="D3830" s="52" t="s">
        <v>83</v>
      </c>
      <c r="E3830" s="52" t="s">
        <v>26</v>
      </c>
      <c r="F3830" s="52" t="s">
        <v>81</v>
      </c>
      <c r="G3830" s="52" t="s">
        <v>82</v>
      </c>
      <c r="H3830" s="4">
        <v>1</v>
      </c>
      <c r="I3830" s="2">
        <v>14.65</v>
      </c>
      <c r="J3830" s="52" t="s">
        <v>9154</v>
      </c>
      <c r="K3830" s="71" t="s">
        <v>9155</v>
      </c>
      <c r="L3830" s="52" t="s">
        <v>2063</v>
      </c>
      <c r="M3830" s="72">
        <v>5753</v>
      </c>
      <c r="N3830" s="52" t="s">
        <v>2072</v>
      </c>
      <c r="O3830" s="52" t="s">
        <v>2073</v>
      </c>
      <c r="P3830" s="52"/>
      <c r="Q3830" s="52"/>
      <c r="R3830" s="52"/>
      <c r="S3830" s="52"/>
      <c r="T3830" s="52"/>
      <c r="U3830" s="52"/>
      <c r="V3830" s="52"/>
      <c r="W3830" s="52"/>
    </row>
    <row r="3831" spans="1:23" x14ac:dyDescent="0.35">
      <c r="A3831" s="52" t="s">
        <v>78</v>
      </c>
      <c r="B3831" s="52" t="s">
        <v>79</v>
      </c>
      <c r="C3831" s="3">
        <v>10</v>
      </c>
      <c r="D3831" s="52" t="s">
        <v>2021</v>
      </c>
      <c r="E3831" s="52" t="s">
        <v>26</v>
      </c>
      <c r="F3831" s="52" t="s">
        <v>81</v>
      </c>
      <c r="G3831" s="52" t="s">
        <v>82</v>
      </c>
      <c r="H3831" s="4">
        <v>1</v>
      </c>
      <c r="I3831" s="2">
        <v>14.65</v>
      </c>
      <c r="J3831" s="52" t="s">
        <v>9156</v>
      </c>
      <c r="K3831" s="71" t="s">
        <v>9157</v>
      </c>
      <c r="L3831" s="52" t="s">
        <v>2063</v>
      </c>
      <c r="M3831" s="72">
        <v>3945</v>
      </c>
      <c r="N3831" s="52" t="s">
        <v>2076</v>
      </c>
      <c r="O3831" s="52" t="s">
        <v>2077</v>
      </c>
      <c r="P3831" s="52"/>
      <c r="Q3831" s="52"/>
      <c r="R3831" s="52"/>
      <c r="S3831" s="52"/>
      <c r="T3831" s="52"/>
      <c r="U3831" s="52"/>
      <c r="V3831" s="52"/>
      <c r="W3831" s="52"/>
    </row>
    <row r="3832" spans="1:23" hidden="1" x14ac:dyDescent="0.35">
      <c r="A3832" s="52" t="s">
        <v>78</v>
      </c>
      <c r="B3832" s="52" t="s">
        <v>79</v>
      </c>
      <c r="C3832" s="3">
        <v>20</v>
      </c>
      <c r="D3832" s="52" t="s">
        <v>2019</v>
      </c>
      <c r="E3832" s="52" t="s">
        <v>26</v>
      </c>
      <c r="F3832" s="52" t="s">
        <v>81</v>
      </c>
      <c r="G3832" s="52" t="s">
        <v>82</v>
      </c>
      <c r="H3832" s="4">
        <v>1</v>
      </c>
      <c r="I3832" s="2">
        <v>14.65</v>
      </c>
      <c r="J3832" s="52" t="s">
        <v>9158</v>
      </c>
      <c r="K3832" s="71" t="s">
        <v>9159</v>
      </c>
      <c r="L3832" s="52" t="s">
        <v>2063</v>
      </c>
      <c r="M3832" s="72">
        <v>5986</v>
      </c>
      <c r="N3832" s="52" t="s">
        <v>2072</v>
      </c>
      <c r="O3832" s="52" t="s">
        <v>2073</v>
      </c>
      <c r="P3832" s="52"/>
      <c r="Q3832" s="52"/>
      <c r="R3832" s="52"/>
      <c r="S3832" s="52"/>
      <c r="T3832" s="52"/>
      <c r="U3832" s="52"/>
      <c r="V3832" s="52"/>
      <c r="W3832" s="52"/>
    </row>
    <row r="3833" spans="1:23" hidden="1" x14ac:dyDescent="0.35">
      <c r="A3833" s="52" t="s">
        <v>78</v>
      </c>
      <c r="B3833" s="52" t="s">
        <v>79</v>
      </c>
      <c r="C3833" s="3">
        <v>20</v>
      </c>
      <c r="D3833" s="52" t="s">
        <v>86</v>
      </c>
      <c r="E3833" s="52" t="s">
        <v>26</v>
      </c>
      <c r="F3833" s="52" t="s">
        <v>81</v>
      </c>
      <c r="G3833" s="52" t="s">
        <v>82</v>
      </c>
      <c r="H3833" s="4">
        <v>1</v>
      </c>
      <c r="I3833" s="2">
        <v>14.65</v>
      </c>
      <c r="J3833" s="52" t="s">
        <v>9160</v>
      </c>
      <c r="K3833" s="71" t="s">
        <v>9161</v>
      </c>
      <c r="L3833" s="52" t="s">
        <v>2063</v>
      </c>
      <c r="M3833" s="72">
        <v>3810</v>
      </c>
      <c r="N3833" s="52" t="s">
        <v>2158</v>
      </c>
      <c r="O3833" s="52" t="s">
        <v>2159</v>
      </c>
      <c r="P3833" s="52"/>
      <c r="Q3833" s="52"/>
      <c r="R3833" s="52"/>
      <c r="S3833" s="52"/>
      <c r="T3833" s="52"/>
      <c r="U3833" s="52"/>
      <c r="V3833" s="52"/>
      <c r="W3833" s="52"/>
    </row>
    <row r="3834" spans="1:23" hidden="1" x14ac:dyDescent="0.35">
      <c r="A3834" s="52" t="s">
        <v>78</v>
      </c>
      <c r="B3834" s="52" t="s">
        <v>79</v>
      </c>
      <c r="C3834" s="3">
        <v>10</v>
      </c>
      <c r="D3834" s="52" t="s">
        <v>2020</v>
      </c>
      <c r="E3834" s="52" t="s">
        <v>26</v>
      </c>
      <c r="F3834" s="52" t="s">
        <v>81</v>
      </c>
      <c r="G3834" s="52" t="s">
        <v>82</v>
      </c>
      <c r="H3834" s="4">
        <v>1</v>
      </c>
      <c r="I3834" s="2">
        <v>14.65</v>
      </c>
      <c r="J3834" s="52" t="s">
        <v>9162</v>
      </c>
      <c r="K3834" s="71" t="s">
        <v>9163</v>
      </c>
      <c r="L3834" s="52" t="s">
        <v>2063</v>
      </c>
      <c r="M3834" s="72">
        <v>8522</v>
      </c>
      <c r="N3834" s="52"/>
      <c r="O3834" s="52"/>
      <c r="P3834" s="52"/>
      <c r="Q3834" s="52"/>
      <c r="R3834" s="52"/>
      <c r="S3834" s="52"/>
      <c r="T3834" s="52"/>
      <c r="U3834" s="52"/>
      <c r="V3834" s="52"/>
      <c r="W3834" s="52"/>
    </row>
    <row r="3835" spans="1:23" hidden="1" x14ac:dyDescent="0.35">
      <c r="A3835" s="52" t="s">
        <v>78</v>
      </c>
      <c r="B3835" s="52" t="s">
        <v>79</v>
      </c>
      <c r="C3835" s="3">
        <v>20</v>
      </c>
      <c r="D3835" s="52" t="s">
        <v>2020</v>
      </c>
      <c r="E3835" s="52" t="s">
        <v>26</v>
      </c>
      <c r="F3835" s="52" t="s">
        <v>81</v>
      </c>
      <c r="G3835" s="52" t="s">
        <v>82</v>
      </c>
      <c r="H3835" s="4">
        <v>1</v>
      </c>
      <c r="I3835" s="2">
        <v>14.65</v>
      </c>
      <c r="J3835" s="52" t="s">
        <v>9164</v>
      </c>
      <c r="K3835" s="71" t="s">
        <v>9165</v>
      </c>
      <c r="L3835" s="52" t="s">
        <v>2063</v>
      </c>
      <c r="M3835" s="72">
        <v>7844</v>
      </c>
      <c r="N3835" s="52" t="s">
        <v>2066</v>
      </c>
      <c r="O3835" s="52" t="s">
        <v>2067</v>
      </c>
      <c r="P3835" s="52"/>
      <c r="Q3835" s="52"/>
      <c r="R3835" s="52"/>
      <c r="S3835" s="52"/>
      <c r="T3835" s="52"/>
      <c r="U3835" s="52"/>
      <c r="V3835" s="52"/>
      <c r="W3835" s="52"/>
    </row>
    <row r="3836" spans="1:23" x14ac:dyDescent="0.35">
      <c r="A3836" s="52" t="s">
        <v>78</v>
      </c>
      <c r="B3836" s="52" t="s">
        <v>79</v>
      </c>
      <c r="C3836" s="3">
        <v>20</v>
      </c>
      <c r="D3836" s="52" t="s">
        <v>2023</v>
      </c>
      <c r="E3836" s="52" t="s">
        <v>26</v>
      </c>
      <c r="F3836" s="52" t="s">
        <v>81</v>
      </c>
      <c r="G3836" s="52" t="s">
        <v>82</v>
      </c>
      <c r="H3836" s="4">
        <v>1</v>
      </c>
      <c r="I3836" s="2">
        <v>14.65</v>
      </c>
      <c r="J3836" s="52" t="s">
        <v>9166</v>
      </c>
      <c r="K3836" s="71" t="s">
        <v>9167</v>
      </c>
      <c r="L3836" s="52" t="s">
        <v>2063</v>
      </c>
      <c r="M3836" s="72">
        <v>525</v>
      </c>
      <c r="N3836" s="52" t="s">
        <v>2076</v>
      </c>
      <c r="O3836" s="52" t="s">
        <v>2077</v>
      </c>
      <c r="P3836" s="52"/>
      <c r="Q3836" s="52"/>
      <c r="R3836" s="52"/>
      <c r="S3836" s="52"/>
      <c r="T3836" s="52"/>
      <c r="U3836" s="52"/>
      <c r="V3836" s="52"/>
      <c r="W3836" s="52"/>
    </row>
    <row r="3837" spans="1:23" hidden="1" x14ac:dyDescent="0.35">
      <c r="A3837" s="52" t="s">
        <v>78</v>
      </c>
      <c r="B3837" s="52" t="s">
        <v>79</v>
      </c>
      <c r="C3837" s="3">
        <v>211</v>
      </c>
      <c r="D3837" s="52" t="s">
        <v>2022</v>
      </c>
      <c r="E3837" s="52" t="s">
        <v>26</v>
      </c>
      <c r="F3837" s="52" t="s">
        <v>81</v>
      </c>
      <c r="G3837" s="52" t="s">
        <v>82</v>
      </c>
      <c r="H3837" s="4">
        <v>1</v>
      </c>
      <c r="I3837" s="2">
        <v>14.65</v>
      </c>
      <c r="J3837" s="52" t="s">
        <v>9168</v>
      </c>
      <c r="K3837" s="71" t="s">
        <v>9169</v>
      </c>
      <c r="L3837" s="52" t="s">
        <v>2063</v>
      </c>
      <c r="M3837" s="72">
        <v>5772</v>
      </c>
      <c r="N3837" s="52" t="s">
        <v>2066</v>
      </c>
      <c r="O3837" s="52" t="s">
        <v>2067</v>
      </c>
      <c r="P3837" s="52"/>
      <c r="Q3837" s="52"/>
      <c r="R3837" s="52"/>
      <c r="S3837" s="52"/>
      <c r="T3837" s="52"/>
      <c r="U3837" s="52"/>
      <c r="V3837" s="52"/>
      <c r="W3837" s="52"/>
    </row>
    <row r="3838" spans="1:23" x14ac:dyDescent="0.35">
      <c r="A3838" s="52" t="s">
        <v>78</v>
      </c>
      <c r="B3838" s="52" t="s">
        <v>79</v>
      </c>
      <c r="C3838" s="3">
        <v>10</v>
      </c>
      <c r="D3838" s="52" t="s">
        <v>2019</v>
      </c>
      <c r="E3838" s="52" t="s">
        <v>26</v>
      </c>
      <c r="F3838" s="52" t="s">
        <v>81</v>
      </c>
      <c r="G3838" s="52" t="s">
        <v>82</v>
      </c>
      <c r="H3838" s="4">
        <v>1</v>
      </c>
      <c r="I3838" s="2">
        <v>14.65</v>
      </c>
      <c r="J3838" s="52" t="s">
        <v>9170</v>
      </c>
      <c r="K3838" s="71" t="s">
        <v>9171</v>
      </c>
      <c r="L3838" s="52" t="s">
        <v>2063</v>
      </c>
      <c r="M3838" s="72">
        <v>6467</v>
      </c>
      <c r="N3838" s="52" t="s">
        <v>2076</v>
      </c>
      <c r="O3838" s="52" t="s">
        <v>2077</v>
      </c>
      <c r="P3838" s="52"/>
      <c r="Q3838" s="52"/>
      <c r="R3838" s="52"/>
      <c r="S3838" s="52"/>
      <c r="T3838" s="52"/>
      <c r="U3838" s="52"/>
      <c r="V3838" s="52"/>
      <c r="W3838" s="52"/>
    </row>
    <row r="3839" spans="1:23" hidden="1" x14ac:dyDescent="0.35">
      <c r="A3839" s="52" t="s">
        <v>78</v>
      </c>
      <c r="B3839" s="52" t="s">
        <v>79</v>
      </c>
      <c r="C3839" s="3">
        <v>20</v>
      </c>
      <c r="D3839" s="52" t="s">
        <v>83</v>
      </c>
      <c r="E3839" s="52" t="s">
        <v>26</v>
      </c>
      <c r="F3839" s="52" t="s">
        <v>81</v>
      </c>
      <c r="G3839" s="52" t="s">
        <v>82</v>
      </c>
      <c r="H3839" s="4">
        <v>1</v>
      </c>
      <c r="I3839" s="2">
        <v>14.65</v>
      </c>
      <c r="J3839" s="52" t="s">
        <v>9172</v>
      </c>
      <c r="K3839" s="71" t="s">
        <v>9173</v>
      </c>
      <c r="L3839" s="52" t="s">
        <v>2063</v>
      </c>
      <c r="M3839" s="72">
        <v>10</v>
      </c>
      <c r="N3839" s="52"/>
      <c r="O3839" s="52"/>
      <c r="P3839" s="52"/>
      <c r="Q3839" s="52"/>
      <c r="R3839" s="52"/>
      <c r="S3839" s="52"/>
      <c r="T3839" s="52"/>
      <c r="U3839" s="52"/>
      <c r="V3839" s="52"/>
      <c r="W3839" s="52"/>
    </row>
    <row r="3840" spans="1:23" hidden="1" x14ac:dyDescent="0.35">
      <c r="A3840" s="52" t="s">
        <v>78</v>
      </c>
      <c r="B3840" s="52" t="s">
        <v>79</v>
      </c>
      <c r="C3840" s="3">
        <v>20</v>
      </c>
      <c r="D3840" s="52" t="s">
        <v>84</v>
      </c>
      <c r="E3840" s="52" t="s">
        <v>26</v>
      </c>
      <c r="F3840" s="52" t="s">
        <v>81</v>
      </c>
      <c r="G3840" s="52" t="s">
        <v>82</v>
      </c>
      <c r="H3840" s="4">
        <v>1</v>
      </c>
      <c r="I3840" s="2">
        <v>14.65</v>
      </c>
      <c r="J3840" s="52" t="s">
        <v>9174</v>
      </c>
      <c r="K3840" s="71" t="s">
        <v>9175</v>
      </c>
      <c r="L3840" s="52" t="s">
        <v>2063</v>
      </c>
      <c r="M3840" s="72">
        <v>8297</v>
      </c>
      <c r="N3840" s="52" t="s">
        <v>2072</v>
      </c>
      <c r="O3840" s="52" t="s">
        <v>2073</v>
      </c>
      <c r="P3840" s="52"/>
      <c r="Q3840" s="52"/>
      <c r="R3840" s="52"/>
      <c r="S3840" s="52"/>
      <c r="T3840" s="52"/>
      <c r="U3840" s="52"/>
      <c r="V3840" s="52"/>
      <c r="W3840" s="52"/>
    </row>
    <row r="3841" spans="1:23" hidden="1" x14ac:dyDescent="0.35">
      <c r="A3841" s="52" t="s">
        <v>78</v>
      </c>
      <c r="B3841" s="52" t="s">
        <v>79</v>
      </c>
      <c r="C3841" s="3">
        <v>10</v>
      </c>
      <c r="D3841" s="52" t="s">
        <v>86</v>
      </c>
      <c r="E3841" s="52" t="s">
        <v>26</v>
      </c>
      <c r="F3841" s="52" t="s">
        <v>81</v>
      </c>
      <c r="G3841" s="52" t="s">
        <v>82</v>
      </c>
      <c r="H3841" s="4">
        <v>1</v>
      </c>
      <c r="I3841" s="2">
        <v>14.65</v>
      </c>
      <c r="J3841" s="52" t="s">
        <v>9176</v>
      </c>
      <c r="K3841" s="71" t="s">
        <v>9177</v>
      </c>
      <c r="L3841" s="52" t="s">
        <v>2063</v>
      </c>
      <c r="M3841" s="72">
        <v>3590</v>
      </c>
      <c r="N3841" s="52"/>
      <c r="O3841" s="52"/>
      <c r="P3841" s="52"/>
      <c r="Q3841" s="52"/>
      <c r="R3841" s="52"/>
      <c r="S3841" s="52"/>
      <c r="T3841" s="52"/>
      <c r="U3841" s="52"/>
      <c r="V3841" s="52"/>
      <c r="W3841" s="52"/>
    </row>
    <row r="3842" spans="1:23" hidden="1" x14ac:dyDescent="0.35">
      <c r="A3842" s="52" t="s">
        <v>78</v>
      </c>
      <c r="B3842" s="52" t="s">
        <v>79</v>
      </c>
      <c r="C3842" s="3">
        <v>20</v>
      </c>
      <c r="D3842" s="52" t="s">
        <v>85</v>
      </c>
      <c r="E3842" s="52" t="s">
        <v>26</v>
      </c>
      <c r="F3842" s="52" t="s">
        <v>81</v>
      </c>
      <c r="G3842" s="52" t="s">
        <v>82</v>
      </c>
      <c r="H3842" s="4">
        <v>1</v>
      </c>
      <c r="I3842" s="2">
        <v>14.65</v>
      </c>
      <c r="J3842" s="52" t="s">
        <v>8928</v>
      </c>
      <c r="K3842" s="71" t="s">
        <v>9178</v>
      </c>
      <c r="L3842" s="52" t="s">
        <v>2063</v>
      </c>
      <c r="M3842" s="72">
        <v>9254</v>
      </c>
      <c r="N3842" s="52" t="s">
        <v>2158</v>
      </c>
      <c r="O3842" s="52" t="s">
        <v>2159</v>
      </c>
      <c r="P3842" s="52"/>
      <c r="Q3842" s="52"/>
      <c r="R3842" s="52"/>
      <c r="S3842" s="52"/>
      <c r="T3842" s="52"/>
      <c r="U3842" s="52"/>
      <c r="V3842" s="52"/>
      <c r="W3842" s="52"/>
    </row>
    <row r="3843" spans="1:23" hidden="1" x14ac:dyDescent="0.35">
      <c r="A3843" s="52" t="s">
        <v>78</v>
      </c>
      <c r="B3843" s="52" t="s">
        <v>79</v>
      </c>
      <c r="C3843" s="3">
        <v>20</v>
      </c>
      <c r="D3843" s="52" t="s">
        <v>84</v>
      </c>
      <c r="E3843" s="52" t="s">
        <v>26</v>
      </c>
      <c r="F3843" s="52" t="s">
        <v>81</v>
      </c>
      <c r="G3843" s="52" t="s">
        <v>82</v>
      </c>
      <c r="H3843" s="4">
        <v>1</v>
      </c>
      <c r="I3843" s="2">
        <v>14.65</v>
      </c>
      <c r="J3843" s="52" t="s">
        <v>9179</v>
      </c>
      <c r="K3843" s="71" t="s">
        <v>9180</v>
      </c>
      <c r="L3843" s="52" t="s">
        <v>2063</v>
      </c>
      <c r="M3843" s="72">
        <v>208</v>
      </c>
      <c r="N3843" s="52"/>
      <c r="O3843" s="52"/>
      <c r="P3843" s="52"/>
      <c r="Q3843" s="52"/>
      <c r="R3843" s="52"/>
      <c r="S3843" s="52"/>
      <c r="T3843" s="52"/>
      <c r="U3843" s="52"/>
      <c r="V3843" s="52"/>
      <c r="W3843" s="52"/>
    </row>
    <row r="3844" spans="1:23" hidden="1" x14ac:dyDescent="0.35">
      <c r="A3844" s="52" t="s">
        <v>78</v>
      </c>
      <c r="B3844" s="52" t="s">
        <v>79</v>
      </c>
      <c r="C3844" s="3">
        <v>20</v>
      </c>
      <c r="D3844" s="52" t="s">
        <v>83</v>
      </c>
      <c r="E3844" s="52" t="s">
        <v>26</v>
      </c>
      <c r="F3844" s="52" t="s">
        <v>81</v>
      </c>
      <c r="G3844" s="52" t="s">
        <v>82</v>
      </c>
      <c r="H3844" s="4">
        <v>1</v>
      </c>
      <c r="I3844" s="2">
        <v>14.65</v>
      </c>
      <c r="J3844" s="52" t="s">
        <v>9181</v>
      </c>
      <c r="K3844" s="71" t="s">
        <v>9182</v>
      </c>
      <c r="L3844" s="52" t="s">
        <v>2063</v>
      </c>
      <c r="M3844" s="72">
        <v>2864</v>
      </c>
      <c r="N3844" s="52" t="s">
        <v>2072</v>
      </c>
      <c r="O3844" s="52" t="s">
        <v>2073</v>
      </c>
      <c r="P3844" s="52"/>
      <c r="Q3844" s="52"/>
      <c r="R3844" s="52"/>
      <c r="S3844" s="52"/>
      <c r="T3844" s="52"/>
      <c r="U3844" s="52"/>
      <c r="V3844" s="52"/>
      <c r="W3844" s="52"/>
    </row>
    <row r="3845" spans="1:23" hidden="1" x14ac:dyDescent="0.35">
      <c r="A3845" s="52" t="s">
        <v>78</v>
      </c>
      <c r="B3845" s="52" t="s">
        <v>79</v>
      </c>
      <c r="C3845" s="3">
        <v>10</v>
      </c>
      <c r="D3845" s="52" t="s">
        <v>2024</v>
      </c>
      <c r="E3845" s="52" t="s">
        <v>26</v>
      </c>
      <c r="F3845" s="52" t="s">
        <v>81</v>
      </c>
      <c r="G3845" s="52" t="s">
        <v>82</v>
      </c>
      <c r="H3845" s="4">
        <v>1</v>
      </c>
      <c r="I3845" s="2">
        <v>14.65</v>
      </c>
      <c r="J3845" s="52" t="s">
        <v>9183</v>
      </c>
      <c r="K3845" s="71" t="s">
        <v>9184</v>
      </c>
      <c r="L3845" s="52" t="s">
        <v>2063</v>
      </c>
      <c r="M3845" s="72">
        <v>4981</v>
      </c>
      <c r="N3845" s="52" t="s">
        <v>2158</v>
      </c>
      <c r="O3845" s="52" t="s">
        <v>2159</v>
      </c>
      <c r="P3845" s="52"/>
      <c r="Q3845" s="52"/>
      <c r="R3845" s="52"/>
      <c r="S3845" s="52"/>
      <c r="T3845" s="52"/>
      <c r="U3845" s="52"/>
      <c r="V3845" s="52"/>
      <c r="W3845" s="52"/>
    </row>
    <row r="3846" spans="1:23" hidden="1" x14ac:dyDescent="0.35">
      <c r="A3846" s="52" t="s">
        <v>78</v>
      </c>
      <c r="B3846" s="52" t="s">
        <v>79</v>
      </c>
      <c r="C3846" s="3">
        <v>20</v>
      </c>
      <c r="D3846" s="52" t="s">
        <v>80</v>
      </c>
      <c r="E3846" s="52" t="s">
        <v>26</v>
      </c>
      <c r="F3846" s="52" t="s">
        <v>81</v>
      </c>
      <c r="G3846" s="52" t="s">
        <v>82</v>
      </c>
      <c r="H3846" s="4">
        <v>1</v>
      </c>
      <c r="I3846" s="2">
        <v>14.65</v>
      </c>
      <c r="J3846" s="52" t="s">
        <v>9185</v>
      </c>
      <c r="K3846" s="71" t="s">
        <v>9186</v>
      </c>
      <c r="L3846" s="52" t="s">
        <v>2063</v>
      </c>
      <c r="M3846" s="72">
        <v>3946</v>
      </c>
      <c r="N3846" s="52" t="s">
        <v>2072</v>
      </c>
      <c r="O3846" s="52" t="s">
        <v>2073</v>
      </c>
      <c r="P3846" s="52"/>
      <c r="Q3846" s="52"/>
      <c r="R3846" s="52"/>
      <c r="S3846" s="52"/>
      <c r="T3846" s="52"/>
      <c r="U3846" s="52"/>
      <c r="V3846" s="52"/>
      <c r="W3846" s="52"/>
    </row>
    <row r="3847" spans="1:23" hidden="1" x14ac:dyDescent="0.35">
      <c r="A3847" s="52" t="s">
        <v>78</v>
      </c>
      <c r="B3847" s="52" t="s">
        <v>79</v>
      </c>
      <c r="C3847" s="3">
        <v>20</v>
      </c>
      <c r="D3847" s="52" t="s">
        <v>84</v>
      </c>
      <c r="E3847" s="52" t="s">
        <v>26</v>
      </c>
      <c r="F3847" s="52" t="s">
        <v>81</v>
      </c>
      <c r="G3847" s="52" t="s">
        <v>82</v>
      </c>
      <c r="H3847" s="4">
        <v>1</v>
      </c>
      <c r="I3847" s="2">
        <v>14.65</v>
      </c>
      <c r="J3847" s="52" t="s">
        <v>9187</v>
      </c>
      <c r="K3847" s="71" t="s">
        <v>9188</v>
      </c>
      <c r="L3847" s="52" t="s">
        <v>2063</v>
      </c>
      <c r="M3847" s="72">
        <v>9114</v>
      </c>
      <c r="N3847" s="52" t="s">
        <v>2072</v>
      </c>
      <c r="O3847" s="52" t="s">
        <v>2073</v>
      </c>
      <c r="P3847" s="52"/>
      <c r="Q3847" s="52"/>
      <c r="R3847" s="52"/>
      <c r="S3847" s="52"/>
      <c r="T3847" s="52"/>
      <c r="U3847" s="52"/>
      <c r="V3847" s="52"/>
      <c r="W3847" s="52"/>
    </row>
    <row r="3848" spans="1:23" hidden="1" x14ac:dyDescent="0.35">
      <c r="A3848" s="52" t="s">
        <v>78</v>
      </c>
      <c r="B3848" s="52" t="s">
        <v>79</v>
      </c>
      <c r="C3848" s="3">
        <v>10</v>
      </c>
      <c r="D3848" s="52" t="s">
        <v>2019</v>
      </c>
      <c r="E3848" s="52" t="s">
        <v>26</v>
      </c>
      <c r="F3848" s="52" t="s">
        <v>81</v>
      </c>
      <c r="G3848" s="52" t="s">
        <v>82</v>
      </c>
      <c r="H3848" s="4">
        <v>1</v>
      </c>
      <c r="I3848" s="2">
        <v>14.65</v>
      </c>
      <c r="J3848" s="52" t="s">
        <v>8922</v>
      </c>
      <c r="K3848" s="71" t="s">
        <v>9189</v>
      </c>
      <c r="L3848" s="52" t="s">
        <v>2063</v>
      </c>
      <c r="M3848" s="72">
        <v>7774</v>
      </c>
      <c r="N3848" s="52" t="s">
        <v>2066</v>
      </c>
      <c r="O3848" s="52" t="s">
        <v>2067</v>
      </c>
      <c r="P3848" s="52"/>
      <c r="Q3848" s="52"/>
      <c r="R3848" s="52"/>
      <c r="S3848" s="52"/>
      <c r="T3848" s="52"/>
      <c r="U3848" s="52"/>
      <c r="V3848" s="52"/>
      <c r="W3848" s="52"/>
    </row>
    <row r="3849" spans="1:23" hidden="1" x14ac:dyDescent="0.35">
      <c r="A3849" s="52" t="s">
        <v>78</v>
      </c>
      <c r="B3849" s="52" t="s">
        <v>79</v>
      </c>
      <c r="C3849" s="3">
        <v>20</v>
      </c>
      <c r="D3849" s="52" t="s">
        <v>83</v>
      </c>
      <c r="E3849" s="52" t="s">
        <v>26</v>
      </c>
      <c r="F3849" s="52" t="s">
        <v>81</v>
      </c>
      <c r="G3849" s="52" t="s">
        <v>82</v>
      </c>
      <c r="H3849" s="4">
        <v>1</v>
      </c>
      <c r="I3849" s="2">
        <v>14.65</v>
      </c>
      <c r="J3849" s="52" t="s">
        <v>8349</v>
      </c>
      <c r="K3849" s="71" t="s">
        <v>9190</v>
      </c>
      <c r="L3849" s="52" t="s">
        <v>2095</v>
      </c>
      <c r="M3849" s="72">
        <v>5729</v>
      </c>
      <c r="N3849" s="52" t="s">
        <v>2072</v>
      </c>
      <c r="O3849" s="52" t="s">
        <v>2073</v>
      </c>
      <c r="P3849" s="52"/>
      <c r="Q3849" s="52"/>
      <c r="R3849" s="52"/>
      <c r="S3849" s="52"/>
      <c r="T3849" s="52"/>
      <c r="U3849" s="52"/>
      <c r="V3849" s="52"/>
      <c r="W3849" s="52"/>
    </row>
    <row r="3850" spans="1:23" hidden="1" x14ac:dyDescent="0.35">
      <c r="A3850" s="52" t="s">
        <v>78</v>
      </c>
      <c r="B3850" s="52" t="s">
        <v>79</v>
      </c>
      <c r="C3850" s="3">
        <v>10</v>
      </c>
      <c r="D3850" s="52" t="s">
        <v>2020</v>
      </c>
      <c r="E3850" s="52" t="s">
        <v>26</v>
      </c>
      <c r="F3850" s="52" t="s">
        <v>81</v>
      </c>
      <c r="G3850" s="52" t="s">
        <v>82</v>
      </c>
      <c r="H3850" s="4">
        <v>1</v>
      </c>
      <c r="I3850" s="2">
        <v>14.65</v>
      </c>
      <c r="J3850" s="52" t="s">
        <v>9191</v>
      </c>
      <c r="K3850" s="71" t="s">
        <v>9192</v>
      </c>
      <c r="L3850" s="52" t="s">
        <v>2063</v>
      </c>
      <c r="M3850" s="72">
        <v>6529</v>
      </c>
      <c r="N3850" s="52" t="s">
        <v>2072</v>
      </c>
      <c r="O3850" s="52" t="s">
        <v>2073</v>
      </c>
      <c r="P3850" s="52"/>
      <c r="Q3850" s="52"/>
      <c r="R3850" s="52"/>
      <c r="S3850" s="52"/>
      <c r="T3850" s="52"/>
      <c r="U3850" s="52"/>
      <c r="V3850" s="52"/>
      <c r="W3850" s="52"/>
    </row>
    <row r="3851" spans="1:23" x14ac:dyDescent="0.35">
      <c r="A3851" s="52" t="s">
        <v>78</v>
      </c>
      <c r="B3851" s="52" t="s">
        <v>79</v>
      </c>
      <c r="C3851" s="3">
        <v>20</v>
      </c>
      <c r="D3851" s="52" t="s">
        <v>2021</v>
      </c>
      <c r="E3851" s="52" t="s">
        <v>26</v>
      </c>
      <c r="F3851" s="52" t="s">
        <v>81</v>
      </c>
      <c r="G3851" s="52" t="s">
        <v>82</v>
      </c>
      <c r="H3851" s="4">
        <v>1</v>
      </c>
      <c r="I3851" s="2">
        <v>14.65</v>
      </c>
      <c r="J3851" s="52" t="s">
        <v>9193</v>
      </c>
      <c r="K3851" s="71" t="s">
        <v>9194</v>
      </c>
      <c r="L3851" s="52" t="s">
        <v>2063</v>
      </c>
      <c r="M3851" s="72">
        <v>6157</v>
      </c>
      <c r="N3851" s="52" t="s">
        <v>2076</v>
      </c>
      <c r="O3851" s="52" t="s">
        <v>2077</v>
      </c>
      <c r="P3851" s="52"/>
      <c r="Q3851" s="52"/>
      <c r="R3851" s="52"/>
      <c r="S3851" s="52"/>
      <c r="T3851" s="52"/>
      <c r="U3851" s="52"/>
      <c r="V3851" s="52"/>
      <c r="W3851" s="52"/>
    </row>
    <row r="3852" spans="1:23" hidden="1" x14ac:dyDescent="0.35">
      <c r="A3852" s="52" t="s">
        <v>78</v>
      </c>
      <c r="B3852" s="52" t="s">
        <v>79</v>
      </c>
      <c r="C3852" s="3">
        <v>20</v>
      </c>
      <c r="D3852" s="52" t="s">
        <v>2023</v>
      </c>
      <c r="E3852" s="52" t="s">
        <v>26</v>
      </c>
      <c r="F3852" s="52" t="s">
        <v>81</v>
      </c>
      <c r="G3852" s="52" t="s">
        <v>82</v>
      </c>
      <c r="H3852" s="4">
        <v>1</v>
      </c>
      <c r="I3852" s="2">
        <v>14.65</v>
      </c>
      <c r="J3852" s="52" t="s">
        <v>9195</v>
      </c>
      <c r="K3852" s="71" t="s">
        <v>9196</v>
      </c>
      <c r="L3852" s="52" t="s">
        <v>2063</v>
      </c>
      <c r="M3852" s="72">
        <v>3077</v>
      </c>
      <c r="N3852" s="52"/>
      <c r="O3852" s="52"/>
      <c r="P3852" s="52"/>
      <c r="Q3852" s="52"/>
      <c r="R3852" s="52"/>
      <c r="S3852" s="52"/>
      <c r="T3852" s="52"/>
      <c r="U3852" s="52"/>
      <c r="V3852" s="52"/>
      <c r="W3852" s="52"/>
    </row>
    <row r="3853" spans="1:23" hidden="1" x14ac:dyDescent="0.35">
      <c r="A3853" s="52" t="s">
        <v>78</v>
      </c>
      <c r="B3853" s="52" t="s">
        <v>79</v>
      </c>
      <c r="C3853" s="3">
        <v>20</v>
      </c>
      <c r="D3853" s="52" t="s">
        <v>2024</v>
      </c>
      <c r="E3853" s="52" t="s">
        <v>26</v>
      </c>
      <c r="F3853" s="52" t="s">
        <v>81</v>
      </c>
      <c r="G3853" s="52" t="s">
        <v>82</v>
      </c>
      <c r="H3853" s="4">
        <v>1</v>
      </c>
      <c r="I3853" s="2">
        <v>14.65</v>
      </c>
      <c r="J3853" s="52" t="s">
        <v>9197</v>
      </c>
      <c r="K3853" s="71" t="s">
        <v>9198</v>
      </c>
      <c r="L3853" s="52" t="s">
        <v>2063</v>
      </c>
      <c r="M3853" s="72">
        <v>4106</v>
      </c>
      <c r="N3853" s="52" t="s">
        <v>2072</v>
      </c>
      <c r="O3853" s="52" t="s">
        <v>2073</v>
      </c>
      <c r="P3853" s="52"/>
      <c r="Q3853" s="52"/>
      <c r="R3853" s="52"/>
      <c r="S3853" s="52"/>
      <c r="T3853" s="52"/>
      <c r="U3853" s="52"/>
      <c r="V3853" s="52"/>
      <c r="W3853" s="52"/>
    </row>
    <row r="3854" spans="1:23" hidden="1" x14ac:dyDescent="0.35">
      <c r="A3854" s="52" t="s">
        <v>78</v>
      </c>
      <c r="B3854" s="52" t="s">
        <v>79</v>
      </c>
      <c r="C3854" s="3">
        <v>20</v>
      </c>
      <c r="D3854" s="52" t="s">
        <v>2020</v>
      </c>
      <c r="E3854" s="52" t="s">
        <v>26</v>
      </c>
      <c r="F3854" s="52" t="s">
        <v>81</v>
      </c>
      <c r="G3854" s="52" t="s">
        <v>82</v>
      </c>
      <c r="H3854" s="4">
        <v>1</v>
      </c>
      <c r="I3854" s="2">
        <v>14.65</v>
      </c>
      <c r="J3854" s="52" t="s">
        <v>9199</v>
      </c>
      <c r="K3854" s="71" t="s">
        <v>9200</v>
      </c>
      <c r="L3854" s="52" t="s">
        <v>2063</v>
      </c>
      <c r="M3854" s="72">
        <v>3360</v>
      </c>
      <c r="N3854" s="52" t="s">
        <v>2066</v>
      </c>
      <c r="O3854" s="52" t="s">
        <v>2067</v>
      </c>
      <c r="P3854" s="52"/>
      <c r="Q3854" s="52"/>
      <c r="R3854" s="52"/>
      <c r="S3854" s="52"/>
      <c r="T3854" s="52"/>
      <c r="U3854" s="52"/>
      <c r="V3854" s="52"/>
      <c r="W3854" s="52"/>
    </row>
    <row r="3855" spans="1:23" hidden="1" x14ac:dyDescent="0.35">
      <c r="A3855" s="52" t="s">
        <v>78</v>
      </c>
      <c r="B3855" s="52" t="s">
        <v>79</v>
      </c>
      <c r="C3855" s="3">
        <v>20</v>
      </c>
      <c r="D3855" s="52" t="s">
        <v>2019</v>
      </c>
      <c r="E3855" s="52" t="s">
        <v>26</v>
      </c>
      <c r="F3855" s="52" t="s">
        <v>81</v>
      </c>
      <c r="G3855" s="52" t="s">
        <v>82</v>
      </c>
      <c r="H3855" s="4">
        <v>1</v>
      </c>
      <c r="I3855" s="2">
        <v>14.65</v>
      </c>
      <c r="J3855" s="52" t="s">
        <v>9201</v>
      </c>
      <c r="K3855" s="71" t="s">
        <v>9202</v>
      </c>
      <c r="L3855" s="52" t="s">
        <v>2063</v>
      </c>
      <c r="M3855" s="72">
        <v>7792</v>
      </c>
      <c r="N3855" s="52"/>
      <c r="O3855" s="52"/>
      <c r="P3855" s="52"/>
      <c r="Q3855" s="52"/>
      <c r="R3855" s="52"/>
      <c r="S3855" s="52"/>
      <c r="T3855" s="52"/>
      <c r="U3855" s="52"/>
      <c r="V3855" s="52"/>
      <c r="W3855" s="52"/>
    </row>
    <row r="3856" spans="1:23" hidden="1" x14ac:dyDescent="0.35">
      <c r="A3856" s="52" t="s">
        <v>78</v>
      </c>
      <c r="B3856" s="52" t="s">
        <v>79</v>
      </c>
      <c r="C3856" s="3">
        <v>20</v>
      </c>
      <c r="D3856" s="52" t="s">
        <v>80</v>
      </c>
      <c r="E3856" s="52" t="s">
        <v>26</v>
      </c>
      <c r="F3856" s="52" t="s">
        <v>81</v>
      </c>
      <c r="G3856" s="52" t="s">
        <v>82</v>
      </c>
      <c r="H3856" s="4">
        <v>1</v>
      </c>
      <c r="I3856" s="2">
        <v>14.65</v>
      </c>
      <c r="J3856" s="52" t="s">
        <v>9203</v>
      </c>
      <c r="K3856" s="71" t="s">
        <v>9204</v>
      </c>
      <c r="L3856" s="52" t="s">
        <v>2063</v>
      </c>
      <c r="M3856" s="72">
        <v>9439</v>
      </c>
      <c r="N3856" s="52" t="s">
        <v>2072</v>
      </c>
      <c r="O3856" s="52" t="s">
        <v>2073</v>
      </c>
      <c r="P3856" s="52"/>
      <c r="Q3856" s="52"/>
      <c r="R3856" s="52"/>
      <c r="S3856" s="52"/>
      <c r="T3856" s="52"/>
      <c r="U3856" s="52"/>
      <c r="V3856" s="52"/>
      <c r="W3856" s="52"/>
    </row>
    <row r="3857" spans="1:23" hidden="1" x14ac:dyDescent="0.35">
      <c r="A3857" s="52" t="s">
        <v>78</v>
      </c>
      <c r="B3857" s="52" t="s">
        <v>79</v>
      </c>
      <c r="C3857" s="3">
        <v>10</v>
      </c>
      <c r="D3857" s="52" t="s">
        <v>2024</v>
      </c>
      <c r="E3857" s="52" t="s">
        <v>26</v>
      </c>
      <c r="F3857" s="52" t="s">
        <v>81</v>
      </c>
      <c r="G3857" s="52" t="s">
        <v>82</v>
      </c>
      <c r="H3857" s="4">
        <v>1</v>
      </c>
      <c r="I3857" s="2">
        <v>14.65</v>
      </c>
      <c r="J3857" s="52" t="s">
        <v>9205</v>
      </c>
      <c r="K3857" s="71" t="s">
        <v>9206</v>
      </c>
      <c r="L3857" s="52" t="s">
        <v>2063</v>
      </c>
      <c r="M3857" s="72">
        <v>8070</v>
      </c>
      <c r="N3857" s="52" t="s">
        <v>2072</v>
      </c>
      <c r="O3857" s="52" t="s">
        <v>2073</v>
      </c>
      <c r="P3857" s="52"/>
      <c r="Q3857" s="52"/>
      <c r="R3857" s="52"/>
      <c r="S3857" s="52"/>
      <c r="T3857" s="52"/>
      <c r="U3857" s="52"/>
      <c r="V3857" s="52"/>
      <c r="W3857" s="52"/>
    </row>
    <row r="3858" spans="1:23" hidden="1" x14ac:dyDescent="0.35">
      <c r="A3858" s="52" t="s">
        <v>78</v>
      </c>
      <c r="B3858" s="52" t="s">
        <v>79</v>
      </c>
      <c r="C3858" s="3">
        <v>20</v>
      </c>
      <c r="D3858" s="52" t="s">
        <v>84</v>
      </c>
      <c r="E3858" s="52" t="s">
        <v>26</v>
      </c>
      <c r="F3858" s="52" t="s">
        <v>81</v>
      </c>
      <c r="G3858" s="52" t="s">
        <v>82</v>
      </c>
      <c r="H3858" s="4">
        <v>1</v>
      </c>
      <c r="I3858" s="2">
        <v>14.65</v>
      </c>
      <c r="J3858" s="52" t="s">
        <v>9207</v>
      </c>
      <c r="K3858" s="71" t="s">
        <v>9208</v>
      </c>
      <c r="L3858" s="52" t="s">
        <v>2063</v>
      </c>
      <c r="M3858" s="72">
        <v>6075</v>
      </c>
      <c r="N3858" s="52" t="s">
        <v>2066</v>
      </c>
      <c r="O3858" s="52" t="s">
        <v>2067</v>
      </c>
      <c r="P3858" s="52"/>
      <c r="Q3858" s="52"/>
      <c r="R3858" s="52"/>
      <c r="S3858" s="52"/>
      <c r="T3858" s="52"/>
      <c r="U3858" s="52"/>
      <c r="V3858" s="52"/>
      <c r="W3858" s="52"/>
    </row>
    <row r="3859" spans="1:23" hidden="1" x14ac:dyDescent="0.35">
      <c r="A3859" s="52" t="s">
        <v>78</v>
      </c>
      <c r="B3859" s="52" t="s">
        <v>79</v>
      </c>
      <c r="C3859" s="3">
        <v>20</v>
      </c>
      <c r="D3859" s="52" t="s">
        <v>2020</v>
      </c>
      <c r="E3859" s="52" t="s">
        <v>26</v>
      </c>
      <c r="F3859" s="52" t="s">
        <v>81</v>
      </c>
      <c r="G3859" s="52" t="s">
        <v>82</v>
      </c>
      <c r="H3859" s="4">
        <v>1</v>
      </c>
      <c r="I3859" s="2">
        <v>14.65</v>
      </c>
      <c r="J3859" s="52" t="s">
        <v>9209</v>
      </c>
      <c r="K3859" s="71" t="s">
        <v>9210</v>
      </c>
      <c r="L3859" s="52" t="s">
        <v>2063</v>
      </c>
      <c r="M3859" s="72">
        <v>5884</v>
      </c>
      <c r="N3859" s="52" t="s">
        <v>2072</v>
      </c>
      <c r="O3859" s="52" t="s">
        <v>2073</v>
      </c>
      <c r="P3859" s="52"/>
      <c r="Q3859" s="52"/>
      <c r="R3859" s="52"/>
      <c r="S3859" s="52"/>
      <c r="T3859" s="52"/>
      <c r="U3859" s="52"/>
      <c r="V3859" s="52"/>
      <c r="W3859" s="52"/>
    </row>
    <row r="3860" spans="1:23" hidden="1" x14ac:dyDescent="0.35">
      <c r="A3860" s="52" t="s">
        <v>78</v>
      </c>
      <c r="B3860" s="52" t="s">
        <v>79</v>
      </c>
      <c r="C3860" s="3">
        <v>20</v>
      </c>
      <c r="D3860" s="52" t="s">
        <v>2024</v>
      </c>
      <c r="E3860" s="52" t="s">
        <v>26</v>
      </c>
      <c r="F3860" s="52" t="s">
        <v>81</v>
      </c>
      <c r="G3860" s="52" t="s">
        <v>82</v>
      </c>
      <c r="H3860" s="4">
        <v>1</v>
      </c>
      <c r="I3860" s="2">
        <v>14.65</v>
      </c>
      <c r="J3860" s="52" t="s">
        <v>9211</v>
      </c>
      <c r="K3860" s="71" t="s">
        <v>9212</v>
      </c>
      <c r="L3860" s="52" t="s">
        <v>2063</v>
      </c>
      <c r="M3860" s="72">
        <v>8676</v>
      </c>
      <c r="N3860" s="52"/>
      <c r="O3860" s="52"/>
      <c r="P3860" s="52"/>
      <c r="Q3860" s="52"/>
      <c r="R3860" s="52"/>
      <c r="S3860" s="52"/>
      <c r="T3860" s="52"/>
      <c r="U3860" s="52"/>
      <c r="V3860" s="52"/>
      <c r="W3860" s="52"/>
    </row>
    <row r="3861" spans="1:23" hidden="1" x14ac:dyDescent="0.35">
      <c r="A3861" s="52" t="s">
        <v>78</v>
      </c>
      <c r="B3861" s="52" t="s">
        <v>79</v>
      </c>
      <c r="C3861" s="3">
        <v>20</v>
      </c>
      <c r="D3861" s="52" t="s">
        <v>86</v>
      </c>
      <c r="E3861" s="52" t="s">
        <v>26</v>
      </c>
      <c r="F3861" s="52" t="s">
        <v>81</v>
      </c>
      <c r="G3861" s="52" t="s">
        <v>82</v>
      </c>
      <c r="H3861" s="4">
        <v>1</v>
      </c>
      <c r="I3861" s="2">
        <v>14.65</v>
      </c>
      <c r="J3861" s="52" t="s">
        <v>9019</v>
      </c>
      <c r="K3861" s="71" t="s">
        <v>9213</v>
      </c>
      <c r="L3861" s="52" t="s">
        <v>2063</v>
      </c>
      <c r="M3861" s="72">
        <v>3236</v>
      </c>
      <c r="N3861" s="52"/>
      <c r="O3861" s="52"/>
      <c r="P3861" s="52"/>
      <c r="Q3861" s="52"/>
      <c r="R3861" s="52"/>
      <c r="S3861" s="52"/>
      <c r="T3861" s="52"/>
      <c r="U3861" s="52"/>
      <c r="V3861" s="52"/>
      <c r="W3861" s="52"/>
    </row>
    <row r="3862" spans="1:23" hidden="1" x14ac:dyDescent="0.35">
      <c r="A3862" s="52" t="s">
        <v>78</v>
      </c>
      <c r="B3862" s="52" t="s">
        <v>79</v>
      </c>
      <c r="C3862" s="3">
        <v>20</v>
      </c>
      <c r="D3862" s="52" t="s">
        <v>2019</v>
      </c>
      <c r="E3862" s="52" t="s">
        <v>26</v>
      </c>
      <c r="F3862" s="52" t="s">
        <v>81</v>
      </c>
      <c r="G3862" s="52" t="s">
        <v>82</v>
      </c>
      <c r="H3862" s="4">
        <v>1</v>
      </c>
      <c r="I3862" s="2">
        <v>14.65</v>
      </c>
      <c r="J3862" s="52" t="s">
        <v>9214</v>
      </c>
      <c r="K3862" s="71" t="s">
        <v>9215</v>
      </c>
      <c r="L3862" s="52" t="s">
        <v>2063</v>
      </c>
      <c r="M3862" s="72">
        <v>5824</v>
      </c>
      <c r="N3862" s="52" t="s">
        <v>2072</v>
      </c>
      <c r="O3862" s="52" t="s">
        <v>2073</v>
      </c>
      <c r="P3862" s="52"/>
      <c r="Q3862" s="52"/>
      <c r="R3862" s="52"/>
      <c r="S3862" s="52"/>
      <c r="T3862" s="52"/>
      <c r="U3862" s="52"/>
      <c r="V3862" s="52"/>
      <c r="W3862" s="52"/>
    </row>
    <row r="3863" spans="1:23" hidden="1" x14ac:dyDescent="0.35">
      <c r="A3863" s="52" t="s">
        <v>78</v>
      </c>
      <c r="B3863" s="52" t="s">
        <v>79</v>
      </c>
      <c r="C3863" s="3">
        <v>20</v>
      </c>
      <c r="D3863" s="52" t="s">
        <v>2022</v>
      </c>
      <c r="E3863" s="52" t="s">
        <v>26</v>
      </c>
      <c r="F3863" s="52" t="s">
        <v>81</v>
      </c>
      <c r="G3863" s="52" t="s">
        <v>82</v>
      </c>
      <c r="H3863" s="4">
        <v>1</v>
      </c>
      <c r="I3863" s="2">
        <v>14.65</v>
      </c>
      <c r="J3863" s="52" t="s">
        <v>9216</v>
      </c>
      <c r="K3863" s="71" t="s">
        <v>9217</v>
      </c>
      <c r="L3863" s="52" t="s">
        <v>2063</v>
      </c>
      <c r="M3863" s="72">
        <v>1470</v>
      </c>
      <c r="N3863" s="52" t="s">
        <v>2072</v>
      </c>
      <c r="O3863" s="52" t="s">
        <v>2073</v>
      </c>
      <c r="P3863" s="52"/>
      <c r="Q3863" s="52"/>
      <c r="R3863" s="52"/>
      <c r="S3863" s="52"/>
      <c r="T3863" s="52"/>
      <c r="U3863" s="52"/>
      <c r="V3863" s="52"/>
      <c r="W3863" s="52"/>
    </row>
    <row r="3864" spans="1:23" hidden="1" x14ac:dyDescent="0.35">
      <c r="A3864" s="52" t="s">
        <v>78</v>
      </c>
      <c r="B3864" s="52" t="s">
        <v>79</v>
      </c>
      <c r="C3864" s="3">
        <v>20</v>
      </c>
      <c r="D3864" s="52" t="s">
        <v>2022</v>
      </c>
      <c r="E3864" s="52" t="s">
        <v>26</v>
      </c>
      <c r="F3864" s="52" t="s">
        <v>81</v>
      </c>
      <c r="G3864" s="52" t="s">
        <v>82</v>
      </c>
      <c r="H3864" s="4">
        <v>1</v>
      </c>
      <c r="I3864" s="2">
        <v>14.65</v>
      </c>
      <c r="J3864" s="52" t="s">
        <v>9218</v>
      </c>
      <c r="K3864" s="71" t="s">
        <v>9219</v>
      </c>
      <c r="L3864" s="52" t="s">
        <v>2063</v>
      </c>
      <c r="M3864" s="72">
        <v>8316</v>
      </c>
      <c r="N3864" s="52" t="s">
        <v>2066</v>
      </c>
      <c r="O3864" s="52" t="s">
        <v>2067</v>
      </c>
      <c r="P3864" s="52"/>
      <c r="Q3864" s="52"/>
      <c r="R3864" s="52"/>
      <c r="S3864" s="52"/>
      <c r="T3864" s="52"/>
      <c r="U3864" s="52"/>
      <c r="V3864" s="52"/>
      <c r="W3864" s="52"/>
    </row>
    <row r="3865" spans="1:23" hidden="1" x14ac:dyDescent="0.35">
      <c r="A3865" s="52" t="s">
        <v>78</v>
      </c>
      <c r="B3865" s="52" t="s">
        <v>79</v>
      </c>
      <c r="C3865" s="3">
        <v>10</v>
      </c>
      <c r="D3865" s="52" t="s">
        <v>2021</v>
      </c>
      <c r="E3865" s="52" t="s">
        <v>26</v>
      </c>
      <c r="F3865" s="52" t="s">
        <v>81</v>
      </c>
      <c r="G3865" s="52" t="s">
        <v>82</v>
      </c>
      <c r="H3865" s="4">
        <v>1</v>
      </c>
      <c r="I3865" s="2">
        <v>14.65</v>
      </c>
      <c r="J3865" s="52" t="s">
        <v>9220</v>
      </c>
      <c r="K3865" s="71" t="s">
        <v>9221</v>
      </c>
      <c r="L3865" s="52" t="s">
        <v>2063</v>
      </c>
      <c r="M3865" s="72">
        <v>6153</v>
      </c>
      <c r="N3865" s="52" t="s">
        <v>2072</v>
      </c>
      <c r="O3865" s="52" t="s">
        <v>2073</v>
      </c>
      <c r="P3865" s="52"/>
      <c r="Q3865" s="52"/>
      <c r="R3865" s="52"/>
      <c r="S3865" s="52"/>
      <c r="T3865" s="52"/>
      <c r="U3865" s="52"/>
      <c r="V3865" s="52"/>
      <c r="W3865" s="52"/>
    </row>
    <row r="3866" spans="1:23" hidden="1" x14ac:dyDescent="0.35">
      <c r="A3866" s="52" t="s">
        <v>78</v>
      </c>
      <c r="B3866" s="52" t="s">
        <v>79</v>
      </c>
      <c r="C3866" s="3">
        <v>10</v>
      </c>
      <c r="D3866" s="52" t="s">
        <v>84</v>
      </c>
      <c r="E3866" s="52" t="s">
        <v>26</v>
      </c>
      <c r="F3866" s="52" t="s">
        <v>81</v>
      </c>
      <c r="G3866" s="52" t="s">
        <v>82</v>
      </c>
      <c r="H3866" s="4">
        <v>1</v>
      </c>
      <c r="I3866" s="2">
        <v>14.65</v>
      </c>
      <c r="J3866" s="52" t="s">
        <v>9222</v>
      </c>
      <c r="K3866" s="71" t="s">
        <v>9223</v>
      </c>
      <c r="L3866" s="52" t="s">
        <v>2063</v>
      </c>
      <c r="M3866" s="72">
        <v>323</v>
      </c>
      <c r="N3866" s="52" t="s">
        <v>2072</v>
      </c>
      <c r="O3866" s="52" t="s">
        <v>2073</v>
      </c>
      <c r="P3866" s="52"/>
      <c r="Q3866" s="52"/>
      <c r="R3866" s="52"/>
      <c r="S3866" s="52"/>
      <c r="T3866" s="52"/>
      <c r="U3866" s="52"/>
      <c r="V3866" s="52"/>
      <c r="W3866" s="52"/>
    </row>
    <row r="3867" spans="1:23" hidden="1" x14ac:dyDescent="0.35">
      <c r="A3867" s="52" t="s">
        <v>78</v>
      </c>
      <c r="B3867" s="52" t="s">
        <v>79</v>
      </c>
      <c r="C3867" s="3">
        <v>20</v>
      </c>
      <c r="D3867" s="52" t="s">
        <v>2019</v>
      </c>
      <c r="E3867" s="52" t="s">
        <v>26</v>
      </c>
      <c r="F3867" s="52" t="s">
        <v>81</v>
      </c>
      <c r="G3867" s="52" t="s">
        <v>82</v>
      </c>
      <c r="H3867" s="4">
        <v>1</v>
      </c>
      <c r="I3867" s="2">
        <v>14.65</v>
      </c>
      <c r="J3867" s="52" t="s">
        <v>9224</v>
      </c>
      <c r="K3867" s="71" t="s">
        <v>9225</v>
      </c>
      <c r="L3867" s="52" t="s">
        <v>2063</v>
      </c>
      <c r="M3867" s="72">
        <v>8691</v>
      </c>
      <c r="N3867" s="52" t="s">
        <v>2066</v>
      </c>
      <c r="O3867" s="52" t="s">
        <v>2067</v>
      </c>
      <c r="P3867" s="52"/>
      <c r="Q3867" s="52"/>
      <c r="R3867" s="52"/>
      <c r="S3867" s="52"/>
      <c r="T3867" s="52"/>
      <c r="U3867" s="52"/>
      <c r="V3867" s="52"/>
      <c r="W3867" s="52"/>
    </row>
    <row r="3868" spans="1:23" hidden="1" x14ac:dyDescent="0.35">
      <c r="A3868" s="52" t="s">
        <v>78</v>
      </c>
      <c r="B3868" s="52" t="s">
        <v>79</v>
      </c>
      <c r="C3868" s="3">
        <v>10</v>
      </c>
      <c r="D3868" s="52" t="s">
        <v>2020</v>
      </c>
      <c r="E3868" s="52" t="s">
        <v>26</v>
      </c>
      <c r="F3868" s="52" t="s">
        <v>81</v>
      </c>
      <c r="G3868" s="52" t="s">
        <v>82</v>
      </c>
      <c r="H3868" s="4">
        <v>1</v>
      </c>
      <c r="I3868" s="2">
        <v>14.65</v>
      </c>
      <c r="J3868" s="52" t="s">
        <v>8249</v>
      </c>
      <c r="K3868" s="71" t="s">
        <v>9226</v>
      </c>
      <c r="L3868" s="52" t="s">
        <v>2095</v>
      </c>
      <c r="M3868" s="72">
        <v>4552</v>
      </c>
      <c r="N3868" s="52"/>
      <c r="O3868" s="52"/>
      <c r="P3868" s="52"/>
      <c r="Q3868" s="52"/>
      <c r="R3868" s="52"/>
      <c r="S3868" s="52"/>
      <c r="T3868" s="52"/>
      <c r="U3868" s="52"/>
      <c r="V3868" s="52"/>
      <c r="W3868" s="52"/>
    </row>
    <row r="3869" spans="1:23" hidden="1" x14ac:dyDescent="0.35">
      <c r="A3869" s="52" t="s">
        <v>78</v>
      </c>
      <c r="B3869" s="52" t="s">
        <v>79</v>
      </c>
      <c r="C3869" s="3">
        <v>20</v>
      </c>
      <c r="D3869" s="52" t="s">
        <v>84</v>
      </c>
      <c r="E3869" s="52" t="s">
        <v>26</v>
      </c>
      <c r="F3869" s="52" t="s">
        <v>81</v>
      </c>
      <c r="G3869" s="52" t="s">
        <v>82</v>
      </c>
      <c r="H3869" s="4">
        <v>1</v>
      </c>
      <c r="I3869" s="2">
        <v>14.65</v>
      </c>
      <c r="J3869" s="52" t="s">
        <v>9227</v>
      </c>
      <c r="K3869" s="71" t="s">
        <v>9228</v>
      </c>
      <c r="L3869" s="52" t="s">
        <v>2063</v>
      </c>
      <c r="M3869" s="72">
        <v>2980</v>
      </c>
      <c r="N3869" s="52" t="s">
        <v>2072</v>
      </c>
      <c r="O3869" s="52" t="s">
        <v>2073</v>
      </c>
      <c r="P3869" s="52"/>
      <c r="Q3869" s="52"/>
      <c r="R3869" s="52"/>
      <c r="S3869" s="52"/>
      <c r="T3869" s="52"/>
      <c r="U3869" s="52"/>
      <c r="V3869" s="52"/>
      <c r="W3869" s="52"/>
    </row>
    <row r="3870" spans="1:23" hidden="1" x14ac:dyDescent="0.35">
      <c r="A3870" s="52" t="s">
        <v>78</v>
      </c>
      <c r="B3870" s="52" t="s">
        <v>79</v>
      </c>
      <c r="C3870" s="3">
        <v>10</v>
      </c>
      <c r="D3870" s="52" t="s">
        <v>85</v>
      </c>
      <c r="E3870" s="52" t="s">
        <v>26</v>
      </c>
      <c r="F3870" s="52" t="s">
        <v>81</v>
      </c>
      <c r="G3870" s="52" t="s">
        <v>82</v>
      </c>
      <c r="H3870" s="4">
        <v>1</v>
      </c>
      <c r="I3870" s="2">
        <v>14.65</v>
      </c>
      <c r="J3870" s="52" t="s">
        <v>8926</v>
      </c>
      <c r="K3870" s="71" t="s">
        <v>9229</v>
      </c>
      <c r="L3870" s="52" t="s">
        <v>2063</v>
      </c>
      <c r="M3870" s="72">
        <v>57</v>
      </c>
      <c r="N3870" s="52" t="s">
        <v>2304</v>
      </c>
      <c r="O3870" s="52" t="s">
        <v>2305</v>
      </c>
      <c r="P3870" s="52"/>
      <c r="Q3870" s="52"/>
      <c r="R3870" s="52"/>
      <c r="S3870" s="52"/>
      <c r="T3870" s="52"/>
      <c r="U3870" s="52"/>
      <c r="V3870" s="52"/>
      <c r="W3870" s="52"/>
    </row>
    <row r="3871" spans="1:23" hidden="1" x14ac:dyDescent="0.35">
      <c r="A3871" s="52" t="s">
        <v>78</v>
      </c>
      <c r="B3871" s="52" t="s">
        <v>79</v>
      </c>
      <c r="C3871" s="3">
        <v>20</v>
      </c>
      <c r="D3871" s="52" t="s">
        <v>80</v>
      </c>
      <c r="E3871" s="52" t="s">
        <v>26</v>
      </c>
      <c r="F3871" s="52" t="s">
        <v>81</v>
      </c>
      <c r="G3871" s="52" t="s">
        <v>82</v>
      </c>
      <c r="H3871" s="4">
        <v>1</v>
      </c>
      <c r="I3871" s="2">
        <v>14.65</v>
      </c>
      <c r="J3871" s="52" t="s">
        <v>9230</v>
      </c>
      <c r="K3871" s="71" t="s">
        <v>9231</v>
      </c>
      <c r="L3871" s="52" t="s">
        <v>2063</v>
      </c>
      <c r="M3871" s="72">
        <v>7514</v>
      </c>
      <c r="N3871" s="52" t="s">
        <v>2072</v>
      </c>
      <c r="O3871" s="52" t="s">
        <v>2073</v>
      </c>
      <c r="P3871" s="52"/>
      <c r="Q3871" s="52"/>
      <c r="R3871" s="52"/>
      <c r="S3871" s="52"/>
      <c r="T3871" s="52"/>
      <c r="U3871" s="52"/>
      <c r="V3871" s="52"/>
      <c r="W3871" s="52"/>
    </row>
    <row r="3872" spans="1:23" hidden="1" x14ac:dyDescent="0.35">
      <c r="A3872" s="52" t="s">
        <v>78</v>
      </c>
      <c r="B3872" s="52" t="s">
        <v>79</v>
      </c>
      <c r="C3872" s="3">
        <v>20</v>
      </c>
      <c r="D3872" s="52" t="s">
        <v>2024</v>
      </c>
      <c r="E3872" s="52" t="s">
        <v>26</v>
      </c>
      <c r="F3872" s="52" t="s">
        <v>81</v>
      </c>
      <c r="G3872" s="52" t="s">
        <v>82</v>
      </c>
      <c r="H3872" s="4">
        <v>1</v>
      </c>
      <c r="I3872" s="2">
        <v>14.65</v>
      </c>
      <c r="J3872" s="52" t="s">
        <v>9232</v>
      </c>
      <c r="K3872" s="71" t="s">
        <v>9233</v>
      </c>
      <c r="L3872" s="52" t="s">
        <v>2063</v>
      </c>
      <c r="M3872" s="72">
        <v>7563</v>
      </c>
      <c r="N3872" s="52" t="s">
        <v>2304</v>
      </c>
      <c r="O3872" s="52" t="s">
        <v>2305</v>
      </c>
      <c r="P3872" s="52"/>
      <c r="Q3872" s="52"/>
      <c r="R3872" s="52"/>
      <c r="S3872" s="52"/>
      <c r="T3872" s="52"/>
      <c r="U3872" s="52"/>
      <c r="V3872" s="52"/>
      <c r="W3872" s="52"/>
    </row>
    <row r="3873" spans="1:23" hidden="1" x14ac:dyDescent="0.35">
      <c r="A3873" s="52" t="s">
        <v>78</v>
      </c>
      <c r="B3873" s="52" t="s">
        <v>79</v>
      </c>
      <c r="C3873" s="3">
        <v>10</v>
      </c>
      <c r="D3873" s="52" t="s">
        <v>2024</v>
      </c>
      <c r="E3873" s="52" t="s">
        <v>26</v>
      </c>
      <c r="F3873" s="52" t="s">
        <v>81</v>
      </c>
      <c r="G3873" s="52" t="s">
        <v>82</v>
      </c>
      <c r="H3873" s="4">
        <v>1</v>
      </c>
      <c r="I3873" s="2">
        <v>14.65</v>
      </c>
      <c r="J3873" s="52" t="s">
        <v>9234</v>
      </c>
      <c r="K3873" s="71" t="s">
        <v>9235</v>
      </c>
      <c r="L3873" s="52" t="s">
        <v>2063</v>
      </c>
      <c r="M3873" s="72">
        <v>9269</v>
      </c>
      <c r="N3873" s="52" t="s">
        <v>2304</v>
      </c>
      <c r="O3873" s="52" t="s">
        <v>2305</v>
      </c>
      <c r="P3873" s="52"/>
      <c r="Q3873" s="52"/>
      <c r="R3873" s="52"/>
      <c r="S3873" s="52"/>
      <c r="T3873" s="52"/>
      <c r="U3873" s="52"/>
      <c r="V3873" s="52"/>
      <c r="W3873" s="52"/>
    </row>
    <row r="3874" spans="1:23" x14ac:dyDescent="0.35">
      <c r="A3874" s="52" t="s">
        <v>78</v>
      </c>
      <c r="B3874" s="52" t="s">
        <v>79</v>
      </c>
      <c r="C3874" s="3">
        <v>10</v>
      </c>
      <c r="D3874" s="52" t="s">
        <v>2021</v>
      </c>
      <c r="E3874" s="52" t="s">
        <v>26</v>
      </c>
      <c r="F3874" s="52" t="s">
        <v>81</v>
      </c>
      <c r="G3874" s="52" t="s">
        <v>82</v>
      </c>
      <c r="H3874" s="4">
        <v>1</v>
      </c>
      <c r="I3874" s="2">
        <v>14.65</v>
      </c>
      <c r="J3874" s="52" t="s">
        <v>9236</v>
      </c>
      <c r="K3874" s="71" t="s">
        <v>9237</v>
      </c>
      <c r="L3874" s="52" t="s">
        <v>2063</v>
      </c>
      <c r="M3874" s="72">
        <v>2626</v>
      </c>
      <c r="N3874" s="52" t="s">
        <v>2259</v>
      </c>
      <c r="O3874" s="52" t="s">
        <v>2260</v>
      </c>
      <c r="P3874" s="52"/>
      <c r="Q3874" s="52"/>
      <c r="R3874" s="52"/>
      <c r="S3874" s="52"/>
      <c r="T3874" s="52"/>
      <c r="U3874" s="52"/>
      <c r="V3874" s="52"/>
      <c r="W3874" s="52"/>
    </row>
    <row r="3875" spans="1:23" hidden="1" x14ac:dyDescent="0.35">
      <c r="A3875" s="52" t="s">
        <v>78</v>
      </c>
      <c r="B3875" s="52" t="s">
        <v>79</v>
      </c>
      <c r="C3875" s="3">
        <v>10</v>
      </c>
      <c r="D3875" s="52" t="s">
        <v>83</v>
      </c>
      <c r="E3875" s="52" t="s">
        <v>26</v>
      </c>
      <c r="F3875" s="52" t="s">
        <v>81</v>
      </c>
      <c r="G3875" s="52" t="s">
        <v>82</v>
      </c>
      <c r="H3875" s="4">
        <v>1</v>
      </c>
      <c r="I3875" s="2">
        <v>14.65</v>
      </c>
      <c r="J3875" s="52" t="s">
        <v>8681</v>
      </c>
      <c r="K3875" s="71" t="s">
        <v>9238</v>
      </c>
      <c r="L3875" s="52" t="s">
        <v>2063</v>
      </c>
      <c r="M3875" s="72">
        <v>538</v>
      </c>
      <c r="N3875" s="52" t="s">
        <v>2072</v>
      </c>
      <c r="O3875" s="52" t="s">
        <v>2073</v>
      </c>
      <c r="P3875" s="52" t="s">
        <v>2072</v>
      </c>
      <c r="Q3875" s="52" t="s">
        <v>2073</v>
      </c>
      <c r="R3875" s="52"/>
      <c r="S3875" s="52"/>
      <c r="T3875" s="52"/>
      <c r="U3875" s="52"/>
      <c r="V3875" s="52"/>
      <c r="W3875" s="52"/>
    </row>
    <row r="3876" spans="1:23" hidden="1" x14ac:dyDescent="0.35">
      <c r="A3876" s="52" t="s">
        <v>78</v>
      </c>
      <c r="B3876" s="52" t="s">
        <v>79</v>
      </c>
      <c r="C3876" s="3">
        <v>10</v>
      </c>
      <c r="D3876" s="52" t="s">
        <v>2020</v>
      </c>
      <c r="E3876" s="52" t="s">
        <v>26</v>
      </c>
      <c r="F3876" s="52" t="s">
        <v>81</v>
      </c>
      <c r="G3876" s="52" t="s">
        <v>82</v>
      </c>
      <c r="H3876" s="4">
        <v>1</v>
      </c>
      <c r="I3876" s="2">
        <v>14.65</v>
      </c>
      <c r="J3876" s="52" t="s">
        <v>9239</v>
      </c>
      <c r="K3876" s="71" t="s">
        <v>9240</v>
      </c>
      <c r="L3876" s="52" t="s">
        <v>2063</v>
      </c>
      <c r="M3876" s="72">
        <v>1988</v>
      </c>
      <c r="N3876" s="52" t="s">
        <v>2158</v>
      </c>
      <c r="O3876" s="52" t="s">
        <v>2159</v>
      </c>
      <c r="P3876" s="52"/>
      <c r="Q3876" s="52"/>
      <c r="R3876" s="52"/>
      <c r="S3876" s="52"/>
      <c r="T3876" s="52"/>
      <c r="U3876" s="52"/>
      <c r="V3876" s="52"/>
      <c r="W3876" s="52"/>
    </row>
    <row r="3877" spans="1:23" hidden="1" x14ac:dyDescent="0.35">
      <c r="A3877" s="52" t="s">
        <v>78</v>
      </c>
      <c r="B3877" s="52" t="s">
        <v>79</v>
      </c>
      <c r="C3877" s="3">
        <v>10</v>
      </c>
      <c r="D3877" s="52" t="s">
        <v>86</v>
      </c>
      <c r="E3877" s="52" t="s">
        <v>26</v>
      </c>
      <c r="F3877" s="52" t="s">
        <v>81</v>
      </c>
      <c r="G3877" s="52" t="s">
        <v>82</v>
      </c>
      <c r="H3877" s="4">
        <v>1</v>
      </c>
      <c r="I3877" s="2">
        <v>14.65</v>
      </c>
      <c r="J3877" s="52" t="s">
        <v>9241</v>
      </c>
      <c r="K3877" s="71" t="s">
        <v>9242</v>
      </c>
      <c r="L3877" s="52" t="s">
        <v>2063</v>
      </c>
      <c r="M3877" s="72">
        <v>3652</v>
      </c>
      <c r="N3877" s="52"/>
      <c r="O3877" s="52"/>
      <c r="P3877" s="52"/>
      <c r="Q3877" s="52"/>
      <c r="R3877" s="52"/>
      <c r="S3877" s="52"/>
      <c r="T3877" s="52"/>
      <c r="U3877" s="52"/>
      <c r="V3877" s="52"/>
      <c r="W3877" s="52"/>
    </row>
    <row r="3878" spans="1:23" x14ac:dyDescent="0.35">
      <c r="A3878" s="52" t="s">
        <v>78</v>
      </c>
      <c r="B3878" s="52" t="s">
        <v>79</v>
      </c>
      <c r="C3878" s="3">
        <v>20</v>
      </c>
      <c r="D3878" s="52" t="s">
        <v>2021</v>
      </c>
      <c r="E3878" s="52" t="s">
        <v>26</v>
      </c>
      <c r="F3878" s="52" t="s">
        <v>81</v>
      </c>
      <c r="G3878" s="52" t="s">
        <v>82</v>
      </c>
      <c r="H3878" s="4">
        <v>1</v>
      </c>
      <c r="I3878" s="2">
        <v>14.65</v>
      </c>
      <c r="J3878" s="52" t="s">
        <v>9243</v>
      </c>
      <c r="K3878" s="71" t="s">
        <v>9244</v>
      </c>
      <c r="L3878" s="52" t="s">
        <v>2063</v>
      </c>
      <c r="M3878" s="72">
        <v>2832</v>
      </c>
      <c r="N3878" s="52" t="s">
        <v>2076</v>
      </c>
      <c r="O3878" s="52" t="s">
        <v>2077</v>
      </c>
      <c r="P3878" s="52" t="s">
        <v>2076</v>
      </c>
      <c r="Q3878" s="52" t="s">
        <v>2077</v>
      </c>
      <c r="R3878" s="52"/>
      <c r="S3878" s="52"/>
      <c r="T3878" s="52"/>
      <c r="U3878" s="52"/>
      <c r="V3878" s="52"/>
      <c r="W3878" s="52"/>
    </row>
    <row r="3879" spans="1:23" x14ac:dyDescent="0.35">
      <c r="A3879" s="52" t="s">
        <v>78</v>
      </c>
      <c r="B3879" s="52" t="s">
        <v>79</v>
      </c>
      <c r="C3879" s="3">
        <v>211</v>
      </c>
      <c r="D3879" s="52" t="s">
        <v>2023</v>
      </c>
      <c r="E3879" s="52" t="s">
        <v>26</v>
      </c>
      <c r="F3879" s="52" t="s">
        <v>81</v>
      </c>
      <c r="G3879" s="52" t="s">
        <v>82</v>
      </c>
      <c r="H3879" s="4">
        <v>1</v>
      </c>
      <c r="I3879" s="2">
        <v>14.65</v>
      </c>
      <c r="J3879" s="52" t="s">
        <v>9245</v>
      </c>
      <c r="K3879" s="71" t="s">
        <v>9246</v>
      </c>
      <c r="L3879" s="52" t="s">
        <v>2063</v>
      </c>
      <c r="M3879" s="72">
        <v>2904</v>
      </c>
      <c r="N3879" s="52" t="s">
        <v>2076</v>
      </c>
      <c r="O3879" s="52" t="s">
        <v>2077</v>
      </c>
      <c r="P3879" s="52"/>
      <c r="Q3879" s="52"/>
      <c r="R3879" s="52"/>
      <c r="S3879" s="52"/>
      <c r="T3879" s="52"/>
      <c r="U3879" s="52"/>
      <c r="V3879" s="52"/>
      <c r="W3879" s="52"/>
    </row>
    <row r="3880" spans="1:23" hidden="1" x14ac:dyDescent="0.35">
      <c r="A3880" s="52" t="s">
        <v>78</v>
      </c>
      <c r="B3880" s="52" t="s">
        <v>79</v>
      </c>
      <c r="C3880" s="3">
        <v>20</v>
      </c>
      <c r="D3880" s="52" t="s">
        <v>83</v>
      </c>
      <c r="E3880" s="52" t="s">
        <v>26</v>
      </c>
      <c r="F3880" s="52" t="s">
        <v>81</v>
      </c>
      <c r="G3880" s="52" t="s">
        <v>82</v>
      </c>
      <c r="H3880" s="4">
        <v>1</v>
      </c>
      <c r="I3880" s="2">
        <v>14.65</v>
      </c>
      <c r="J3880" s="52" t="s">
        <v>9247</v>
      </c>
      <c r="K3880" s="71" t="s">
        <v>9248</v>
      </c>
      <c r="L3880" s="52" t="s">
        <v>2063</v>
      </c>
      <c r="M3880" s="72">
        <v>5691</v>
      </c>
      <c r="N3880" s="52" t="s">
        <v>2072</v>
      </c>
      <c r="O3880" s="52" t="s">
        <v>2073</v>
      </c>
      <c r="P3880" s="52"/>
      <c r="Q3880" s="52"/>
      <c r="R3880" s="52"/>
      <c r="S3880" s="52"/>
      <c r="T3880" s="52"/>
      <c r="U3880" s="52"/>
      <c r="V3880" s="52"/>
      <c r="W3880" s="52"/>
    </row>
    <row r="3881" spans="1:23" hidden="1" x14ac:dyDescent="0.35">
      <c r="A3881" s="52" t="s">
        <v>78</v>
      </c>
      <c r="B3881" s="52" t="s">
        <v>79</v>
      </c>
      <c r="C3881" s="3">
        <v>20</v>
      </c>
      <c r="D3881" s="52" t="s">
        <v>80</v>
      </c>
      <c r="E3881" s="52" t="s">
        <v>26</v>
      </c>
      <c r="F3881" s="52" t="s">
        <v>81</v>
      </c>
      <c r="G3881" s="52" t="s">
        <v>82</v>
      </c>
      <c r="H3881" s="4">
        <v>1</v>
      </c>
      <c r="I3881" s="2">
        <v>14.65</v>
      </c>
      <c r="J3881" s="52" t="s">
        <v>8387</v>
      </c>
      <c r="K3881" s="71" t="s">
        <v>9249</v>
      </c>
      <c r="L3881" s="52" t="s">
        <v>2063</v>
      </c>
      <c r="M3881" s="72">
        <v>3015</v>
      </c>
      <c r="N3881" s="52"/>
      <c r="O3881" s="52"/>
      <c r="P3881" s="52"/>
      <c r="Q3881" s="52"/>
      <c r="R3881" s="52"/>
      <c r="S3881" s="52"/>
      <c r="T3881" s="52"/>
      <c r="U3881" s="52"/>
      <c r="V3881" s="52"/>
      <c r="W3881" s="52"/>
    </row>
    <row r="3882" spans="1:23" hidden="1" x14ac:dyDescent="0.35">
      <c r="A3882" s="52" t="s">
        <v>78</v>
      </c>
      <c r="B3882" s="52" t="s">
        <v>79</v>
      </c>
      <c r="C3882" s="3">
        <v>20</v>
      </c>
      <c r="D3882" s="52" t="s">
        <v>87</v>
      </c>
      <c r="E3882" s="52" t="s">
        <v>26</v>
      </c>
      <c r="F3882" s="52" t="s">
        <v>81</v>
      </c>
      <c r="G3882" s="52" t="s">
        <v>82</v>
      </c>
      <c r="H3882" s="4">
        <v>1</v>
      </c>
      <c r="I3882" s="2">
        <v>14.65</v>
      </c>
      <c r="J3882" s="52" t="s">
        <v>9250</v>
      </c>
      <c r="K3882" s="71" t="s">
        <v>9251</v>
      </c>
      <c r="L3882" s="52" t="s">
        <v>2063</v>
      </c>
      <c r="M3882" s="72">
        <v>2874</v>
      </c>
      <c r="N3882" s="52" t="s">
        <v>2066</v>
      </c>
      <c r="O3882" s="52" t="s">
        <v>2067</v>
      </c>
      <c r="P3882" s="52"/>
      <c r="Q3882" s="52"/>
      <c r="R3882" s="52"/>
      <c r="S3882" s="52"/>
      <c r="T3882" s="52"/>
      <c r="U3882" s="52"/>
      <c r="V3882" s="52"/>
      <c r="W3882" s="52"/>
    </row>
    <row r="3883" spans="1:23" hidden="1" x14ac:dyDescent="0.35">
      <c r="A3883" s="52" t="s">
        <v>78</v>
      </c>
      <c r="B3883" s="52" t="s">
        <v>79</v>
      </c>
      <c r="C3883" s="3">
        <v>20</v>
      </c>
      <c r="D3883" s="52" t="s">
        <v>2021</v>
      </c>
      <c r="E3883" s="52" t="s">
        <v>26</v>
      </c>
      <c r="F3883" s="52" t="s">
        <v>81</v>
      </c>
      <c r="G3883" s="52" t="s">
        <v>82</v>
      </c>
      <c r="H3883" s="4">
        <v>1</v>
      </c>
      <c r="I3883" s="2">
        <v>14.65</v>
      </c>
      <c r="J3883" s="52" t="s">
        <v>9252</v>
      </c>
      <c r="K3883" s="71" t="s">
        <v>9253</v>
      </c>
      <c r="L3883" s="52" t="s">
        <v>2063</v>
      </c>
      <c r="M3883" s="72">
        <v>744</v>
      </c>
      <c r="N3883" s="52" t="s">
        <v>2072</v>
      </c>
      <c r="O3883" s="52" t="s">
        <v>2073</v>
      </c>
      <c r="P3883" s="52"/>
      <c r="Q3883" s="52"/>
      <c r="R3883" s="52"/>
      <c r="S3883" s="52"/>
      <c r="T3883" s="52"/>
      <c r="U3883" s="52"/>
      <c r="V3883" s="52"/>
      <c r="W3883" s="52"/>
    </row>
    <row r="3884" spans="1:23" hidden="1" x14ac:dyDescent="0.35">
      <c r="A3884" s="52" t="s">
        <v>78</v>
      </c>
      <c r="B3884" s="52" t="s">
        <v>79</v>
      </c>
      <c r="C3884" s="3">
        <v>10</v>
      </c>
      <c r="D3884" s="52" t="s">
        <v>84</v>
      </c>
      <c r="E3884" s="52" t="s">
        <v>26</v>
      </c>
      <c r="F3884" s="52" t="s">
        <v>81</v>
      </c>
      <c r="G3884" s="52" t="s">
        <v>82</v>
      </c>
      <c r="H3884" s="4">
        <v>1</v>
      </c>
      <c r="I3884" s="2">
        <v>14.65</v>
      </c>
      <c r="J3884" s="52" t="s">
        <v>9254</v>
      </c>
      <c r="K3884" s="71" t="s">
        <v>9255</v>
      </c>
      <c r="L3884" s="52" t="s">
        <v>2063</v>
      </c>
      <c r="M3884" s="72">
        <v>3134</v>
      </c>
      <c r="N3884" s="52" t="s">
        <v>2072</v>
      </c>
      <c r="O3884" s="52" t="s">
        <v>2073</v>
      </c>
      <c r="P3884" s="52"/>
      <c r="Q3884" s="52"/>
      <c r="R3884" s="52"/>
      <c r="S3884" s="52"/>
      <c r="T3884" s="52"/>
      <c r="U3884" s="52"/>
      <c r="V3884" s="52"/>
      <c r="W3884" s="52"/>
    </row>
    <row r="3885" spans="1:23" hidden="1" x14ac:dyDescent="0.35">
      <c r="A3885" s="52" t="s">
        <v>78</v>
      </c>
      <c r="B3885" s="52" t="s">
        <v>79</v>
      </c>
      <c r="C3885" s="3">
        <v>20</v>
      </c>
      <c r="D3885" s="52" t="s">
        <v>2022</v>
      </c>
      <c r="E3885" s="52" t="s">
        <v>26</v>
      </c>
      <c r="F3885" s="52" t="s">
        <v>81</v>
      </c>
      <c r="G3885" s="52" t="s">
        <v>82</v>
      </c>
      <c r="H3885" s="4">
        <v>1</v>
      </c>
      <c r="I3885" s="2">
        <v>14.65</v>
      </c>
      <c r="J3885" s="52" t="s">
        <v>9256</v>
      </c>
      <c r="K3885" s="71" t="s">
        <v>9257</v>
      </c>
      <c r="L3885" s="52" t="s">
        <v>2063</v>
      </c>
      <c r="M3885" s="72">
        <v>7410</v>
      </c>
      <c r="N3885" s="52" t="s">
        <v>2072</v>
      </c>
      <c r="O3885" s="52" t="s">
        <v>2073</v>
      </c>
      <c r="P3885" s="52"/>
      <c r="Q3885" s="52"/>
      <c r="R3885" s="52"/>
      <c r="S3885" s="52"/>
      <c r="T3885" s="52"/>
      <c r="U3885" s="52"/>
      <c r="V3885" s="52"/>
      <c r="W3885" s="52"/>
    </row>
    <row r="3886" spans="1:23" hidden="1" x14ac:dyDescent="0.35">
      <c r="A3886" s="52" t="s">
        <v>78</v>
      </c>
      <c r="B3886" s="52" t="s">
        <v>79</v>
      </c>
      <c r="C3886" s="3">
        <v>20</v>
      </c>
      <c r="D3886" s="52" t="s">
        <v>84</v>
      </c>
      <c r="E3886" s="52" t="s">
        <v>26</v>
      </c>
      <c r="F3886" s="52" t="s">
        <v>81</v>
      </c>
      <c r="G3886" s="52" t="s">
        <v>82</v>
      </c>
      <c r="H3886" s="4">
        <v>1</v>
      </c>
      <c r="I3886" s="2">
        <v>14.65</v>
      </c>
      <c r="J3886" s="52" t="s">
        <v>9258</v>
      </c>
      <c r="K3886" s="71" t="s">
        <v>9259</v>
      </c>
      <c r="L3886" s="52" t="s">
        <v>2063</v>
      </c>
      <c r="M3886" s="72">
        <v>5185</v>
      </c>
      <c r="N3886" s="52"/>
      <c r="O3886" s="52"/>
      <c r="P3886" s="52"/>
      <c r="Q3886" s="52"/>
      <c r="R3886" s="52"/>
      <c r="S3886" s="52"/>
      <c r="T3886" s="52"/>
      <c r="U3886" s="52"/>
      <c r="V3886" s="52"/>
      <c r="W3886" s="52"/>
    </row>
    <row r="3887" spans="1:23" hidden="1" x14ac:dyDescent="0.35">
      <c r="A3887" s="52" t="s">
        <v>78</v>
      </c>
      <c r="B3887" s="52" t="s">
        <v>79</v>
      </c>
      <c r="C3887" s="3">
        <v>10</v>
      </c>
      <c r="D3887" s="52" t="s">
        <v>85</v>
      </c>
      <c r="E3887" s="52" t="s">
        <v>26</v>
      </c>
      <c r="F3887" s="52" t="s">
        <v>81</v>
      </c>
      <c r="G3887" s="52" t="s">
        <v>82</v>
      </c>
      <c r="H3887" s="4">
        <v>1</v>
      </c>
      <c r="I3887" s="2">
        <v>14.65</v>
      </c>
      <c r="J3887" s="52" t="s">
        <v>8901</v>
      </c>
      <c r="K3887" s="71" t="s">
        <v>9260</v>
      </c>
      <c r="L3887" s="52" t="s">
        <v>2063</v>
      </c>
      <c r="M3887" s="72">
        <v>8056</v>
      </c>
      <c r="N3887" s="52" t="s">
        <v>2066</v>
      </c>
      <c r="O3887" s="52" t="s">
        <v>2067</v>
      </c>
      <c r="P3887" s="52"/>
      <c r="Q3887" s="52"/>
      <c r="R3887" s="52"/>
      <c r="S3887" s="52"/>
      <c r="T3887" s="52"/>
      <c r="U3887" s="52"/>
      <c r="V3887" s="52"/>
      <c r="W3887" s="52"/>
    </row>
    <row r="3888" spans="1:23" hidden="1" x14ac:dyDescent="0.35">
      <c r="A3888" s="52" t="s">
        <v>78</v>
      </c>
      <c r="B3888" s="52" t="s">
        <v>79</v>
      </c>
      <c r="C3888" s="3">
        <v>20</v>
      </c>
      <c r="D3888" s="52" t="s">
        <v>2022</v>
      </c>
      <c r="E3888" s="52" t="s">
        <v>26</v>
      </c>
      <c r="F3888" s="52" t="s">
        <v>81</v>
      </c>
      <c r="G3888" s="52" t="s">
        <v>82</v>
      </c>
      <c r="H3888" s="4">
        <v>1</v>
      </c>
      <c r="I3888" s="2">
        <v>14.65</v>
      </c>
      <c r="J3888" s="52" t="s">
        <v>9261</v>
      </c>
      <c r="K3888" s="71" t="s">
        <v>9262</v>
      </c>
      <c r="L3888" s="52" t="s">
        <v>2063</v>
      </c>
      <c r="M3888" s="72">
        <v>1550</v>
      </c>
      <c r="N3888" s="52" t="s">
        <v>2158</v>
      </c>
      <c r="O3888" s="52" t="s">
        <v>2159</v>
      </c>
      <c r="P3888" s="52"/>
      <c r="Q3888" s="52"/>
      <c r="R3888" s="52"/>
      <c r="S3888" s="52"/>
      <c r="T3888" s="52"/>
      <c r="U3888" s="52"/>
      <c r="V3888" s="52"/>
      <c r="W3888" s="52"/>
    </row>
    <row r="3889" spans="1:23" hidden="1" x14ac:dyDescent="0.35">
      <c r="A3889" s="52" t="s">
        <v>78</v>
      </c>
      <c r="B3889" s="52" t="s">
        <v>79</v>
      </c>
      <c r="C3889" s="3">
        <v>20</v>
      </c>
      <c r="D3889" s="52" t="s">
        <v>86</v>
      </c>
      <c r="E3889" s="52" t="s">
        <v>26</v>
      </c>
      <c r="F3889" s="52" t="s">
        <v>81</v>
      </c>
      <c r="G3889" s="52" t="s">
        <v>82</v>
      </c>
      <c r="H3889" s="4">
        <v>1</v>
      </c>
      <c r="I3889" s="2">
        <v>14.65</v>
      </c>
      <c r="J3889" s="52" t="s">
        <v>9263</v>
      </c>
      <c r="K3889" s="71" t="s">
        <v>9264</v>
      </c>
      <c r="L3889" s="52" t="s">
        <v>2063</v>
      </c>
      <c r="M3889" s="72">
        <v>5849</v>
      </c>
      <c r="N3889" s="52"/>
      <c r="O3889" s="52"/>
      <c r="P3889" s="52"/>
      <c r="Q3889" s="52"/>
      <c r="R3889" s="52"/>
      <c r="S3889" s="52"/>
      <c r="T3889" s="52"/>
      <c r="U3889" s="52"/>
      <c r="V3889" s="52"/>
      <c r="W3889" s="52"/>
    </row>
    <row r="3890" spans="1:23" x14ac:dyDescent="0.35">
      <c r="A3890" s="52" t="s">
        <v>78</v>
      </c>
      <c r="B3890" s="52" t="s">
        <v>79</v>
      </c>
      <c r="C3890" s="3">
        <v>20</v>
      </c>
      <c r="D3890" s="52" t="s">
        <v>2019</v>
      </c>
      <c r="E3890" s="52" t="s">
        <v>26</v>
      </c>
      <c r="F3890" s="52" t="s">
        <v>81</v>
      </c>
      <c r="G3890" s="52" t="s">
        <v>82</v>
      </c>
      <c r="H3890" s="4">
        <v>1</v>
      </c>
      <c r="I3890" s="2">
        <v>14.65</v>
      </c>
      <c r="J3890" s="52" t="s">
        <v>9265</v>
      </c>
      <c r="K3890" s="71" t="s">
        <v>9266</v>
      </c>
      <c r="L3890" s="52" t="s">
        <v>2063</v>
      </c>
      <c r="M3890" s="72">
        <v>7775</v>
      </c>
      <c r="N3890" s="52" t="s">
        <v>2259</v>
      </c>
      <c r="O3890" s="52" t="s">
        <v>2260</v>
      </c>
      <c r="P3890" s="52"/>
      <c r="Q3890" s="52"/>
      <c r="R3890" s="52"/>
      <c r="S3890" s="52"/>
      <c r="T3890" s="52"/>
      <c r="U3890" s="52"/>
      <c r="V3890" s="52"/>
      <c r="W3890" s="52"/>
    </row>
    <row r="3891" spans="1:23" hidden="1" x14ac:dyDescent="0.35">
      <c r="A3891" s="52" t="s">
        <v>78</v>
      </c>
      <c r="B3891" s="52" t="s">
        <v>79</v>
      </c>
      <c r="C3891" s="3">
        <v>211</v>
      </c>
      <c r="D3891" s="52" t="s">
        <v>80</v>
      </c>
      <c r="E3891" s="52" t="s">
        <v>26</v>
      </c>
      <c r="F3891" s="52" t="s">
        <v>81</v>
      </c>
      <c r="G3891" s="52" t="s">
        <v>82</v>
      </c>
      <c r="H3891" s="4">
        <v>1</v>
      </c>
      <c r="I3891" s="2">
        <v>14.65</v>
      </c>
      <c r="J3891" s="52" t="s">
        <v>9267</v>
      </c>
      <c r="K3891" s="71" t="s">
        <v>9268</v>
      </c>
      <c r="L3891" s="52" t="s">
        <v>2063</v>
      </c>
      <c r="M3891" s="72">
        <v>4337</v>
      </c>
      <c r="N3891" s="52" t="s">
        <v>2066</v>
      </c>
      <c r="O3891" s="52" t="s">
        <v>2067</v>
      </c>
      <c r="P3891" s="52"/>
      <c r="Q3891" s="52"/>
      <c r="R3891" s="52"/>
      <c r="S3891" s="52"/>
      <c r="T3891" s="52"/>
      <c r="U3891" s="52"/>
      <c r="V3891" s="52"/>
      <c r="W3891" s="52"/>
    </row>
    <row r="3892" spans="1:23" hidden="1" x14ac:dyDescent="0.35">
      <c r="A3892" s="52" t="s">
        <v>78</v>
      </c>
      <c r="B3892" s="52" t="s">
        <v>79</v>
      </c>
      <c r="C3892" s="3">
        <v>20</v>
      </c>
      <c r="D3892" s="52" t="s">
        <v>85</v>
      </c>
      <c r="E3892" s="52" t="s">
        <v>26</v>
      </c>
      <c r="F3892" s="52" t="s">
        <v>81</v>
      </c>
      <c r="G3892" s="52" t="s">
        <v>82</v>
      </c>
      <c r="H3892" s="4">
        <v>1</v>
      </c>
      <c r="I3892" s="2">
        <v>14.65</v>
      </c>
      <c r="J3892" s="52" t="s">
        <v>9269</v>
      </c>
      <c r="K3892" s="71" t="s">
        <v>9270</v>
      </c>
      <c r="L3892" s="52" t="s">
        <v>2063</v>
      </c>
      <c r="M3892" s="72">
        <v>1678</v>
      </c>
      <c r="N3892" s="52" t="s">
        <v>2072</v>
      </c>
      <c r="O3892" s="52" t="s">
        <v>2073</v>
      </c>
      <c r="P3892" s="52"/>
      <c r="Q3892" s="52"/>
      <c r="R3892" s="52"/>
      <c r="S3892" s="52"/>
      <c r="T3892" s="52"/>
      <c r="U3892" s="52"/>
      <c r="V3892" s="52"/>
      <c r="W3892" s="52"/>
    </row>
    <row r="3893" spans="1:23" hidden="1" x14ac:dyDescent="0.35">
      <c r="A3893" s="52" t="s">
        <v>78</v>
      </c>
      <c r="B3893" s="52" t="s">
        <v>79</v>
      </c>
      <c r="C3893" s="3">
        <v>20</v>
      </c>
      <c r="D3893" s="52" t="s">
        <v>2022</v>
      </c>
      <c r="E3893" s="52" t="s">
        <v>26</v>
      </c>
      <c r="F3893" s="52" t="s">
        <v>81</v>
      </c>
      <c r="G3893" s="52" t="s">
        <v>82</v>
      </c>
      <c r="H3893" s="4">
        <v>1</v>
      </c>
      <c r="I3893" s="2">
        <v>14.65</v>
      </c>
      <c r="J3893" s="52" t="s">
        <v>9271</v>
      </c>
      <c r="K3893" s="71" t="s">
        <v>9272</v>
      </c>
      <c r="L3893" s="52" t="s">
        <v>2063</v>
      </c>
      <c r="M3893" s="72">
        <v>4307</v>
      </c>
      <c r="N3893" s="52" t="s">
        <v>2158</v>
      </c>
      <c r="O3893" s="52" t="s">
        <v>2159</v>
      </c>
      <c r="P3893" s="52"/>
      <c r="Q3893" s="52"/>
      <c r="R3893" s="52"/>
      <c r="S3893" s="52"/>
      <c r="T3893" s="52"/>
      <c r="U3893" s="52"/>
      <c r="V3893" s="52"/>
      <c r="W3893" s="52"/>
    </row>
    <row r="3894" spans="1:23" hidden="1" x14ac:dyDescent="0.35">
      <c r="A3894" s="52" t="s">
        <v>78</v>
      </c>
      <c r="B3894" s="52" t="s">
        <v>79</v>
      </c>
      <c r="C3894" s="3">
        <v>20</v>
      </c>
      <c r="D3894" s="52" t="s">
        <v>2019</v>
      </c>
      <c r="E3894" s="52" t="s">
        <v>26</v>
      </c>
      <c r="F3894" s="52" t="s">
        <v>81</v>
      </c>
      <c r="G3894" s="52" t="s">
        <v>82</v>
      </c>
      <c r="H3894" s="4">
        <v>1</v>
      </c>
      <c r="I3894" s="2">
        <v>14.65</v>
      </c>
      <c r="J3894" s="52" t="s">
        <v>9273</v>
      </c>
      <c r="K3894" s="71" t="s">
        <v>9274</v>
      </c>
      <c r="L3894" s="52" t="s">
        <v>2063</v>
      </c>
      <c r="M3894" s="72">
        <v>4352</v>
      </c>
      <c r="N3894" s="52"/>
      <c r="O3894" s="52"/>
      <c r="P3894" s="52"/>
      <c r="Q3894" s="52"/>
      <c r="R3894" s="52"/>
      <c r="S3894" s="52"/>
      <c r="T3894" s="52"/>
      <c r="U3894" s="52"/>
      <c r="V3894" s="52"/>
      <c r="W3894" s="52"/>
    </row>
    <row r="3895" spans="1:23" hidden="1" x14ac:dyDescent="0.35">
      <c r="A3895" s="52" t="s">
        <v>78</v>
      </c>
      <c r="B3895" s="52" t="s">
        <v>79</v>
      </c>
      <c r="C3895" s="3">
        <v>20</v>
      </c>
      <c r="D3895" s="52" t="s">
        <v>83</v>
      </c>
      <c r="E3895" s="52" t="s">
        <v>26</v>
      </c>
      <c r="F3895" s="52" t="s">
        <v>81</v>
      </c>
      <c r="G3895" s="52" t="s">
        <v>82</v>
      </c>
      <c r="H3895" s="4">
        <v>1</v>
      </c>
      <c r="I3895" s="2">
        <v>14.65</v>
      </c>
      <c r="J3895" s="52" t="s">
        <v>9275</v>
      </c>
      <c r="K3895" s="71" t="s">
        <v>9276</v>
      </c>
      <c r="L3895" s="52" t="s">
        <v>2095</v>
      </c>
      <c r="M3895" s="72">
        <v>9096</v>
      </c>
      <c r="N3895" s="52" t="s">
        <v>2066</v>
      </c>
      <c r="O3895" s="52" t="s">
        <v>2067</v>
      </c>
      <c r="P3895" s="52"/>
      <c r="Q3895" s="52"/>
      <c r="R3895" s="52"/>
      <c r="S3895" s="52"/>
      <c r="T3895" s="52"/>
      <c r="U3895" s="52"/>
      <c r="V3895" s="52"/>
      <c r="W3895" s="52"/>
    </row>
    <row r="3896" spans="1:23" hidden="1" x14ac:dyDescent="0.35">
      <c r="A3896" s="52" t="s">
        <v>78</v>
      </c>
      <c r="B3896" s="52" t="s">
        <v>79</v>
      </c>
      <c r="C3896" s="3">
        <v>211</v>
      </c>
      <c r="D3896" s="52" t="s">
        <v>86</v>
      </c>
      <c r="E3896" s="52" t="s">
        <v>26</v>
      </c>
      <c r="F3896" s="52" t="s">
        <v>81</v>
      </c>
      <c r="G3896" s="52" t="s">
        <v>82</v>
      </c>
      <c r="H3896" s="4">
        <v>1</v>
      </c>
      <c r="I3896" s="2">
        <v>14.65</v>
      </c>
      <c r="J3896" s="52" t="s">
        <v>8434</v>
      </c>
      <c r="K3896" s="71" t="s">
        <v>9277</v>
      </c>
      <c r="L3896" s="52" t="s">
        <v>2063</v>
      </c>
      <c r="M3896" s="72">
        <v>602</v>
      </c>
      <c r="N3896" s="52" t="s">
        <v>2066</v>
      </c>
      <c r="O3896" s="52" t="s">
        <v>2067</v>
      </c>
      <c r="P3896" s="52"/>
      <c r="Q3896" s="52"/>
      <c r="R3896" s="52"/>
      <c r="S3896" s="52"/>
      <c r="T3896" s="52"/>
      <c r="U3896" s="52"/>
      <c r="V3896" s="52"/>
      <c r="W3896" s="52"/>
    </row>
    <row r="3897" spans="1:23" hidden="1" x14ac:dyDescent="0.35">
      <c r="A3897" s="52" t="s">
        <v>78</v>
      </c>
      <c r="B3897" s="52" t="s">
        <v>79</v>
      </c>
      <c r="C3897" s="3">
        <v>20</v>
      </c>
      <c r="D3897" s="52" t="s">
        <v>86</v>
      </c>
      <c r="E3897" s="52" t="s">
        <v>26</v>
      </c>
      <c r="F3897" s="52" t="s">
        <v>81</v>
      </c>
      <c r="G3897" s="52" t="s">
        <v>82</v>
      </c>
      <c r="H3897" s="4">
        <v>1</v>
      </c>
      <c r="I3897" s="2">
        <v>14.65</v>
      </c>
      <c r="J3897" s="52" t="s">
        <v>9278</v>
      </c>
      <c r="K3897" s="71" t="s">
        <v>9279</v>
      </c>
      <c r="L3897" s="52" t="s">
        <v>2063</v>
      </c>
      <c r="M3897" s="72">
        <v>5536</v>
      </c>
      <c r="N3897" s="52"/>
      <c r="O3897" s="52"/>
      <c r="P3897" s="52"/>
      <c r="Q3897" s="52"/>
      <c r="R3897" s="52"/>
      <c r="S3897" s="52"/>
      <c r="T3897" s="52"/>
      <c r="U3897" s="52"/>
      <c r="V3897" s="52"/>
      <c r="W3897" s="52"/>
    </row>
    <row r="3898" spans="1:23" x14ac:dyDescent="0.35">
      <c r="A3898" s="52" t="s">
        <v>78</v>
      </c>
      <c r="B3898" s="52" t="s">
        <v>79</v>
      </c>
      <c r="C3898" s="3">
        <v>20</v>
      </c>
      <c r="D3898" s="52" t="s">
        <v>2023</v>
      </c>
      <c r="E3898" s="52" t="s">
        <v>26</v>
      </c>
      <c r="F3898" s="52" t="s">
        <v>81</v>
      </c>
      <c r="G3898" s="52" t="s">
        <v>82</v>
      </c>
      <c r="H3898" s="4">
        <v>1</v>
      </c>
      <c r="I3898" s="2">
        <v>14.65</v>
      </c>
      <c r="J3898" s="52" t="s">
        <v>9280</v>
      </c>
      <c r="K3898" s="71" t="s">
        <v>9281</v>
      </c>
      <c r="L3898" s="52" t="s">
        <v>2063</v>
      </c>
      <c r="M3898" s="72">
        <v>2149</v>
      </c>
      <c r="N3898" s="52" t="s">
        <v>2076</v>
      </c>
      <c r="O3898" s="52" t="s">
        <v>2077</v>
      </c>
      <c r="P3898" s="52"/>
      <c r="Q3898" s="52"/>
      <c r="R3898" s="52"/>
      <c r="S3898" s="52"/>
      <c r="T3898" s="52"/>
      <c r="U3898" s="52"/>
      <c r="V3898" s="52"/>
      <c r="W3898" s="52"/>
    </row>
    <row r="3899" spans="1:23" hidden="1" x14ac:dyDescent="0.35">
      <c r="A3899" s="52" t="s">
        <v>78</v>
      </c>
      <c r="B3899" s="52" t="s">
        <v>79</v>
      </c>
      <c r="C3899" s="3">
        <v>20</v>
      </c>
      <c r="D3899" s="52" t="s">
        <v>86</v>
      </c>
      <c r="E3899" s="52" t="s">
        <v>26</v>
      </c>
      <c r="F3899" s="52" t="s">
        <v>81</v>
      </c>
      <c r="G3899" s="52" t="s">
        <v>82</v>
      </c>
      <c r="H3899" s="4">
        <v>1</v>
      </c>
      <c r="I3899" s="2">
        <v>14.65</v>
      </c>
      <c r="J3899" s="52" t="s">
        <v>9282</v>
      </c>
      <c r="K3899" s="71" t="s">
        <v>9283</v>
      </c>
      <c r="L3899" s="52" t="s">
        <v>2063</v>
      </c>
      <c r="M3899" s="72">
        <v>7719</v>
      </c>
      <c r="N3899" s="52" t="s">
        <v>2066</v>
      </c>
      <c r="O3899" s="52" t="s">
        <v>2067</v>
      </c>
      <c r="P3899" s="52"/>
      <c r="Q3899" s="52"/>
      <c r="R3899" s="52"/>
      <c r="S3899" s="52"/>
      <c r="T3899" s="52"/>
      <c r="U3899" s="52"/>
      <c r="V3899" s="52"/>
      <c r="W3899" s="52"/>
    </row>
    <row r="3900" spans="1:23" hidden="1" x14ac:dyDescent="0.35">
      <c r="A3900" s="52" t="s">
        <v>78</v>
      </c>
      <c r="B3900" s="52" t="s">
        <v>79</v>
      </c>
      <c r="C3900" s="3">
        <v>20</v>
      </c>
      <c r="D3900" s="52" t="s">
        <v>2020</v>
      </c>
      <c r="E3900" s="52" t="s">
        <v>26</v>
      </c>
      <c r="F3900" s="52" t="s">
        <v>81</v>
      </c>
      <c r="G3900" s="52" t="s">
        <v>82</v>
      </c>
      <c r="H3900" s="4">
        <v>1</v>
      </c>
      <c r="I3900" s="2">
        <v>14.65</v>
      </c>
      <c r="J3900" s="52" t="s">
        <v>9284</v>
      </c>
      <c r="K3900" s="71" t="s">
        <v>9285</v>
      </c>
      <c r="L3900" s="52" t="s">
        <v>2063</v>
      </c>
      <c r="M3900" s="72">
        <v>5269</v>
      </c>
      <c r="N3900" s="52" t="s">
        <v>2072</v>
      </c>
      <c r="O3900" s="52" t="s">
        <v>2073</v>
      </c>
      <c r="P3900" s="52"/>
      <c r="Q3900" s="52"/>
      <c r="R3900" s="52"/>
      <c r="S3900" s="52"/>
      <c r="T3900" s="52"/>
      <c r="U3900" s="52"/>
      <c r="V3900" s="52"/>
      <c r="W3900" s="52"/>
    </row>
    <row r="3901" spans="1:23" hidden="1" x14ac:dyDescent="0.35">
      <c r="A3901" s="52" t="s">
        <v>78</v>
      </c>
      <c r="B3901" s="52" t="s">
        <v>79</v>
      </c>
      <c r="C3901" s="3">
        <v>20</v>
      </c>
      <c r="D3901" s="52" t="s">
        <v>2020</v>
      </c>
      <c r="E3901" s="52" t="s">
        <v>26</v>
      </c>
      <c r="F3901" s="52" t="s">
        <v>81</v>
      </c>
      <c r="G3901" s="52" t="s">
        <v>82</v>
      </c>
      <c r="H3901" s="4">
        <v>1</v>
      </c>
      <c r="I3901" s="2">
        <v>14.65</v>
      </c>
      <c r="J3901" s="52" t="s">
        <v>9286</v>
      </c>
      <c r="K3901" s="71" t="s">
        <v>9287</v>
      </c>
      <c r="L3901" s="52" t="s">
        <v>2063</v>
      </c>
      <c r="M3901" s="72">
        <v>4394</v>
      </c>
      <c r="N3901" s="52"/>
      <c r="O3901" s="52"/>
      <c r="P3901" s="52"/>
      <c r="Q3901" s="52"/>
      <c r="R3901" s="52"/>
      <c r="S3901" s="52"/>
      <c r="T3901" s="52"/>
      <c r="U3901" s="52"/>
      <c r="V3901" s="52"/>
      <c r="W3901" s="52"/>
    </row>
    <row r="3902" spans="1:23" hidden="1" x14ac:dyDescent="0.35">
      <c r="A3902" s="52" t="s">
        <v>78</v>
      </c>
      <c r="B3902" s="52" t="s">
        <v>79</v>
      </c>
      <c r="C3902" s="3">
        <v>20</v>
      </c>
      <c r="D3902" s="52" t="s">
        <v>2019</v>
      </c>
      <c r="E3902" s="52" t="s">
        <v>26</v>
      </c>
      <c r="F3902" s="52" t="s">
        <v>81</v>
      </c>
      <c r="G3902" s="52" t="s">
        <v>82</v>
      </c>
      <c r="H3902" s="4">
        <v>1</v>
      </c>
      <c r="I3902" s="2">
        <v>14.65</v>
      </c>
      <c r="J3902" s="52" t="s">
        <v>9288</v>
      </c>
      <c r="K3902" s="71" t="s">
        <v>9289</v>
      </c>
      <c r="L3902" s="52" t="s">
        <v>2063</v>
      </c>
      <c r="M3902" s="72">
        <v>5767</v>
      </c>
      <c r="N3902" s="52"/>
      <c r="O3902" s="52"/>
      <c r="P3902" s="52"/>
      <c r="Q3902" s="52"/>
      <c r="R3902" s="52"/>
      <c r="S3902" s="52"/>
      <c r="T3902" s="52"/>
      <c r="U3902" s="52"/>
      <c r="V3902" s="52"/>
      <c r="W3902" s="52"/>
    </row>
    <row r="3903" spans="1:23" hidden="1" x14ac:dyDescent="0.35">
      <c r="A3903" s="52" t="s">
        <v>78</v>
      </c>
      <c r="B3903" s="52" t="s">
        <v>79</v>
      </c>
      <c r="C3903" s="3">
        <v>20</v>
      </c>
      <c r="D3903" s="52" t="s">
        <v>2023</v>
      </c>
      <c r="E3903" s="52" t="s">
        <v>26</v>
      </c>
      <c r="F3903" s="52" t="s">
        <v>81</v>
      </c>
      <c r="G3903" s="52" t="s">
        <v>82</v>
      </c>
      <c r="H3903" s="4">
        <v>1</v>
      </c>
      <c r="I3903" s="2">
        <v>14.65</v>
      </c>
      <c r="J3903" s="52" t="s">
        <v>9290</v>
      </c>
      <c r="K3903" s="71" t="s">
        <v>9291</v>
      </c>
      <c r="L3903" s="52" t="s">
        <v>2063</v>
      </c>
      <c r="M3903" s="72">
        <v>958</v>
      </c>
      <c r="N3903" s="52" t="s">
        <v>2072</v>
      </c>
      <c r="O3903" s="52" t="s">
        <v>2073</v>
      </c>
      <c r="P3903" s="52"/>
      <c r="Q3903" s="52"/>
      <c r="R3903" s="52"/>
      <c r="S3903" s="52"/>
      <c r="T3903" s="52"/>
      <c r="U3903" s="52"/>
      <c r="V3903" s="52"/>
      <c r="W3903" s="52"/>
    </row>
    <row r="3904" spans="1:23" x14ac:dyDescent="0.35">
      <c r="A3904" s="52" t="s">
        <v>78</v>
      </c>
      <c r="B3904" s="52" t="s">
        <v>79</v>
      </c>
      <c r="C3904" s="3">
        <v>20</v>
      </c>
      <c r="D3904" s="52" t="s">
        <v>86</v>
      </c>
      <c r="E3904" s="52" t="s">
        <v>26</v>
      </c>
      <c r="F3904" s="52" t="s">
        <v>81</v>
      </c>
      <c r="G3904" s="52" t="s">
        <v>82</v>
      </c>
      <c r="H3904" s="4">
        <v>1</v>
      </c>
      <c r="I3904" s="2">
        <v>14.65</v>
      </c>
      <c r="J3904" s="52" t="s">
        <v>9195</v>
      </c>
      <c r="K3904" s="71" t="s">
        <v>9292</v>
      </c>
      <c r="L3904" s="52" t="s">
        <v>2063</v>
      </c>
      <c r="M3904" s="72">
        <v>4026</v>
      </c>
      <c r="N3904" s="52" t="s">
        <v>2259</v>
      </c>
      <c r="O3904" s="52" t="s">
        <v>2260</v>
      </c>
      <c r="P3904" s="52"/>
      <c r="Q3904" s="52"/>
      <c r="R3904" s="52"/>
      <c r="S3904" s="52"/>
      <c r="T3904" s="52"/>
      <c r="U3904" s="52"/>
      <c r="V3904" s="52"/>
      <c r="W3904" s="52"/>
    </row>
    <row r="3905" spans="1:23" hidden="1" x14ac:dyDescent="0.35">
      <c r="A3905" s="52" t="s">
        <v>78</v>
      </c>
      <c r="B3905" s="52" t="s">
        <v>79</v>
      </c>
      <c r="C3905" s="3">
        <v>20</v>
      </c>
      <c r="D3905" s="52" t="s">
        <v>2019</v>
      </c>
      <c r="E3905" s="52" t="s">
        <v>26</v>
      </c>
      <c r="F3905" s="52" t="s">
        <v>81</v>
      </c>
      <c r="G3905" s="52" t="s">
        <v>82</v>
      </c>
      <c r="H3905" s="4">
        <v>1</v>
      </c>
      <c r="I3905" s="2">
        <v>14.65</v>
      </c>
      <c r="J3905" s="52" t="s">
        <v>9293</v>
      </c>
      <c r="K3905" s="71" t="s">
        <v>9294</v>
      </c>
      <c r="L3905" s="52" t="s">
        <v>2063</v>
      </c>
      <c r="M3905" s="72">
        <v>188</v>
      </c>
      <c r="N3905" s="52" t="s">
        <v>2072</v>
      </c>
      <c r="O3905" s="52" t="s">
        <v>2073</v>
      </c>
      <c r="P3905" s="52"/>
      <c r="Q3905" s="52"/>
      <c r="R3905" s="52"/>
      <c r="S3905" s="52"/>
      <c r="T3905" s="52"/>
      <c r="U3905" s="52"/>
      <c r="V3905" s="52"/>
      <c r="W3905" s="52"/>
    </row>
    <row r="3906" spans="1:23" hidden="1" x14ac:dyDescent="0.35">
      <c r="A3906" s="52" t="s">
        <v>78</v>
      </c>
      <c r="B3906" s="52" t="s">
        <v>79</v>
      </c>
      <c r="C3906" s="3">
        <v>10</v>
      </c>
      <c r="D3906" s="52" t="s">
        <v>85</v>
      </c>
      <c r="E3906" s="52" t="s">
        <v>26</v>
      </c>
      <c r="F3906" s="52" t="s">
        <v>81</v>
      </c>
      <c r="G3906" s="52" t="s">
        <v>82</v>
      </c>
      <c r="H3906" s="4">
        <v>1</v>
      </c>
      <c r="I3906" s="2">
        <v>14.65</v>
      </c>
      <c r="J3906" s="52" t="s">
        <v>8865</v>
      </c>
      <c r="K3906" s="71" t="s">
        <v>9295</v>
      </c>
      <c r="L3906" s="52" t="s">
        <v>2063</v>
      </c>
      <c r="M3906" s="72">
        <v>9946</v>
      </c>
      <c r="N3906" s="52" t="s">
        <v>2066</v>
      </c>
      <c r="O3906" s="52" t="s">
        <v>2067</v>
      </c>
      <c r="P3906" s="52"/>
      <c r="Q3906" s="52"/>
      <c r="R3906" s="52"/>
      <c r="S3906" s="52"/>
      <c r="T3906" s="52"/>
      <c r="U3906" s="52"/>
      <c r="V3906" s="52"/>
      <c r="W3906" s="52"/>
    </row>
    <row r="3907" spans="1:23" hidden="1" x14ac:dyDescent="0.35">
      <c r="A3907" s="52" t="s">
        <v>78</v>
      </c>
      <c r="B3907" s="52" t="s">
        <v>79</v>
      </c>
      <c r="C3907" s="3">
        <v>20</v>
      </c>
      <c r="D3907" s="52" t="s">
        <v>87</v>
      </c>
      <c r="E3907" s="52" t="s">
        <v>26</v>
      </c>
      <c r="F3907" s="52" t="s">
        <v>81</v>
      </c>
      <c r="G3907" s="52" t="s">
        <v>82</v>
      </c>
      <c r="H3907" s="4">
        <v>1</v>
      </c>
      <c r="I3907" s="2">
        <v>14.65</v>
      </c>
      <c r="J3907" s="52" t="s">
        <v>9296</v>
      </c>
      <c r="K3907" s="71" t="s">
        <v>9297</v>
      </c>
      <c r="L3907" s="52" t="s">
        <v>2095</v>
      </c>
      <c r="M3907" s="72">
        <v>1865</v>
      </c>
      <c r="N3907" s="52" t="s">
        <v>2158</v>
      </c>
      <c r="O3907" s="52" t="s">
        <v>2159</v>
      </c>
      <c r="P3907" s="52"/>
      <c r="Q3907" s="52"/>
      <c r="R3907" s="52"/>
      <c r="S3907" s="52"/>
      <c r="T3907" s="52"/>
      <c r="U3907" s="52"/>
      <c r="V3907" s="52"/>
      <c r="W3907" s="52"/>
    </row>
    <row r="3908" spans="1:23" hidden="1" x14ac:dyDescent="0.35">
      <c r="A3908" s="52" t="s">
        <v>78</v>
      </c>
      <c r="B3908" s="52" t="s">
        <v>79</v>
      </c>
      <c r="C3908" s="3">
        <v>20</v>
      </c>
      <c r="D3908" s="52" t="s">
        <v>2019</v>
      </c>
      <c r="E3908" s="52" t="s">
        <v>26</v>
      </c>
      <c r="F3908" s="52" t="s">
        <v>81</v>
      </c>
      <c r="G3908" s="52" t="s">
        <v>82</v>
      </c>
      <c r="H3908" s="4">
        <v>1</v>
      </c>
      <c r="I3908" s="2">
        <v>14.65</v>
      </c>
      <c r="J3908" s="52" t="s">
        <v>9298</v>
      </c>
      <c r="K3908" s="71" t="s">
        <v>9299</v>
      </c>
      <c r="L3908" s="52" t="s">
        <v>2063</v>
      </c>
      <c r="M3908" s="72">
        <v>9437</v>
      </c>
      <c r="N3908" s="52" t="s">
        <v>2066</v>
      </c>
      <c r="O3908" s="52" t="s">
        <v>2067</v>
      </c>
      <c r="P3908" s="52"/>
      <c r="Q3908" s="52"/>
      <c r="R3908" s="52"/>
      <c r="S3908" s="52"/>
      <c r="T3908" s="52"/>
      <c r="U3908" s="52"/>
      <c r="V3908" s="52"/>
      <c r="W3908" s="52"/>
    </row>
    <row r="3909" spans="1:23" hidden="1" x14ac:dyDescent="0.35">
      <c r="A3909" s="52" t="s">
        <v>78</v>
      </c>
      <c r="B3909" s="52" t="s">
        <v>79</v>
      </c>
      <c r="C3909" s="3">
        <v>20</v>
      </c>
      <c r="D3909" s="52" t="s">
        <v>2024</v>
      </c>
      <c r="E3909" s="52" t="s">
        <v>26</v>
      </c>
      <c r="F3909" s="52" t="s">
        <v>81</v>
      </c>
      <c r="G3909" s="52" t="s">
        <v>82</v>
      </c>
      <c r="H3909" s="4">
        <v>1</v>
      </c>
      <c r="I3909" s="2">
        <v>14.65</v>
      </c>
      <c r="J3909" s="52" t="s">
        <v>9300</v>
      </c>
      <c r="K3909" s="71" t="s">
        <v>9301</v>
      </c>
      <c r="L3909" s="52" t="s">
        <v>2063</v>
      </c>
      <c r="M3909" s="72">
        <v>4815</v>
      </c>
      <c r="N3909" s="52"/>
      <c r="O3909" s="52"/>
      <c r="P3909" s="52"/>
      <c r="Q3909" s="52"/>
      <c r="R3909" s="52"/>
      <c r="S3909" s="52"/>
      <c r="T3909" s="52"/>
      <c r="U3909" s="52"/>
      <c r="V3909" s="52"/>
      <c r="W3909" s="52"/>
    </row>
    <row r="3910" spans="1:23" hidden="1" x14ac:dyDescent="0.35">
      <c r="A3910" s="52" t="s">
        <v>78</v>
      </c>
      <c r="B3910" s="52" t="s">
        <v>79</v>
      </c>
      <c r="C3910" s="3">
        <v>10</v>
      </c>
      <c r="D3910" s="52" t="s">
        <v>2019</v>
      </c>
      <c r="E3910" s="52" t="s">
        <v>26</v>
      </c>
      <c r="F3910" s="52" t="s">
        <v>81</v>
      </c>
      <c r="G3910" s="52" t="s">
        <v>82</v>
      </c>
      <c r="H3910" s="4">
        <v>1</v>
      </c>
      <c r="I3910" s="2">
        <v>14.65</v>
      </c>
      <c r="J3910" s="52" t="s">
        <v>9302</v>
      </c>
      <c r="K3910" s="71" t="s">
        <v>9303</v>
      </c>
      <c r="L3910" s="52" t="s">
        <v>2063</v>
      </c>
      <c r="M3910" s="72">
        <v>6339</v>
      </c>
      <c r="N3910" s="52"/>
      <c r="O3910" s="52"/>
      <c r="P3910" s="52"/>
      <c r="Q3910" s="52"/>
      <c r="R3910" s="52"/>
      <c r="S3910" s="52"/>
      <c r="T3910" s="52"/>
      <c r="U3910" s="52"/>
      <c r="V3910" s="52"/>
      <c r="W3910" s="52"/>
    </row>
    <row r="3911" spans="1:23" hidden="1" x14ac:dyDescent="0.35">
      <c r="A3911" s="52" t="s">
        <v>78</v>
      </c>
      <c r="B3911" s="52" t="s">
        <v>79</v>
      </c>
      <c r="C3911" s="3">
        <v>20</v>
      </c>
      <c r="D3911" s="52" t="s">
        <v>2021</v>
      </c>
      <c r="E3911" s="52" t="s">
        <v>26</v>
      </c>
      <c r="F3911" s="52" t="s">
        <v>81</v>
      </c>
      <c r="G3911" s="52" t="s">
        <v>82</v>
      </c>
      <c r="H3911" s="4">
        <v>1</v>
      </c>
      <c r="I3911" s="2">
        <v>14.65</v>
      </c>
      <c r="J3911" s="52" t="s">
        <v>9304</v>
      </c>
      <c r="K3911" s="71" t="s">
        <v>9305</v>
      </c>
      <c r="L3911" s="52" t="s">
        <v>2063</v>
      </c>
      <c r="M3911" s="72">
        <v>2911</v>
      </c>
      <c r="N3911" s="52" t="s">
        <v>2072</v>
      </c>
      <c r="O3911" s="52" t="s">
        <v>2073</v>
      </c>
      <c r="P3911" s="52"/>
      <c r="Q3911" s="52"/>
      <c r="R3911" s="52"/>
      <c r="S3911" s="52"/>
      <c r="T3911" s="52"/>
      <c r="U3911" s="52"/>
      <c r="V3911" s="52"/>
      <c r="W3911" s="52"/>
    </row>
    <row r="3912" spans="1:23" hidden="1" x14ac:dyDescent="0.35">
      <c r="A3912" s="52" t="s">
        <v>78</v>
      </c>
      <c r="B3912" s="52" t="s">
        <v>79</v>
      </c>
      <c r="C3912" s="3">
        <v>20</v>
      </c>
      <c r="D3912" s="52" t="s">
        <v>2022</v>
      </c>
      <c r="E3912" s="52" t="s">
        <v>26</v>
      </c>
      <c r="F3912" s="52" t="s">
        <v>81</v>
      </c>
      <c r="G3912" s="52" t="s">
        <v>82</v>
      </c>
      <c r="H3912" s="4">
        <v>1</v>
      </c>
      <c r="I3912" s="2">
        <v>14.65</v>
      </c>
      <c r="J3912" s="52" t="s">
        <v>9306</v>
      </c>
      <c r="K3912" s="71" t="s">
        <v>9307</v>
      </c>
      <c r="L3912" s="52" t="s">
        <v>2063</v>
      </c>
      <c r="M3912" s="72">
        <v>9547</v>
      </c>
      <c r="N3912" s="52" t="s">
        <v>2158</v>
      </c>
      <c r="O3912" s="52" t="s">
        <v>2159</v>
      </c>
      <c r="P3912" s="52"/>
      <c r="Q3912" s="52"/>
      <c r="R3912" s="52"/>
      <c r="S3912" s="52"/>
      <c r="T3912" s="52"/>
      <c r="U3912" s="52"/>
      <c r="V3912" s="52"/>
      <c r="W3912" s="52"/>
    </row>
    <row r="3913" spans="1:23" hidden="1" x14ac:dyDescent="0.35">
      <c r="A3913" s="52" t="s">
        <v>78</v>
      </c>
      <c r="B3913" s="52" t="s">
        <v>79</v>
      </c>
      <c r="C3913" s="3">
        <v>10</v>
      </c>
      <c r="D3913" s="52" t="s">
        <v>85</v>
      </c>
      <c r="E3913" s="52" t="s">
        <v>26</v>
      </c>
      <c r="F3913" s="52" t="s">
        <v>81</v>
      </c>
      <c r="G3913" s="52" t="s">
        <v>82</v>
      </c>
      <c r="H3913" s="4">
        <v>1</v>
      </c>
      <c r="I3913" s="2">
        <v>14.65</v>
      </c>
      <c r="J3913" s="52" t="s">
        <v>8966</v>
      </c>
      <c r="K3913" s="71" t="s">
        <v>9308</v>
      </c>
      <c r="L3913" s="52" t="s">
        <v>2063</v>
      </c>
      <c r="M3913" s="72">
        <v>7981</v>
      </c>
      <c r="N3913" s="52"/>
      <c r="O3913" s="52"/>
      <c r="P3913" s="52"/>
      <c r="Q3913" s="52"/>
      <c r="R3913" s="52"/>
      <c r="S3913" s="52"/>
      <c r="T3913" s="52"/>
      <c r="U3913" s="52"/>
      <c r="V3913" s="52"/>
      <c r="W3913" s="52"/>
    </row>
    <row r="3914" spans="1:23" hidden="1" x14ac:dyDescent="0.35">
      <c r="A3914" s="52" t="s">
        <v>78</v>
      </c>
      <c r="B3914" s="52" t="s">
        <v>79</v>
      </c>
      <c r="C3914" s="3">
        <v>10</v>
      </c>
      <c r="D3914" s="52" t="s">
        <v>87</v>
      </c>
      <c r="E3914" s="52" t="s">
        <v>26</v>
      </c>
      <c r="F3914" s="52" t="s">
        <v>81</v>
      </c>
      <c r="G3914" s="52" t="s">
        <v>82</v>
      </c>
      <c r="H3914" s="4">
        <v>1</v>
      </c>
      <c r="I3914" s="2">
        <v>14.65</v>
      </c>
      <c r="J3914" s="52" t="s">
        <v>9309</v>
      </c>
      <c r="K3914" s="71" t="s">
        <v>9310</v>
      </c>
      <c r="L3914" s="52" t="s">
        <v>2063</v>
      </c>
      <c r="M3914" s="72">
        <v>6751</v>
      </c>
      <c r="N3914" s="52" t="s">
        <v>2072</v>
      </c>
      <c r="O3914" s="52" t="s">
        <v>2073</v>
      </c>
      <c r="P3914" s="52"/>
      <c r="Q3914" s="52"/>
      <c r="R3914" s="52"/>
      <c r="S3914" s="52"/>
      <c r="T3914" s="52"/>
      <c r="U3914" s="52"/>
      <c r="V3914" s="52"/>
      <c r="W3914" s="52"/>
    </row>
    <row r="3915" spans="1:23" hidden="1" x14ac:dyDescent="0.35">
      <c r="A3915" s="52" t="s">
        <v>78</v>
      </c>
      <c r="B3915" s="52" t="s">
        <v>79</v>
      </c>
      <c r="C3915" s="3">
        <v>20</v>
      </c>
      <c r="D3915" s="52" t="s">
        <v>2019</v>
      </c>
      <c r="E3915" s="52" t="s">
        <v>26</v>
      </c>
      <c r="F3915" s="52" t="s">
        <v>81</v>
      </c>
      <c r="G3915" s="52" t="s">
        <v>82</v>
      </c>
      <c r="H3915" s="4">
        <v>1</v>
      </c>
      <c r="I3915" s="2">
        <v>14.65</v>
      </c>
      <c r="J3915" s="52" t="s">
        <v>9311</v>
      </c>
      <c r="K3915" s="71" t="s">
        <v>9312</v>
      </c>
      <c r="L3915" s="52" t="s">
        <v>2063</v>
      </c>
      <c r="M3915" s="72">
        <v>6349</v>
      </c>
      <c r="N3915" s="52"/>
      <c r="O3915" s="52"/>
      <c r="P3915" s="52"/>
      <c r="Q3915" s="52"/>
      <c r="R3915" s="52"/>
      <c r="S3915" s="52"/>
      <c r="T3915" s="52"/>
      <c r="U3915" s="52"/>
      <c r="V3915" s="52"/>
      <c r="W3915" s="52"/>
    </row>
    <row r="3916" spans="1:23" hidden="1" x14ac:dyDescent="0.35">
      <c r="A3916" s="52" t="s">
        <v>78</v>
      </c>
      <c r="B3916" s="52" t="s">
        <v>79</v>
      </c>
      <c r="C3916" s="3">
        <v>10</v>
      </c>
      <c r="D3916" s="52" t="s">
        <v>2020</v>
      </c>
      <c r="E3916" s="52" t="s">
        <v>26</v>
      </c>
      <c r="F3916" s="52" t="s">
        <v>81</v>
      </c>
      <c r="G3916" s="52" t="s">
        <v>82</v>
      </c>
      <c r="H3916" s="4">
        <v>1</v>
      </c>
      <c r="I3916" s="2">
        <v>14.65</v>
      </c>
      <c r="J3916" s="52" t="s">
        <v>9313</v>
      </c>
      <c r="K3916" s="71" t="s">
        <v>9314</v>
      </c>
      <c r="L3916" s="52" t="s">
        <v>2063</v>
      </c>
      <c r="M3916" s="72">
        <v>4652</v>
      </c>
      <c r="N3916" s="52" t="s">
        <v>2304</v>
      </c>
      <c r="O3916" s="52" t="s">
        <v>2305</v>
      </c>
      <c r="P3916" s="52"/>
      <c r="Q3916" s="52"/>
      <c r="R3916" s="52"/>
      <c r="S3916" s="52"/>
      <c r="T3916" s="52"/>
      <c r="U3916" s="52"/>
      <c r="V3916" s="52"/>
      <c r="W3916" s="52"/>
    </row>
    <row r="3917" spans="1:23" hidden="1" x14ac:dyDescent="0.35">
      <c r="A3917" s="52" t="s">
        <v>78</v>
      </c>
      <c r="B3917" s="52" t="s">
        <v>79</v>
      </c>
      <c r="C3917" s="3">
        <v>10</v>
      </c>
      <c r="D3917" s="52" t="s">
        <v>2022</v>
      </c>
      <c r="E3917" s="52" t="s">
        <v>26</v>
      </c>
      <c r="F3917" s="52" t="s">
        <v>81</v>
      </c>
      <c r="G3917" s="52" t="s">
        <v>82</v>
      </c>
      <c r="H3917" s="4">
        <v>1</v>
      </c>
      <c r="I3917" s="2">
        <v>14.65</v>
      </c>
      <c r="J3917" s="52" t="s">
        <v>9315</v>
      </c>
      <c r="K3917" s="71" t="s">
        <v>9316</v>
      </c>
      <c r="L3917" s="52" t="s">
        <v>2063</v>
      </c>
      <c r="M3917" s="72">
        <v>9825</v>
      </c>
      <c r="N3917" s="52" t="s">
        <v>2066</v>
      </c>
      <c r="O3917" s="52" t="s">
        <v>2067</v>
      </c>
      <c r="P3917" s="52"/>
      <c r="Q3917" s="52"/>
      <c r="R3917" s="52"/>
      <c r="S3917" s="52"/>
      <c r="T3917" s="52"/>
      <c r="U3917" s="52"/>
      <c r="V3917" s="52"/>
      <c r="W3917" s="52"/>
    </row>
    <row r="3918" spans="1:23" hidden="1" x14ac:dyDescent="0.35">
      <c r="A3918" s="52" t="s">
        <v>78</v>
      </c>
      <c r="B3918" s="52" t="s">
        <v>79</v>
      </c>
      <c r="C3918" s="3">
        <v>20</v>
      </c>
      <c r="D3918" s="52" t="s">
        <v>87</v>
      </c>
      <c r="E3918" s="52" t="s">
        <v>26</v>
      </c>
      <c r="F3918" s="52" t="s">
        <v>81</v>
      </c>
      <c r="G3918" s="52" t="s">
        <v>82</v>
      </c>
      <c r="H3918" s="4">
        <v>1</v>
      </c>
      <c r="I3918" s="2">
        <v>14.65</v>
      </c>
      <c r="J3918" s="52" t="s">
        <v>9317</v>
      </c>
      <c r="K3918" s="71" t="s">
        <v>9318</v>
      </c>
      <c r="L3918" s="52" t="s">
        <v>2063</v>
      </c>
      <c r="M3918" s="72">
        <v>6725</v>
      </c>
      <c r="N3918" s="52" t="s">
        <v>2072</v>
      </c>
      <c r="O3918" s="52" t="s">
        <v>2073</v>
      </c>
      <c r="P3918" s="52"/>
      <c r="Q3918" s="52"/>
      <c r="R3918" s="52"/>
      <c r="S3918" s="52"/>
      <c r="T3918" s="52"/>
      <c r="U3918" s="52"/>
      <c r="V3918" s="52"/>
      <c r="W3918" s="52"/>
    </row>
    <row r="3919" spans="1:23" hidden="1" x14ac:dyDescent="0.35">
      <c r="A3919" s="52" t="s">
        <v>78</v>
      </c>
      <c r="B3919" s="52" t="s">
        <v>79</v>
      </c>
      <c r="C3919" s="3">
        <v>20</v>
      </c>
      <c r="D3919" s="52" t="s">
        <v>2023</v>
      </c>
      <c r="E3919" s="52" t="s">
        <v>26</v>
      </c>
      <c r="F3919" s="52" t="s">
        <v>81</v>
      </c>
      <c r="G3919" s="52" t="s">
        <v>82</v>
      </c>
      <c r="H3919" s="4">
        <v>1</v>
      </c>
      <c r="I3919" s="2">
        <v>14.65</v>
      </c>
      <c r="J3919" s="52" t="s">
        <v>9319</v>
      </c>
      <c r="K3919" s="71" t="s">
        <v>9320</v>
      </c>
      <c r="L3919" s="52" t="s">
        <v>2063</v>
      </c>
      <c r="M3919" s="72">
        <v>237</v>
      </c>
      <c r="N3919" s="52" t="s">
        <v>2072</v>
      </c>
      <c r="O3919" s="52" t="s">
        <v>2073</v>
      </c>
      <c r="P3919" s="52"/>
      <c r="Q3919" s="52"/>
      <c r="R3919" s="52"/>
      <c r="S3919" s="52"/>
      <c r="T3919" s="52"/>
      <c r="U3919" s="52"/>
      <c r="V3919" s="52"/>
      <c r="W3919" s="52"/>
    </row>
    <row r="3920" spans="1:23" hidden="1" x14ac:dyDescent="0.35">
      <c r="A3920" s="52" t="s">
        <v>78</v>
      </c>
      <c r="B3920" s="52" t="s">
        <v>79</v>
      </c>
      <c r="C3920" s="3">
        <v>10</v>
      </c>
      <c r="D3920" s="52" t="s">
        <v>2019</v>
      </c>
      <c r="E3920" s="52" t="s">
        <v>26</v>
      </c>
      <c r="F3920" s="52" t="s">
        <v>81</v>
      </c>
      <c r="G3920" s="52" t="s">
        <v>82</v>
      </c>
      <c r="H3920" s="4">
        <v>1</v>
      </c>
      <c r="I3920" s="2">
        <v>14.65</v>
      </c>
      <c r="J3920" s="52" t="s">
        <v>9321</v>
      </c>
      <c r="K3920" s="71" t="s">
        <v>9322</v>
      </c>
      <c r="L3920" s="52" t="s">
        <v>2063</v>
      </c>
      <c r="M3920" s="72">
        <v>1643</v>
      </c>
      <c r="N3920" s="52" t="s">
        <v>2072</v>
      </c>
      <c r="O3920" s="52" t="s">
        <v>2073</v>
      </c>
      <c r="P3920" s="52"/>
      <c r="Q3920" s="52"/>
      <c r="R3920" s="52"/>
      <c r="S3920" s="52"/>
      <c r="T3920" s="52"/>
      <c r="U3920" s="52"/>
      <c r="V3920" s="52"/>
      <c r="W3920" s="52"/>
    </row>
    <row r="3921" spans="1:23" hidden="1" x14ac:dyDescent="0.35">
      <c r="A3921" s="52" t="s">
        <v>78</v>
      </c>
      <c r="B3921" s="52" t="s">
        <v>79</v>
      </c>
      <c r="C3921" s="3">
        <v>20</v>
      </c>
      <c r="D3921" s="52" t="s">
        <v>2019</v>
      </c>
      <c r="E3921" s="52" t="s">
        <v>26</v>
      </c>
      <c r="F3921" s="52" t="s">
        <v>81</v>
      </c>
      <c r="G3921" s="52" t="s">
        <v>82</v>
      </c>
      <c r="H3921" s="4">
        <v>1</v>
      </c>
      <c r="I3921" s="2">
        <v>14.65</v>
      </c>
      <c r="J3921" s="52" t="s">
        <v>9323</v>
      </c>
      <c r="K3921" s="71" t="s">
        <v>9324</v>
      </c>
      <c r="L3921" s="52" t="s">
        <v>2063</v>
      </c>
      <c r="M3921" s="72">
        <v>2044</v>
      </c>
      <c r="N3921" s="52" t="s">
        <v>2072</v>
      </c>
      <c r="O3921" s="52" t="s">
        <v>2073</v>
      </c>
      <c r="P3921" s="52"/>
      <c r="Q3921" s="52"/>
      <c r="R3921" s="52"/>
      <c r="S3921" s="52"/>
      <c r="T3921" s="52"/>
      <c r="U3921" s="52"/>
      <c r="V3921" s="52"/>
      <c r="W3921" s="52"/>
    </row>
    <row r="3922" spans="1:23" hidden="1" x14ac:dyDescent="0.35">
      <c r="A3922" s="52" t="s">
        <v>78</v>
      </c>
      <c r="B3922" s="52" t="s">
        <v>79</v>
      </c>
      <c r="C3922" s="3">
        <v>211</v>
      </c>
      <c r="D3922" s="52" t="s">
        <v>2020</v>
      </c>
      <c r="E3922" s="52" t="s">
        <v>26</v>
      </c>
      <c r="F3922" s="52" t="s">
        <v>81</v>
      </c>
      <c r="G3922" s="52" t="s">
        <v>82</v>
      </c>
      <c r="H3922" s="4">
        <v>1</v>
      </c>
      <c r="I3922" s="2">
        <v>14.65</v>
      </c>
      <c r="J3922" s="52" t="s">
        <v>9325</v>
      </c>
      <c r="K3922" s="71" t="s">
        <v>9326</v>
      </c>
      <c r="L3922" s="52" t="s">
        <v>2063</v>
      </c>
      <c r="M3922" s="72">
        <v>4391</v>
      </c>
      <c r="N3922" s="52" t="s">
        <v>2158</v>
      </c>
      <c r="O3922" s="52" t="s">
        <v>2159</v>
      </c>
      <c r="P3922" s="52"/>
      <c r="Q3922" s="52"/>
      <c r="R3922" s="52"/>
      <c r="S3922" s="52"/>
      <c r="T3922" s="52"/>
      <c r="U3922" s="52"/>
      <c r="V3922" s="52"/>
      <c r="W3922" s="52"/>
    </row>
    <row r="3923" spans="1:23" hidden="1" x14ac:dyDescent="0.35">
      <c r="A3923" s="52" t="s">
        <v>78</v>
      </c>
      <c r="B3923" s="52" t="s">
        <v>79</v>
      </c>
      <c r="C3923" s="3">
        <v>20</v>
      </c>
      <c r="D3923" s="52" t="s">
        <v>2021</v>
      </c>
      <c r="E3923" s="52" t="s">
        <v>26</v>
      </c>
      <c r="F3923" s="52" t="s">
        <v>81</v>
      </c>
      <c r="G3923" s="52" t="s">
        <v>82</v>
      </c>
      <c r="H3923" s="4">
        <v>1</v>
      </c>
      <c r="I3923" s="2">
        <v>14.65</v>
      </c>
      <c r="J3923" s="52" t="s">
        <v>8281</v>
      </c>
      <c r="K3923" s="71" t="s">
        <v>9327</v>
      </c>
      <c r="L3923" s="52" t="s">
        <v>2063</v>
      </c>
      <c r="M3923" s="72">
        <v>6642</v>
      </c>
      <c r="N3923" s="52"/>
      <c r="O3923" s="52"/>
      <c r="P3923" s="52"/>
      <c r="Q3923" s="52"/>
      <c r="R3923" s="52"/>
      <c r="S3923" s="52"/>
      <c r="T3923" s="52"/>
      <c r="U3923" s="52"/>
      <c r="V3923" s="52"/>
      <c r="W3923" s="52"/>
    </row>
    <row r="3924" spans="1:23" hidden="1" x14ac:dyDescent="0.35">
      <c r="A3924" s="52" t="s">
        <v>78</v>
      </c>
      <c r="B3924" s="52" t="s">
        <v>79</v>
      </c>
      <c r="C3924" s="3">
        <v>20</v>
      </c>
      <c r="D3924" s="52" t="s">
        <v>84</v>
      </c>
      <c r="E3924" s="52" t="s">
        <v>26</v>
      </c>
      <c r="F3924" s="52" t="s">
        <v>81</v>
      </c>
      <c r="G3924" s="52" t="s">
        <v>82</v>
      </c>
      <c r="H3924" s="4">
        <v>1</v>
      </c>
      <c r="I3924" s="2">
        <v>14.65</v>
      </c>
      <c r="J3924" s="52" t="s">
        <v>9328</v>
      </c>
      <c r="K3924" s="71" t="s">
        <v>9329</v>
      </c>
      <c r="L3924" s="52" t="s">
        <v>2063</v>
      </c>
      <c r="M3924" s="72">
        <v>8326</v>
      </c>
      <c r="N3924" s="52" t="s">
        <v>2072</v>
      </c>
      <c r="O3924" s="52" t="s">
        <v>2073</v>
      </c>
      <c r="P3924" s="52"/>
      <c r="Q3924" s="52"/>
      <c r="R3924" s="52"/>
      <c r="S3924" s="52"/>
      <c r="T3924" s="52"/>
      <c r="U3924" s="52"/>
      <c r="V3924" s="52"/>
      <c r="W3924" s="52"/>
    </row>
    <row r="3925" spans="1:23" hidden="1" x14ac:dyDescent="0.35">
      <c r="A3925" s="52" t="s">
        <v>78</v>
      </c>
      <c r="B3925" s="52" t="s">
        <v>79</v>
      </c>
      <c r="C3925" s="3">
        <v>20</v>
      </c>
      <c r="D3925" s="52" t="s">
        <v>83</v>
      </c>
      <c r="E3925" s="52" t="s">
        <v>26</v>
      </c>
      <c r="F3925" s="52" t="s">
        <v>81</v>
      </c>
      <c r="G3925" s="52" t="s">
        <v>82</v>
      </c>
      <c r="H3925" s="4">
        <v>1</v>
      </c>
      <c r="I3925" s="2">
        <v>14.65</v>
      </c>
      <c r="J3925" s="52" t="s">
        <v>9330</v>
      </c>
      <c r="K3925" s="71" t="s">
        <v>9331</v>
      </c>
      <c r="L3925" s="52" t="s">
        <v>2063</v>
      </c>
      <c r="M3925" s="72">
        <v>9126</v>
      </c>
      <c r="N3925" s="52" t="s">
        <v>2066</v>
      </c>
      <c r="O3925" s="52" t="s">
        <v>2067</v>
      </c>
      <c r="P3925" s="52"/>
      <c r="Q3925" s="52"/>
      <c r="R3925" s="52"/>
      <c r="S3925" s="52"/>
      <c r="T3925" s="52"/>
      <c r="U3925" s="52"/>
      <c r="V3925" s="52"/>
      <c r="W3925" s="52"/>
    </row>
    <row r="3926" spans="1:23" hidden="1" x14ac:dyDescent="0.35">
      <c r="A3926" s="52" t="s">
        <v>78</v>
      </c>
      <c r="B3926" s="52" t="s">
        <v>79</v>
      </c>
      <c r="C3926" s="3">
        <v>10</v>
      </c>
      <c r="D3926" s="52" t="s">
        <v>84</v>
      </c>
      <c r="E3926" s="52" t="s">
        <v>26</v>
      </c>
      <c r="F3926" s="52" t="s">
        <v>81</v>
      </c>
      <c r="G3926" s="52" t="s">
        <v>82</v>
      </c>
      <c r="H3926" s="4">
        <v>1</v>
      </c>
      <c r="I3926" s="2">
        <v>14.65</v>
      </c>
      <c r="J3926" s="52" t="s">
        <v>9332</v>
      </c>
      <c r="K3926" s="71" t="s">
        <v>9333</v>
      </c>
      <c r="L3926" s="52" t="s">
        <v>2063</v>
      </c>
      <c r="M3926" s="72">
        <v>1497</v>
      </c>
      <c r="N3926" s="52" t="s">
        <v>2066</v>
      </c>
      <c r="O3926" s="52" t="s">
        <v>2067</v>
      </c>
      <c r="P3926" s="52"/>
      <c r="Q3926" s="52"/>
      <c r="R3926" s="52"/>
      <c r="S3926" s="52"/>
      <c r="T3926" s="52"/>
      <c r="U3926" s="52"/>
      <c r="V3926" s="52"/>
      <c r="W3926" s="52"/>
    </row>
    <row r="3927" spans="1:23" hidden="1" x14ac:dyDescent="0.35">
      <c r="A3927" s="52" t="s">
        <v>78</v>
      </c>
      <c r="B3927" s="52" t="s">
        <v>79</v>
      </c>
      <c r="C3927" s="3">
        <v>10</v>
      </c>
      <c r="D3927" s="52" t="s">
        <v>2019</v>
      </c>
      <c r="E3927" s="52" t="s">
        <v>26</v>
      </c>
      <c r="F3927" s="52" t="s">
        <v>81</v>
      </c>
      <c r="G3927" s="52" t="s">
        <v>82</v>
      </c>
      <c r="H3927" s="4">
        <v>1</v>
      </c>
      <c r="I3927" s="2">
        <v>14.65</v>
      </c>
      <c r="J3927" s="52" t="s">
        <v>9334</v>
      </c>
      <c r="K3927" s="71" t="s">
        <v>9335</v>
      </c>
      <c r="L3927" s="52" t="s">
        <v>2063</v>
      </c>
      <c r="M3927" s="72">
        <v>2397</v>
      </c>
      <c r="N3927" s="52" t="s">
        <v>2072</v>
      </c>
      <c r="O3927" s="52" t="s">
        <v>2073</v>
      </c>
      <c r="P3927" s="52"/>
      <c r="Q3927" s="52"/>
      <c r="R3927" s="52"/>
      <c r="S3927" s="52"/>
      <c r="T3927" s="52"/>
      <c r="U3927" s="52"/>
      <c r="V3927" s="52"/>
      <c r="W3927" s="52"/>
    </row>
    <row r="3928" spans="1:23" hidden="1" x14ac:dyDescent="0.35">
      <c r="A3928" s="52" t="s">
        <v>78</v>
      </c>
      <c r="B3928" s="52" t="s">
        <v>79</v>
      </c>
      <c r="C3928" s="3">
        <v>20</v>
      </c>
      <c r="D3928" s="52" t="s">
        <v>2022</v>
      </c>
      <c r="E3928" s="52" t="s">
        <v>26</v>
      </c>
      <c r="F3928" s="52" t="s">
        <v>81</v>
      </c>
      <c r="G3928" s="52" t="s">
        <v>82</v>
      </c>
      <c r="H3928" s="4">
        <v>1</v>
      </c>
      <c r="I3928" s="2">
        <v>14.65</v>
      </c>
      <c r="J3928" s="52" t="s">
        <v>9336</v>
      </c>
      <c r="K3928" s="71" t="s">
        <v>9337</v>
      </c>
      <c r="L3928" s="52" t="s">
        <v>2063</v>
      </c>
      <c r="M3928" s="72">
        <v>45</v>
      </c>
      <c r="N3928" s="52" t="s">
        <v>2072</v>
      </c>
      <c r="O3928" s="52" t="s">
        <v>2073</v>
      </c>
      <c r="P3928" s="52"/>
      <c r="Q3928" s="52"/>
      <c r="R3928" s="52"/>
      <c r="S3928" s="52"/>
      <c r="T3928" s="52"/>
      <c r="U3928" s="52"/>
      <c r="V3928" s="52"/>
      <c r="W3928" s="52"/>
    </row>
    <row r="3929" spans="1:23" hidden="1" x14ac:dyDescent="0.35">
      <c r="A3929" s="52" t="s">
        <v>78</v>
      </c>
      <c r="B3929" s="52" t="s">
        <v>79</v>
      </c>
      <c r="C3929" s="3">
        <v>20</v>
      </c>
      <c r="D3929" s="52" t="s">
        <v>2023</v>
      </c>
      <c r="E3929" s="52" t="s">
        <v>26</v>
      </c>
      <c r="F3929" s="52" t="s">
        <v>81</v>
      </c>
      <c r="G3929" s="52" t="s">
        <v>82</v>
      </c>
      <c r="H3929" s="4">
        <v>1</v>
      </c>
      <c r="I3929" s="2">
        <v>14.65</v>
      </c>
      <c r="J3929" s="52" t="s">
        <v>9338</v>
      </c>
      <c r="K3929" s="71" t="s">
        <v>9339</v>
      </c>
      <c r="L3929" s="52" t="s">
        <v>2063</v>
      </c>
      <c r="M3929" s="72">
        <v>731</v>
      </c>
      <c r="N3929" s="52"/>
      <c r="O3929" s="52"/>
      <c r="P3929" s="52"/>
      <c r="Q3929" s="52"/>
      <c r="R3929" s="52"/>
      <c r="S3929" s="52"/>
      <c r="T3929" s="52"/>
      <c r="U3929" s="52"/>
      <c r="V3929" s="52"/>
      <c r="W3929" s="52"/>
    </row>
    <row r="3930" spans="1:23" hidden="1" x14ac:dyDescent="0.35">
      <c r="A3930" s="52" t="s">
        <v>78</v>
      </c>
      <c r="B3930" s="52" t="s">
        <v>79</v>
      </c>
      <c r="C3930" s="3">
        <v>20</v>
      </c>
      <c r="D3930" s="52" t="s">
        <v>2021</v>
      </c>
      <c r="E3930" s="52" t="s">
        <v>26</v>
      </c>
      <c r="F3930" s="52" t="s">
        <v>81</v>
      </c>
      <c r="G3930" s="52" t="s">
        <v>82</v>
      </c>
      <c r="H3930" s="4">
        <v>1</v>
      </c>
      <c r="I3930" s="2">
        <v>14.65</v>
      </c>
      <c r="J3930" s="52" t="s">
        <v>9340</v>
      </c>
      <c r="K3930" s="71" t="s">
        <v>9341</v>
      </c>
      <c r="L3930" s="52" t="s">
        <v>2063</v>
      </c>
      <c r="M3930" s="72">
        <v>9909</v>
      </c>
      <c r="N3930" s="52"/>
      <c r="O3930" s="52"/>
      <c r="P3930" s="52"/>
      <c r="Q3930" s="52"/>
      <c r="R3930" s="52"/>
      <c r="S3930" s="52"/>
      <c r="T3930" s="52"/>
      <c r="U3930" s="52"/>
      <c r="V3930" s="52"/>
      <c r="W3930" s="52"/>
    </row>
    <row r="3931" spans="1:23" hidden="1" x14ac:dyDescent="0.35">
      <c r="A3931" s="52" t="s">
        <v>78</v>
      </c>
      <c r="B3931" s="52" t="s">
        <v>79</v>
      </c>
      <c r="C3931" s="3">
        <v>10</v>
      </c>
      <c r="D3931" s="52" t="s">
        <v>2024</v>
      </c>
      <c r="E3931" s="52" t="s">
        <v>26</v>
      </c>
      <c r="F3931" s="52" t="s">
        <v>81</v>
      </c>
      <c r="G3931" s="52" t="s">
        <v>82</v>
      </c>
      <c r="H3931" s="4">
        <v>1</v>
      </c>
      <c r="I3931" s="2">
        <v>14.65</v>
      </c>
      <c r="J3931" s="52" t="s">
        <v>9342</v>
      </c>
      <c r="K3931" s="71" t="s">
        <v>9343</v>
      </c>
      <c r="L3931" s="52" t="s">
        <v>2063</v>
      </c>
      <c r="M3931" s="72">
        <v>6890</v>
      </c>
      <c r="N3931" s="52" t="s">
        <v>2072</v>
      </c>
      <c r="O3931" s="52" t="s">
        <v>2073</v>
      </c>
      <c r="P3931" s="52"/>
      <c r="Q3931" s="52"/>
      <c r="R3931" s="52"/>
      <c r="S3931" s="52"/>
      <c r="T3931" s="52"/>
      <c r="U3931" s="52"/>
      <c r="V3931" s="52"/>
      <c r="W3931" s="52"/>
    </row>
    <row r="3932" spans="1:23" hidden="1" x14ac:dyDescent="0.35">
      <c r="A3932" s="52" t="s">
        <v>78</v>
      </c>
      <c r="B3932" s="52" t="s">
        <v>79</v>
      </c>
      <c r="C3932" s="3">
        <v>20</v>
      </c>
      <c r="D3932" s="52" t="s">
        <v>84</v>
      </c>
      <c r="E3932" s="52" t="s">
        <v>26</v>
      </c>
      <c r="F3932" s="52" t="s">
        <v>81</v>
      </c>
      <c r="G3932" s="52" t="s">
        <v>82</v>
      </c>
      <c r="H3932" s="4">
        <v>1</v>
      </c>
      <c r="I3932" s="2">
        <v>14.65</v>
      </c>
      <c r="J3932" s="52" t="s">
        <v>9344</v>
      </c>
      <c r="K3932" s="71" t="s">
        <v>9345</v>
      </c>
      <c r="L3932" s="52" t="s">
        <v>2063</v>
      </c>
      <c r="M3932" s="72">
        <v>46</v>
      </c>
      <c r="N3932" s="52" t="s">
        <v>2072</v>
      </c>
      <c r="O3932" s="52" t="s">
        <v>2073</v>
      </c>
      <c r="P3932" s="52"/>
      <c r="Q3932" s="52"/>
      <c r="R3932" s="52"/>
      <c r="S3932" s="52"/>
      <c r="T3932" s="52"/>
      <c r="U3932" s="52"/>
      <c r="V3932" s="52"/>
      <c r="W3932" s="52"/>
    </row>
    <row r="3933" spans="1:23" hidden="1" x14ac:dyDescent="0.35">
      <c r="A3933" s="52" t="s">
        <v>78</v>
      </c>
      <c r="B3933" s="52" t="s">
        <v>79</v>
      </c>
      <c r="C3933" s="3">
        <v>20</v>
      </c>
      <c r="D3933" s="52" t="s">
        <v>84</v>
      </c>
      <c r="E3933" s="52" t="s">
        <v>26</v>
      </c>
      <c r="F3933" s="52" t="s">
        <v>81</v>
      </c>
      <c r="G3933" s="52" t="s">
        <v>82</v>
      </c>
      <c r="H3933" s="4">
        <v>1</v>
      </c>
      <c r="I3933" s="2">
        <v>14.65</v>
      </c>
      <c r="J3933" s="52" t="s">
        <v>9346</v>
      </c>
      <c r="K3933" s="71" t="s">
        <v>9347</v>
      </c>
      <c r="L3933" s="52" t="s">
        <v>2063</v>
      </c>
      <c r="M3933" s="72">
        <v>9050</v>
      </c>
      <c r="N3933" s="52"/>
      <c r="O3933" s="52"/>
      <c r="P3933" s="52"/>
      <c r="Q3933" s="52"/>
      <c r="R3933" s="52"/>
      <c r="S3933" s="52"/>
      <c r="T3933" s="52"/>
      <c r="U3933" s="52"/>
      <c r="V3933" s="52"/>
      <c r="W3933" s="52"/>
    </row>
    <row r="3934" spans="1:23" hidden="1" x14ac:dyDescent="0.35">
      <c r="A3934" s="52" t="s">
        <v>78</v>
      </c>
      <c r="B3934" s="52" t="s">
        <v>79</v>
      </c>
      <c r="C3934" s="3">
        <v>10</v>
      </c>
      <c r="D3934" s="52" t="s">
        <v>2021</v>
      </c>
      <c r="E3934" s="52" t="s">
        <v>26</v>
      </c>
      <c r="F3934" s="52" t="s">
        <v>81</v>
      </c>
      <c r="G3934" s="52" t="s">
        <v>82</v>
      </c>
      <c r="H3934" s="4">
        <v>1</v>
      </c>
      <c r="I3934" s="2">
        <v>14.65</v>
      </c>
      <c r="J3934" s="52" t="s">
        <v>9348</v>
      </c>
      <c r="K3934" s="71" t="s">
        <v>9349</v>
      </c>
      <c r="L3934" s="52" t="s">
        <v>2063</v>
      </c>
      <c r="M3934" s="72">
        <v>9822</v>
      </c>
      <c r="N3934" s="52" t="s">
        <v>2072</v>
      </c>
      <c r="O3934" s="52" t="s">
        <v>2073</v>
      </c>
      <c r="P3934" s="52"/>
      <c r="Q3934" s="52"/>
      <c r="R3934" s="52"/>
      <c r="S3934" s="52"/>
      <c r="T3934" s="52"/>
      <c r="U3934" s="52"/>
      <c r="V3934" s="52"/>
      <c r="W3934" s="52"/>
    </row>
    <row r="3935" spans="1:23" hidden="1" x14ac:dyDescent="0.35">
      <c r="A3935" s="52" t="s">
        <v>78</v>
      </c>
      <c r="B3935" s="52" t="s">
        <v>79</v>
      </c>
      <c r="C3935" s="3">
        <v>20</v>
      </c>
      <c r="D3935" s="52" t="s">
        <v>83</v>
      </c>
      <c r="E3935" s="52" t="s">
        <v>26</v>
      </c>
      <c r="F3935" s="52" t="s">
        <v>81</v>
      </c>
      <c r="G3935" s="52" t="s">
        <v>82</v>
      </c>
      <c r="H3935" s="4">
        <v>1</v>
      </c>
      <c r="I3935" s="2">
        <v>14.65</v>
      </c>
      <c r="J3935" s="52" t="s">
        <v>9350</v>
      </c>
      <c r="K3935" s="71" t="s">
        <v>9351</v>
      </c>
      <c r="L3935" s="52" t="s">
        <v>2063</v>
      </c>
      <c r="M3935" s="72">
        <v>1696</v>
      </c>
      <c r="N3935" s="52"/>
      <c r="O3935" s="52"/>
      <c r="P3935" s="52"/>
      <c r="Q3935" s="52"/>
      <c r="R3935" s="52"/>
      <c r="S3935" s="52"/>
      <c r="T3935" s="52"/>
      <c r="U3935" s="52"/>
      <c r="V3935" s="52"/>
      <c r="W3935" s="52"/>
    </row>
    <row r="3936" spans="1:23" hidden="1" x14ac:dyDescent="0.35">
      <c r="A3936" s="52" t="s">
        <v>78</v>
      </c>
      <c r="B3936" s="52" t="s">
        <v>79</v>
      </c>
      <c r="C3936" s="3">
        <v>20</v>
      </c>
      <c r="D3936" s="52" t="s">
        <v>86</v>
      </c>
      <c r="E3936" s="52" t="s">
        <v>26</v>
      </c>
      <c r="F3936" s="52" t="s">
        <v>81</v>
      </c>
      <c r="G3936" s="52" t="s">
        <v>82</v>
      </c>
      <c r="H3936" s="4">
        <v>1</v>
      </c>
      <c r="I3936" s="2">
        <v>14.65</v>
      </c>
      <c r="J3936" s="52" t="s">
        <v>9352</v>
      </c>
      <c r="K3936" s="71" t="s">
        <v>9353</v>
      </c>
      <c r="L3936" s="52" t="s">
        <v>2063</v>
      </c>
      <c r="M3936" s="72">
        <v>1098</v>
      </c>
      <c r="N3936" s="52" t="s">
        <v>2072</v>
      </c>
      <c r="O3936" s="52" t="s">
        <v>2073</v>
      </c>
      <c r="P3936" s="52"/>
      <c r="Q3936" s="52"/>
      <c r="R3936" s="52"/>
      <c r="S3936" s="52"/>
      <c r="T3936" s="52"/>
      <c r="U3936" s="52"/>
      <c r="V3936" s="52"/>
      <c r="W3936" s="52"/>
    </row>
    <row r="3937" spans="1:23" hidden="1" x14ac:dyDescent="0.35">
      <c r="A3937" s="52" t="s">
        <v>78</v>
      </c>
      <c r="B3937" s="52" t="s">
        <v>79</v>
      </c>
      <c r="C3937" s="3">
        <v>10</v>
      </c>
      <c r="D3937" s="52" t="s">
        <v>83</v>
      </c>
      <c r="E3937" s="52" t="s">
        <v>26</v>
      </c>
      <c r="F3937" s="52" t="s">
        <v>81</v>
      </c>
      <c r="G3937" s="52" t="s">
        <v>82</v>
      </c>
      <c r="H3937" s="4">
        <v>1</v>
      </c>
      <c r="I3937" s="2">
        <v>14.65</v>
      </c>
      <c r="J3937" s="52" t="s">
        <v>9354</v>
      </c>
      <c r="K3937" s="71" t="s">
        <v>9355</v>
      </c>
      <c r="L3937" s="52" t="s">
        <v>2063</v>
      </c>
      <c r="M3937" s="72">
        <v>4131</v>
      </c>
      <c r="N3937" s="52"/>
      <c r="O3937" s="52"/>
      <c r="P3937" s="52"/>
      <c r="Q3937" s="52"/>
      <c r="R3937" s="52"/>
      <c r="S3937" s="52"/>
      <c r="T3937" s="52"/>
      <c r="U3937" s="52"/>
      <c r="V3937" s="52"/>
      <c r="W3937" s="52"/>
    </row>
    <row r="3938" spans="1:23" hidden="1" x14ac:dyDescent="0.35">
      <c r="A3938" s="52" t="s">
        <v>78</v>
      </c>
      <c r="B3938" s="52" t="s">
        <v>79</v>
      </c>
      <c r="C3938" s="3">
        <v>20</v>
      </c>
      <c r="D3938" s="52" t="s">
        <v>2021</v>
      </c>
      <c r="E3938" s="52" t="s">
        <v>26</v>
      </c>
      <c r="F3938" s="52" t="s">
        <v>81</v>
      </c>
      <c r="G3938" s="52" t="s">
        <v>82</v>
      </c>
      <c r="H3938" s="4">
        <v>1</v>
      </c>
      <c r="I3938" s="2">
        <v>14.65</v>
      </c>
      <c r="J3938" s="52" t="s">
        <v>9356</v>
      </c>
      <c r="K3938" s="71" t="s">
        <v>9357</v>
      </c>
      <c r="L3938" s="52" t="s">
        <v>2063</v>
      </c>
      <c r="M3938" s="72">
        <v>951</v>
      </c>
      <c r="N3938" s="52"/>
      <c r="O3938" s="52"/>
      <c r="P3938" s="52"/>
      <c r="Q3938" s="52"/>
      <c r="R3938" s="52"/>
      <c r="S3938" s="52"/>
      <c r="T3938" s="52"/>
      <c r="U3938" s="52"/>
      <c r="V3938" s="52"/>
      <c r="W3938" s="52"/>
    </row>
    <row r="3939" spans="1:23" hidden="1" x14ac:dyDescent="0.35">
      <c r="A3939" s="52" t="s">
        <v>78</v>
      </c>
      <c r="B3939" s="52" t="s">
        <v>79</v>
      </c>
      <c r="C3939" s="3">
        <v>10</v>
      </c>
      <c r="D3939" s="52" t="s">
        <v>2020</v>
      </c>
      <c r="E3939" s="52" t="s">
        <v>26</v>
      </c>
      <c r="F3939" s="52" t="s">
        <v>81</v>
      </c>
      <c r="G3939" s="52" t="s">
        <v>82</v>
      </c>
      <c r="H3939" s="4">
        <v>1</v>
      </c>
      <c r="I3939" s="2">
        <v>14.65</v>
      </c>
      <c r="J3939" s="52" t="s">
        <v>9358</v>
      </c>
      <c r="K3939" s="71" t="s">
        <v>9359</v>
      </c>
      <c r="L3939" s="52" t="s">
        <v>2095</v>
      </c>
      <c r="M3939" s="72">
        <v>3874</v>
      </c>
      <c r="N3939" s="52"/>
      <c r="O3939" s="52"/>
      <c r="P3939" s="52"/>
      <c r="Q3939" s="52"/>
      <c r="R3939" s="52"/>
      <c r="S3939" s="52"/>
      <c r="T3939" s="52"/>
      <c r="U3939" s="52"/>
      <c r="V3939" s="52"/>
      <c r="W3939" s="52"/>
    </row>
    <row r="3940" spans="1:23" hidden="1" x14ac:dyDescent="0.35">
      <c r="A3940" s="52" t="s">
        <v>78</v>
      </c>
      <c r="B3940" s="52" t="s">
        <v>79</v>
      </c>
      <c r="C3940" s="3">
        <v>211</v>
      </c>
      <c r="D3940" s="52" t="s">
        <v>83</v>
      </c>
      <c r="E3940" s="52" t="s">
        <v>26</v>
      </c>
      <c r="F3940" s="52" t="s">
        <v>81</v>
      </c>
      <c r="G3940" s="52" t="s">
        <v>82</v>
      </c>
      <c r="H3940" s="4">
        <v>1</v>
      </c>
      <c r="I3940" s="2">
        <v>14.65</v>
      </c>
      <c r="J3940" s="52" t="s">
        <v>9360</v>
      </c>
      <c r="K3940" s="71" t="s">
        <v>9361</v>
      </c>
      <c r="L3940" s="52" t="s">
        <v>2063</v>
      </c>
      <c r="M3940" s="72">
        <v>5703</v>
      </c>
      <c r="N3940" s="52" t="s">
        <v>2158</v>
      </c>
      <c r="O3940" s="52" t="s">
        <v>2159</v>
      </c>
      <c r="P3940" s="52"/>
      <c r="Q3940" s="52"/>
      <c r="R3940" s="52"/>
      <c r="S3940" s="52"/>
      <c r="T3940" s="52"/>
      <c r="U3940" s="52"/>
      <c r="V3940" s="52"/>
      <c r="W3940" s="52"/>
    </row>
    <row r="3941" spans="1:23" hidden="1" x14ac:dyDescent="0.35">
      <c r="A3941" s="52" t="s">
        <v>78</v>
      </c>
      <c r="B3941" s="52" t="s">
        <v>79</v>
      </c>
      <c r="C3941" s="3">
        <v>10</v>
      </c>
      <c r="D3941" s="52" t="s">
        <v>2021</v>
      </c>
      <c r="E3941" s="52" t="s">
        <v>26</v>
      </c>
      <c r="F3941" s="52" t="s">
        <v>81</v>
      </c>
      <c r="G3941" s="52" t="s">
        <v>82</v>
      </c>
      <c r="H3941" s="4">
        <v>1</v>
      </c>
      <c r="I3941" s="2">
        <v>14.65</v>
      </c>
      <c r="J3941" s="52" t="s">
        <v>9362</v>
      </c>
      <c r="K3941" s="71" t="s">
        <v>9363</v>
      </c>
      <c r="L3941" s="52" t="s">
        <v>2063</v>
      </c>
      <c r="M3941" s="72">
        <v>345</v>
      </c>
      <c r="N3941" s="52" t="s">
        <v>2066</v>
      </c>
      <c r="O3941" s="52" t="s">
        <v>2067</v>
      </c>
      <c r="P3941" s="52"/>
      <c r="Q3941" s="52"/>
      <c r="R3941" s="52"/>
      <c r="S3941" s="52"/>
      <c r="T3941" s="52"/>
      <c r="U3941" s="52"/>
      <c r="V3941" s="52"/>
      <c r="W3941" s="52"/>
    </row>
    <row r="3942" spans="1:23" hidden="1" x14ac:dyDescent="0.35">
      <c r="A3942" s="52" t="s">
        <v>78</v>
      </c>
      <c r="B3942" s="52" t="s">
        <v>79</v>
      </c>
      <c r="C3942" s="3">
        <v>20</v>
      </c>
      <c r="D3942" s="52" t="s">
        <v>85</v>
      </c>
      <c r="E3942" s="52" t="s">
        <v>26</v>
      </c>
      <c r="F3942" s="52" t="s">
        <v>81</v>
      </c>
      <c r="G3942" s="52" t="s">
        <v>82</v>
      </c>
      <c r="H3942" s="4">
        <v>1</v>
      </c>
      <c r="I3942" s="2">
        <v>14.65</v>
      </c>
      <c r="J3942" s="52" t="s">
        <v>9364</v>
      </c>
      <c r="K3942" s="71" t="s">
        <v>9365</v>
      </c>
      <c r="L3942" s="52" t="s">
        <v>2063</v>
      </c>
      <c r="M3942" s="72">
        <v>1850</v>
      </c>
      <c r="N3942" s="52" t="s">
        <v>2072</v>
      </c>
      <c r="O3942" s="52" t="s">
        <v>2073</v>
      </c>
      <c r="P3942" s="52"/>
      <c r="Q3942" s="52"/>
      <c r="R3942" s="52"/>
      <c r="S3942" s="52"/>
      <c r="T3942" s="52"/>
      <c r="U3942" s="52"/>
      <c r="V3942" s="52"/>
      <c r="W3942" s="52"/>
    </row>
    <row r="3943" spans="1:23" hidden="1" x14ac:dyDescent="0.35">
      <c r="A3943" s="52" t="s">
        <v>78</v>
      </c>
      <c r="B3943" s="52" t="s">
        <v>79</v>
      </c>
      <c r="C3943" s="3">
        <v>10</v>
      </c>
      <c r="D3943" s="52" t="s">
        <v>2021</v>
      </c>
      <c r="E3943" s="52" t="s">
        <v>26</v>
      </c>
      <c r="F3943" s="52" t="s">
        <v>81</v>
      </c>
      <c r="G3943" s="52" t="s">
        <v>82</v>
      </c>
      <c r="H3943" s="4">
        <v>1</v>
      </c>
      <c r="I3943" s="2">
        <v>14.65</v>
      </c>
      <c r="J3943" s="52" t="s">
        <v>9366</v>
      </c>
      <c r="K3943" s="71" t="s">
        <v>9367</v>
      </c>
      <c r="L3943" s="52" t="s">
        <v>2063</v>
      </c>
      <c r="M3943" s="72">
        <v>2314</v>
      </c>
      <c r="N3943" s="52" t="s">
        <v>2154</v>
      </c>
      <c r="O3943" s="52" t="s">
        <v>2155</v>
      </c>
      <c r="P3943" s="52"/>
      <c r="Q3943" s="52"/>
      <c r="R3943" s="52"/>
      <c r="S3943" s="52"/>
      <c r="T3943" s="52"/>
      <c r="U3943" s="52"/>
      <c r="V3943" s="52"/>
      <c r="W3943" s="52"/>
    </row>
    <row r="3944" spans="1:23" hidden="1" x14ac:dyDescent="0.35">
      <c r="A3944" s="52" t="s">
        <v>78</v>
      </c>
      <c r="B3944" s="52" t="s">
        <v>79</v>
      </c>
      <c r="C3944" s="3">
        <v>20</v>
      </c>
      <c r="D3944" s="52" t="s">
        <v>86</v>
      </c>
      <c r="E3944" s="52" t="s">
        <v>26</v>
      </c>
      <c r="F3944" s="52" t="s">
        <v>81</v>
      </c>
      <c r="G3944" s="52" t="s">
        <v>82</v>
      </c>
      <c r="H3944" s="4">
        <v>1</v>
      </c>
      <c r="I3944" s="2">
        <v>14.65</v>
      </c>
      <c r="J3944" s="52" t="s">
        <v>9368</v>
      </c>
      <c r="K3944" s="71" t="s">
        <v>9369</v>
      </c>
      <c r="L3944" s="52" t="s">
        <v>2063</v>
      </c>
      <c r="M3944" s="72">
        <v>1436</v>
      </c>
      <c r="N3944" s="52" t="s">
        <v>2066</v>
      </c>
      <c r="O3944" s="52" t="s">
        <v>2067</v>
      </c>
      <c r="P3944" s="52"/>
      <c r="Q3944" s="52"/>
      <c r="R3944" s="52"/>
      <c r="S3944" s="52"/>
      <c r="T3944" s="52"/>
      <c r="U3944" s="52"/>
      <c r="V3944" s="52"/>
      <c r="W3944" s="52"/>
    </row>
    <row r="3945" spans="1:23" hidden="1" x14ac:dyDescent="0.35">
      <c r="A3945" s="52" t="s">
        <v>78</v>
      </c>
      <c r="B3945" s="52" t="s">
        <v>79</v>
      </c>
      <c r="C3945" s="3">
        <v>10</v>
      </c>
      <c r="D3945" s="52" t="s">
        <v>86</v>
      </c>
      <c r="E3945" s="52" t="s">
        <v>26</v>
      </c>
      <c r="F3945" s="52" t="s">
        <v>81</v>
      </c>
      <c r="G3945" s="52" t="s">
        <v>82</v>
      </c>
      <c r="H3945" s="4">
        <v>1</v>
      </c>
      <c r="I3945" s="2">
        <v>14.65</v>
      </c>
      <c r="J3945" s="52" t="s">
        <v>8893</v>
      </c>
      <c r="K3945" s="71" t="s">
        <v>9370</v>
      </c>
      <c r="L3945" s="52" t="s">
        <v>2063</v>
      </c>
      <c r="M3945" s="72">
        <v>2807</v>
      </c>
      <c r="N3945" s="52"/>
      <c r="O3945" s="52"/>
      <c r="P3945" s="52"/>
      <c r="Q3945" s="52"/>
      <c r="R3945" s="52"/>
      <c r="S3945" s="52"/>
      <c r="T3945" s="52"/>
      <c r="U3945" s="52"/>
      <c r="V3945" s="52"/>
      <c r="W3945" s="52"/>
    </row>
    <row r="3946" spans="1:23" hidden="1" x14ac:dyDescent="0.35">
      <c r="A3946" s="52" t="s">
        <v>78</v>
      </c>
      <c r="B3946" s="52" t="s">
        <v>79</v>
      </c>
      <c r="C3946" s="3">
        <v>211</v>
      </c>
      <c r="D3946" s="52" t="s">
        <v>86</v>
      </c>
      <c r="E3946" s="52" t="s">
        <v>26</v>
      </c>
      <c r="F3946" s="52" t="s">
        <v>81</v>
      </c>
      <c r="G3946" s="52" t="s">
        <v>82</v>
      </c>
      <c r="H3946" s="4">
        <v>1</v>
      </c>
      <c r="I3946" s="2">
        <v>14.65</v>
      </c>
      <c r="J3946" s="52" t="s">
        <v>9371</v>
      </c>
      <c r="K3946" s="71" t="s">
        <v>9372</v>
      </c>
      <c r="L3946" s="52" t="s">
        <v>2063</v>
      </c>
      <c r="M3946" s="72">
        <v>5029</v>
      </c>
      <c r="N3946" s="52"/>
      <c r="O3946" s="52"/>
      <c r="P3946" s="52"/>
      <c r="Q3946" s="52"/>
      <c r="R3946" s="52"/>
      <c r="S3946" s="52"/>
      <c r="T3946" s="52"/>
      <c r="U3946" s="52"/>
      <c r="V3946" s="52"/>
      <c r="W3946" s="52"/>
    </row>
    <row r="3947" spans="1:23" hidden="1" x14ac:dyDescent="0.35">
      <c r="A3947" s="52" t="s">
        <v>78</v>
      </c>
      <c r="B3947" s="52" t="s">
        <v>79</v>
      </c>
      <c r="C3947" s="3">
        <v>20</v>
      </c>
      <c r="D3947" s="52" t="s">
        <v>2021</v>
      </c>
      <c r="E3947" s="52" t="s">
        <v>26</v>
      </c>
      <c r="F3947" s="52" t="s">
        <v>81</v>
      </c>
      <c r="G3947" s="52" t="s">
        <v>82</v>
      </c>
      <c r="H3947" s="4">
        <v>1</v>
      </c>
      <c r="I3947" s="2">
        <v>14.65</v>
      </c>
      <c r="J3947" s="52" t="s">
        <v>9214</v>
      </c>
      <c r="K3947" s="71" t="s">
        <v>9373</v>
      </c>
      <c r="L3947" s="52" t="s">
        <v>2063</v>
      </c>
      <c r="M3947" s="72">
        <v>804</v>
      </c>
      <c r="N3947" s="52" t="s">
        <v>2072</v>
      </c>
      <c r="O3947" s="52" t="s">
        <v>2073</v>
      </c>
      <c r="P3947" s="52"/>
      <c r="Q3947" s="52"/>
      <c r="R3947" s="52"/>
      <c r="S3947" s="52"/>
      <c r="T3947" s="52"/>
      <c r="U3947" s="52"/>
      <c r="V3947" s="52"/>
      <c r="W3947" s="52"/>
    </row>
    <row r="3948" spans="1:23" hidden="1" x14ac:dyDescent="0.35">
      <c r="A3948" s="52" t="s">
        <v>78</v>
      </c>
      <c r="B3948" s="52" t="s">
        <v>79</v>
      </c>
      <c r="C3948" s="3">
        <v>20</v>
      </c>
      <c r="D3948" s="52" t="s">
        <v>83</v>
      </c>
      <c r="E3948" s="52" t="s">
        <v>26</v>
      </c>
      <c r="F3948" s="52" t="s">
        <v>81</v>
      </c>
      <c r="G3948" s="52" t="s">
        <v>82</v>
      </c>
      <c r="H3948" s="4">
        <v>1</v>
      </c>
      <c r="I3948" s="2">
        <v>14.65</v>
      </c>
      <c r="J3948" s="52" t="s">
        <v>9374</v>
      </c>
      <c r="K3948" s="71" t="s">
        <v>9375</v>
      </c>
      <c r="L3948" s="52" t="s">
        <v>2063</v>
      </c>
      <c r="M3948" s="72">
        <v>9074</v>
      </c>
      <c r="N3948" s="52" t="s">
        <v>2072</v>
      </c>
      <c r="O3948" s="52" t="s">
        <v>2073</v>
      </c>
      <c r="P3948" s="52"/>
      <c r="Q3948" s="52"/>
      <c r="R3948" s="52"/>
      <c r="S3948" s="52"/>
      <c r="T3948" s="52"/>
      <c r="U3948" s="52"/>
      <c r="V3948" s="52"/>
      <c r="W3948" s="52"/>
    </row>
    <row r="3949" spans="1:23" hidden="1" x14ac:dyDescent="0.35">
      <c r="A3949" s="52" t="s">
        <v>78</v>
      </c>
      <c r="B3949" s="52" t="s">
        <v>79</v>
      </c>
      <c r="C3949" s="3">
        <v>20</v>
      </c>
      <c r="D3949" s="52" t="s">
        <v>2019</v>
      </c>
      <c r="E3949" s="52" t="s">
        <v>26</v>
      </c>
      <c r="F3949" s="52" t="s">
        <v>81</v>
      </c>
      <c r="G3949" s="52" t="s">
        <v>82</v>
      </c>
      <c r="H3949" s="4">
        <v>1</v>
      </c>
      <c r="I3949" s="2">
        <v>14.65</v>
      </c>
      <c r="J3949" s="52" t="s">
        <v>9376</v>
      </c>
      <c r="K3949" s="71" t="s">
        <v>9377</v>
      </c>
      <c r="L3949" s="52" t="s">
        <v>2063</v>
      </c>
      <c r="M3949" s="72">
        <v>4788</v>
      </c>
      <c r="N3949" s="52" t="s">
        <v>2072</v>
      </c>
      <c r="O3949" s="52" t="s">
        <v>2073</v>
      </c>
      <c r="P3949" s="52"/>
      <c r="Q3949" s="52"/>
      <c r="R3949" s="52"/>
      <c r="S3949" s="52"/>
      <c r="T3949" s="52"/>
      <c r="U3949" s="52"/>
      <c r="V3949" s="52"/>
      <c r="W3949" s="52"/>
    </row>
    <row r="3950" spans="1:23" hidden="1" x14ac:dyDescent="0.35">
      <c r="A3950" s="52" t="s">
        <v>78</v>
      </c>
      <c r="B3950" s="52" t="s">
        <v>79</v>
      </c>
      <c r="C3950" s="3">
        <v>20</v>
      </c>
      <c r="D3950" s="52" t="s">
        <v>2020</v>
      </c>
      <c r="E3950" s="52" t="s">
        <v>26</v>
      </c>
      <c r="F3950" s="52" t="s">
        <v>81</v>
      </c>
      <c r="G3950" s="52" t="s">
        <v>82</v>
      </c>
      <c r="H3950" s="4">
        <v>1</v>
      </c>
      <c r="I3950" s="2">
        <v>14.65</v>
      </c>
      <c r="J3950" s="52" t="s">
        <v>9378</v>
      </c>
      <c r="K3950" s="71" t="s">
        <v>9379</v>
      </c>
      <c r="L3950" s="52" t="s">
        <v>2063</v>
      </c>
      <c r="M3950" s="72">
        <v>3759</v>
      </c>
      <c r="N3950" s="52" t="s">
        <v>2072</v>
      </c>
      <c r="O3950" s="52" t="s">
        <v>2073</v>
      </c>
      <c r="P3950" s="52"/>
      <c r="Q3950" s="52"/>
      <c r="R3950" s="52"/>
      <c r="S3950" s="52"/>
      <c r="T3950" s="52"/>
      <c r="U3950" s="52"/>
      <c r="V3950" s="52"/>
      <c r="W3950" s="52"/>
    </row>
    <row r="3951" spans="1:23" hidden="1" x14ac:dyDescent="0.35">
      <c r="A3951" s="52" t="s">
        <v>78</v>
      </c>
      <c r="B3951" s="52" t="s">
        <v>79</v>
      </c>
      <c r="C3951" s="3">
        <v>20</v>
      </c>
      <c r="D3951" s="52" t="s">
        <v>86</v>
      </c>
      <c r="E3951" s="52" t="s">
        <v>26</v>
      </c>
      <c r="F3951" s="52" t="s">
        <v>81</v>
      </c>
      <c r="G3951" s="52" t="s">
        <v>82</v>
      </c>
      <c r="H3951" s="4">
        <v>1</v>
      </c>
      <c r="I3951" s="2">
        <v>14.65</v>
      </c>
      <c r="J3951" s="52" t="s">
        <v>9129</v>
      </c>
      <c r="K3951" s="71" t="s">
        <v>9380</v>
      </c>
      <c r="L3951" s="52" t="s">
        <v>2063</v>
      </c>
      <c r="M3951" s="72">
        <v>2837</v>
      </c>
      <c r="N3951" s="52" t="s">
        <v>2072</v>
      </c>
      <c r="O3951" s="52" t="s">
        <v>2073</v>
      </c>
      <c r="P3951" s="52"/>
      <c r="Q3951" s="52"/>
      <c r="R3951" s="52"/>
      <c r="S3951" s="52"/>
      <c r="T3951" s="52"/>
      <c r="U3951" s="52"/>
      <c r="V3951" s="52"/>
      <c r="W3951" s="52"/>
    </row>
    <row r="3952" spans="1:23" hidden="1" x14ac:dyDescent="0.35">
      <c r="A3952" s="52" t="s">
        <v>78</v>
      </c>
      <c r="B3952" s="52" t="s">
        <v>79</v>
      </c>
      <c r="C3952" s="3">
        <v>20</v>
      </c>
      <c r="D3952" s="52" t="s">
        <v>2019</v>
      </c>
      <c r="E3952" s="52" t="s">
        <v>26</v>
      </c>
      <c r="F3952" s="52" t="s">
        <v>81</v>
      </c>
      <c r="G3952" s="52" t="s">
        <v>82</v>
      </c>
      <c r="H3952" s="4">
        <v>1</v>
      </c>
      <c r="I3952" s="2">
        <v>14.65</v>
      </c>
      <c r="J3952" s="52" t="s">
        <v>9381</v>
      </c>
      <c r="K3952" s="71" t="s">
        <v>9382</v>
      </c>
      <c r="L3952" s="52" t="s">
        <v>2095</v>
      </c>
      <c r="M3952" s="72">
        <v>3360</v>
      </c>
      <c r="N3952" s="52" t="s">
        <v>2158</v>
      </c>
      <c r="O3952" s="52" t="s">
        <v>2159</v>
      </c>
      <c r="P3952" s="52"/>
      <c r="Q3952" s="52"/>
      <c r="R3952" s="52"/>
      <c r="S3952" s="52"/>
      <c r="T3952" s="52"/>
      <c r="U3952" s="52"/>
      <c r="V3952" s="52"/>
      <c r="W3952" s="52"/>
    </row>
    <row r="3953" spans="1:23" hidden="1" x14ac:dyDescent="0.35">
      <c r="A3953" s="52" t="s">
        <v>78</v>
      </c>
      <c r="B3953" s="52" t="s">
        <v>79</v>
      </c>
      <c r="C3953" s="3">
        <v>20</v>
      </c>
      <c r="D3953" s="52" t="s">
        <v>2021</v>
      </c>
      <c r="E3953" s="52" t="s">
        <v>26</v>
      </c>
      <c r="F3953" s="52" t="s">
        <v>81</v>
      </c>
      <c r="G3953" s="52" t="s">
        <v>82</v>
      </c>
      <c r="H3953" s="4">
        <v>1</v>
      </c>
      <c r="I3953" s="2">
        <v>14.65</v>
      </c>
      <c r="J3953" s="52" t="s">
        <v>9383</v>
      </c>
      <c r="K3953" s="71" t="s">
        <v>9384</v>
      </c>
      <c r="L3953" s="52" t="s">
        <v>2063</v>
      </c>
      <c r="M3953" s="72">
        <v>4297</v>
      </c>
      <c r="N3953" s="52" t="s">
        <v>2158</v>
      </c>
      <c r="O3953" s="52" t="s">
        <v>2159</v>
      </c>
      <c r="P3953" s="52"/>
      <c r="Q3953" s="52"/>
      <c r="R3953" s="52"/>
      <c r="S3953" s="52"/>
      <c r="T3953" s="52"/>
      <c r="U3953" s="52"/>
      <c r="V3953" s="52"/>
      <c r="W3953" s="52"/>
    </row>
    <row r="3954" spans="1:23" hidden="1" x14ac:dyDescent="0.35">
      <c r="A3954" s="52" t="s">
        <v>78</v>
      </c>
      <c r="B3954" s="52" t="s">
        <v>79</v>
      </c>
      <c r="C3954" s="3">
        <v>10</v>
      </c>
      <c r="D3954" s="52" t="s">
        <v>2023</v>
      </c>
      <c r="E3954" s="52" t="s">
        <v>26</v>
      </c>
      <c r="F3954" s="52" t="s">
        <v>81</v>
      </c>
      <c r="G3954" s="52" t="s">
        <v>82</v>
      </c>
      <c r="H3954" s="4">
        <v>1</v>
      </c>
      <c r="I3954" s="2">
        <v>14.65</v>
      </c>
      <c r="J3954" s="52" t="s">
        <v>8833</v>
      </c>
      <c r="K3954" s="71" t="s">
        <v>9385</v>
      </c>
      <c r="L3954" s="52" t="s">
        <v>2063</v>
      </c>
      <c r="M3954" s="72">
        <v>9723</v>
      </c>
      <c r="N3954" s="52" t="s">
        <v>2072</v>
      </c>
      <c r="O3954" s="52" t="s">
        <v>2073</v>
      </c>
      <c r="P3954" s="52"/>
      <c r="Q3954" s="52"/>
      <c r="R3954" s="52"/>
      <c r="S3954" s="52"/>
      <c r="T3954" s="52"/>
      <c r="U3954" s="52"/>
      <c r="V3954" s="52"/>
      <c r="W3954" s="52"/>
    </row>
    <row r="3955" spans="1:23" hidden="1" x14ac:dyDescent="0.35">
      <c r="A3955" s="52" t="s">
        <v>78</v>
      </c>
      <c r="B3955" s="52" t="s">
        <v>79</v>
      </c>
      <c r="C3955" s="3">
        <v>20</v>
      </c>
      <c r="D3955" s="52" t="s">
        <v>2021</v>
      </c>
      <c r="E3955" s="52" t="s">
        <v>26</v>
      </c>
      <c r="F3955" s="52" t="s">
        <v>81</v>
      </c>
      <c r="G3955" s="52" t="s">
        <v>82</v>
      </c>
      <c r="H3955" s="4">
        <v>1</v>
      </c>
      <c r="I3955" s="2">
        <v>14.65</v>
      </c>
      <c r="J3955" s="52" t="s">
        <v>9386</v>
      </c>
      <c r="K3955" s="71" t="s">
        <v>9387</v>
      </c>
      <c r="L3955" s="52" t="s">
        <v>2063</v>
      </c>
      <c r="M3955" s="72">
        <v>9245</v>
      </c>
      <c r="N3955" s="52" t="s">
        <v>2066</v>
      </c>
      <c r="O3955" s="52" t="s">
        <v>2067</v>
      </c>
      <c r="P3955" s="52"/>
      <c r="Q3955" s="52"/>
      <c r="R3955" s="52"/>
      <c r="S3955" s="52"/>
      <c r="T3955" s="52"/>
      <c r="U3955" s="52"/>
      <c r="V3955" s="52"/>
      <c r="W3955" s="52"/>
    </row>
    <row r="3956" spans="1:23" hidden="1" x14ac:dyDescent="0.35">
      <c r="A3956" s="52" t="s">
        <v>78</v>
      </c>
      <c r="B3956" s="52" t="s">
        <v>79</v>
      </c>
      <c r="C3956" s="3">
        <v>20</v>
      </c>
      <c r="D3956" s="52" t="s">
        <v>2020</v>
      </c>
      <c r="E3956" s="52" t="s">
        <v>26</v>
      </c>
      <c r="F3956" s="52" t="s">
        <v>81</v>
      </c>
      <c r="G3956" s="52" t="s">
        <v>82</v>
      </c>
      <c r="H3956" s="4">
        <v>1</v>
      </c>
      <c r="I3956" s="2">
        <v>14.65</v>
      </c>
      <c r="J3956" s="52" t="s">
        <v>9388</v>
      </c>
      <c r="K3956" s="71" t="s">
        <v>9389</v>
      </c>
      <c r="L3956" s="52" t="s">
        <v>2063</v>
      </c>
      <c r="M3956" s="72">
        <v>7398</v>
      </c>
      <c r="N3956" s="52" t="s">
        <v>2072</v>
      </c>
      <c r="O3956" s="52" t="s">
        <v>2073</v>
      </c>
      <c r="P3956" s="52"/>
      <c r="Q3956" s="52"/>
      <c r="R3956" s="52"/>
      <c r="S3956" s="52"/>
      <c r="T3956" s="52"/>
      <c r="U3956" s="52"/>
      <c r="V3956" s="52"/>
      <c r="W3956" s="52"/>
    </row>
    <row r="3957" spans="1:23" hidden="1" x14ac:dyDescent="0.35">
      <c r="A3957" s="52" t="s">
        <v>78</v>
      </c>
      <c r="B3957" s="52" t="s">
        <v>79</v>
      </c>
      <c r="C3957" s="3">
        <v>10</v>
      </c>
      <c r="D3957" s="52" t="s">
        <v>2022</v>
      </c>
      <c r="E3957" s="52" t="s">
        <v>26</v>
      </c>
      <c r="F3957" s="52" t="s">
        <v>81</v>
      </c>
      <c r="G3957" s="52" t="s">
        <v>82</v>
      </c>
      <c r="H3957" s="4">
        <v>1</v>
      </c>
      <c r="I3957" s="2">
        <v>14.65</v>
      </c>
      <c r="J3957" s="52" t="s">
        <v>9390</v>
      </c>
      <c r="K3957" s="71" t="s">
        <v>9391</v>
      </c>
      <c r="L3957" s="52" t="s">
        <v>2063</v>
      </c>
      <c r="M3957" s="72">
        <v>8132</v>
      </c>
      <c r="N3957" s="52" t="s">
        <v>2072</v>
      </c>
      <c r="O3957" s="52" t="s">
        <v>2073</v>
      </c>
      <c r="P3957" s="52"/>
      <c r="Q3957" s="52"/>
      <c r="R3957" s="52"/>
      <c r="S3957" s="52"/>
      <c r="T3957" s="52"/>
      <c r="U3957" s="52"/>
      <c r="V3957" s="52"/>
      <c r="W3957" s="52"/>
    </row>
    <row r="3958" spans="1:23" hidden="1" x14ac:dyDescent="0.35">
      <c r="A3958" s="52" t="s">
        <v>78</v>
      </c>
      <c r="B3958" s="52" t="s">
        <v>79</v>
      </c>
      <c r="C3958" s="3">
        <v>20</v>
      </c>
      <c r="D3958" s="52" t="s">
        <v>2022</v>
      </c>
      <c r="E3958" s="52" t="s">
        <v>26</v>
      </c>
      <c r="F3958" s="52" t="s">
        <v>81</v>
      </c>
      <c r="G3958" s="52" t="s">
        <v>82</v>
      </c>
      <c r="H3958" s="4">
        <v>1</v>
      </c>
      <c r="I3958" s="2">
        <v>14.65</v>
      </c>
      <c r="J3958" s="52" t="s">
        <v>9001</v>
      </c>
      <c r="K3958" s="71" t="s">
        <v>9392</v>
      </c>
      <c r="L3958" s="52" t="s">
        <v>2063</v>
      </c>
      <c r="M3958" s="72">
        <v>7729</v>
      </c>
      <c r="N3958" s="52" t="s">
        <v>2072</v>
      </c>
      <c r="O3958" s="52" t="s">
        <v>2073</v>
      </c>
      <c r="P3958" s="52"/>
      <c r="Q3958" s="52"/>
      <c r="R3958" s="52"/>
      <c r="S3958" s="52"/>
      <c r="T3958" s="52"/>
      <c r="U3958" s="52"/>
      <c r="V3958" s="52"/>
      <c r="W3958" s="52"/>
    </row>
    <row r="3959" spans="1:23" hidden="1" x14ac:dyDescent="0.35">
      <c r="A3959" s="52" t="s">
        <v>78</v>
      </c>
      <c r="B3959" s="52" t="s">
        <v>79</v>
      </c>
      <c r="C3959" s="3">
        <v>10</v>
      </c>
      <c r="D3959" s="52" t="s">
        <v>2020</v>
      </c>
      <c r="E3959" s="52" t="s">
        <v>26</v>
      </c>
      <c r="F3959" s="52" t="s">
        <v>81</v>
      </c>
      <c r="G3959" s="52" t="s">
        <v>82</v>
      </c>
      <c r="H3959" s="4">
        <v>1</v>
      </c>
      <c r="I3959" s="2">
        <v>14.65</v>
      </c>
      <c r="J3959" s="52" t="s">
        <v>9393</v>
      </c>
      <c r="K3959" s="71" t="s">
        <v>9394</v>
      </c>
      <c r="L3959" s="52" t="s">
        <v>2095</v>
      </c>
      <c r="M3959" s="72">
        <v>8623</v>
      </c>
      <c r="N3959" s="52"/>
      <c r="O3959" s="52"/>
      <c r="P3959" s="52"/>
      <c r="Q3959" s="52"/>
      <c r="R3959" s="52"/>
      <c r="S3959" s="52"/>
      <c r="T3959" s="52"/>
      <c r="U3959" s="52"/>
      <c r="V3959" s="52"/>
      <c r="W3959" s="52"/>
    </row>
    <row r="3960" spans="1:23" hidden="1" x14ac:dyDescent="0.35">
      <c r="A3960" s="52" t="s">
        <v>78</v>
      </c>
      <c r="B3960" s="52" t="s">
        <v>79</v>
      </c>
      <c r="C3960" s="3">
        <v>10</v>
      </c>
      <c r="D3960" s="52" t="s">
        <v>2024</v>
      </c>
      <c r="E3960" s="52" t="s">
        <v>26</v>
      </c>
      <c r="F3960" s="52" t="s">
        <v>81</v>
      </c>
      <c r="G3960" s="52" t="s">
        <v>82</v>
      </c>
      <c r="H3960" s="4">
        <v>1</v>
      </c>
      <c r="I3960" s="2">
        <v>14.65</v>
      </c>
      <c r="J3960" s="52" t="s">
        <v>9395</v>
      </c>
      <c r="K3960" s="71" t="s">
        <v>9396</v>
      </c>
      <c r="L3960" s="52" t="s">
        <v>2095</v>
      </c>
      <c r="M3960" s="72">
        <v>1552</v>
      </c>
      <c r="N3960" s="52" t="s">
        <v>2072</v>
      </c>
      <c r="O3960" s="52" t="s">
        <v>2073</v>
      </c>
      <c r="P3960" s="52"/>
      <c r="Q3960" s="52"/>
      <c r="R3960" s="52"/>
      <c r="S3960" s="52"/>
      <c r="T3960" s="52"/>
      <c r="U3960" s="52"/>
      <c r="V3960" s="52"/>
      <c r="W3960" s="52"/>
    </row>
    <row r="3961" spans="1:23" hidden="1" x14ac:dyDescent="0.35">
      <c r="A3961" s="52" t="s">
        <v>78</v>
      </c>
      <c r="B3961" s="52" t="s">
        <v>79</v>
      </c>
      <c r="C3961" s="3">
        <v>10</v>
      </c>
      <c r="D3961" s="52" t="s">
        <v>80</v>
      </c>
      <c r="E3961" s="52" t="s">
        <v>26</v>
      </c>
      <c r="F3961" s="52" t="s">
        <v>81</v>
      </c>
      <c r="G3961" s="52" t="s">
        <v>82</v>
      </c>
      <c r="H3961" s="4">
        <v>1</v>
      </c>
      <c r="I3961" s="2">
        <v>14.65</v>
      </c>
      <c r="J3961" s="52" t="s">
        <v>8926</v>
      </c>
      <c r="K3961" s="71" t="s">
        <v>9397</v>
      </c>
      <c r="L3961" s="52" t="s">
        <v>2063</v>
      </c>
      <c r="M3961" s="72">
        <v>9444</v>
      </c>
      <c r="N3961" s="52" t="s">
        <v>2072</v>
      </c>
      <c r="O3961" s="52" t="s">
        <v>2073</v>
      </c>
      <c r="P3961" s="52"/>
      <c r="Q3961" s="52"/>
      <c r="R3961" s="52"/>
      <c r="S3961" s="52"/>
      <c r="T3961" s="52"/>
      <c r="U3961" s="52"/>
      <c r="V3961" s="52"/>
      <c r="W3961" s="52"/>
    </row>
    <row r="3962" spans="1:23" hidden="1" x14ac:dyDescent="0.35">
      <c r="A3962" s="52" t="s">
        <v>78</v>
      </c>
      <c r="B3962" s="52" t="s">
        <v>79</v>
      </c>
      <c r="C3962" s="3">
        <v>20</v>
      </c>
      <c r="D3962" s="52" t="s">
        <v>2023</v>
      </c>
      <c r="E3962" s="52" t="s">
        <v>26</v>
      </c>
      <c r="F3962" s="52" t="s">
        <v>81</v>
      </c>
      <c r="G3962" s="52" t="s">
        <v>82</v>
      </c>
      <c r="H3962" s="4">
        <v>1</v>
      </c>
      <c r="I3962" s="2">
        <v>14.65</v>
      </c>
      <c r="J3962" s="52" t="s">
        <v>9398</v>
      </c>
      <c r="K3962" s="71" t="s">
        <v>9399</v>
      </c>
      <c r="L3962" s="52" t="s">
        <v>2063</v>
      </c>
      <c r="M3962" s="72">
        <v>8704</v>
      </c>
      <c r="N3962" s="52"/>
      <c r="O3962" s="52"/>
      <c r="P3962" s="52"/>
      <c r="Q3962" s="52"/>
      <c r="R3962" s="52"/>
      <c r="S3962" s="52"/>
      <c r="T3962" s="52"/>
      <c r="U3962" s="52"/>
      <c r="V3962" s="52"/>
      <c r="W3962" s="52"/>
    </row>
    <row r="3963" spans="1:23" hidden="1" x14ac:dyDescent="0.35">
      <c r="A3963" s="52" t="s">
        <v>78</v>
      </c>
      <c r="B3963" s="52" t="s">
        <v>79</v>
      </c>
      <c r="C3963" s="3">
        <v>10</v>
      </c>
      <c r="D3963" s="52" t="s">
        <v>85</v>
      </c>
      <c r="E3963" s="52" t="s">
        <v>26</v>
      </c>
      <c r="F3963" s="52" t="s">
        <v>81</v>
      </c>
      <c r="G3963" s="52" t="s">
        <v>82</v>
      </c>
      <c r="H3963" s="4">
        <v>1</v>
      </c>
      <c r="I3963" s="2">
        <v>14.65</v>
      </c>
      <c r="J3963" s="52" t="s">
        <v>9400</v>
      </c>
      <c r="K3963" s="71" t="s">
        <v>9401</v>
      </c>
      <c r="L3963" s="52" t="s">
        <v>2063</v>
      </c>
      <c r="M3963" s="72">
        <v>3299</v>
      </c>
      <c r="N3963" s="52" t="s">
        <v>2066</v>
      </c>
      <c r="O3963" s="52" t="s">
        <v>2067</v>
      </c>
      <c r="P3963" s="52"/>
      <c r="Q3963" s="52"/>
      <c r="R3963" s="52"/>
      <c r="S3963" s="52"/>
      <c r="T3963" s="52"/>
      <c r="U3963" s="52"/>
      <c r="V3963" s="52"/>
      <c r="W3963" s="52"/>
    </row>
    <row r="3964" spans="1:23" hidden="1" x14ac:dyDescent="0.35">
      <c r="A3964" s="52" t="s">
        <v>78</v>
      </c>
      <c r="B3964" s="52" t="s">
        <v>79</v>
      </c>
      <c r="C3964" s="3">
        <v>20</v>
      </c>
      <c r="D3964" s="52" t="s">
        <v>86</v>
      </c>
      <c r="E3964" s="52" t="s">
        <v>26</v>
      </c>
      <c r="F3964" s="52" t="s">
        <v>81</v>
      </c>
      <c r="G3964" s="52" t="s">
        <v>82</v>
      </c>
      <c r="H3964" s="4">
        <v>1</v>
      </c>
      <c r="I3964" s="2">
        <v>14.65</v>
      </c>
      <c r="J3964" s="52" t="s">
        <v>9402</v>
      </c>
      <c r="K3964" s="71" t="s">
        <v>9403</v>
      </c>
      <c r="L3964" s="52" t="s">
        <v>2063</v>
      </c>
      <c r="M3964" s="72">
        <v>5508</v>
      </c>
      <c r="N3964" s="52" t="s">
        <v>2072</v>
      </c>
      <c r="O3964" s="52" t="s">
        <v>2073</v>
      </c>
      <c r="P3964" s="52"/>
      <c r="Q3964" s="52"/>
      <c r="R3964" s="52"/>
      <c r="S3964" s="52"/>
      <c r="T3964" s="52"/>
      <c r="U3964" s="52"/>
      <c r="V3964" s="52"/>
      <c r="W3964" s="52"/>
    </row>
    <row r="3965" spans="1:23" hidden="1" x14ac:dyDescent="0.35">
      <c r="A3965" s="52" t="s">
        <v>78</v>
      </c>
      <c r="B3965" s="52" t="s">
        <v>79</v>
      </c>
      <c r="C3965" s="3">
        <v>20</v>
      </c>
      <c r="D3965" s="52" t="s">
        <v>2021</v>
      </c>
      <c r="E3965" s="52" t="s">
        <v>26</v>
      </c>
      <c r="F3965" s="52" t="s">
        <v>81</v>
      </c>
      <c r="G3965" s="52" t="s">
        <v>82</v>
      </c>
      <c r="H3965" s="4">
        <v>1</v>
      </c>
      <c r="I3965" s="2">
        <v>14.65</v>
      </c>
      <c r="J3965" s="52" t="s">
        <v>9404</v>
      </c>
      <c r="K3965" s="71" t="s">
        <v>9405</v>
      </c>
      <c r="L3965" s="52" t="s">
        <v>2063</v>
      </c>
      <c r="M3965" s="72">
        <v>3079</v>
      </c>
      <c r="N3965" s="52" t="s">
        <v>2066</v>
      </c>
      <c r="O3965" s="52" t="s">
        <v>2067</v>
      </c>
      <c r="P3965" s="52"/>
      <c r="Q3965" s="52"/>
      <c r="R3965" s="52"/>
      <c r="S3965" s="52"/>
      <c r="T3965" s="52"/>
      <c r="U3965" s="52"/>
      <c r="V3965" s="52"/>
      <c r="W3965" s="52"/>
    </row>
    <row r="3966" spans="1:23" hidden="1" x14ac:dyDescent="0.35">
      <c r="A3966" s="52" t="s">
        <v>78</v>
      </c>
      <c r="B3966" s="52" t="s">
        <v>79</v>
      </c>
      <c r="C3966" s="3">
        <v>10</v>
      </c>
      <c r="D3966" s="52" t="s">
        <v>86</v>
      </c>
      <c r="E3966" s="52" t="s">
        <v>26</v>
      </c>
      <c r="F3966" s="52" t="s">
        <v>81</v>
      </c>
      <c r="G3966" s="52" t="s">
        <v>82</v>
      </c>
      <c r="H3966" s="4">
        <v>1</v>
      </c>
      <c r="I3966" s="2">
        <v>14.65</v>
      </c>
      <c r="J3966" s="52" t="s">
        <v>9406</v>
      </c>
      <c r="K3966" s="71" t="s">
        <v>9407</v>
      </c>
      <c r="L3966" s="52" t="s">
        <v>2063</v>
      </c>
      <c r="M3966" s="72">
        <v>9942</v>
      </c>
      <c r="N3966" s="52" t="s">
        <v>2072</v>
      </c>
      <c r="O3966" s="52" t="s">
        <v>2073</v>
      </c>
      <c r="P3966" s="52"/>
      <c r="Q3966" s="52"/>
      <c r="R3966" s="52"/>
      <c r="S3966" s="52"/>
      <c r="T3966" s="52"/>
      <c r="U3966" s="52"/>
      <c r="V3966" s="52"/>
      <c r="W3966" s="52"/>
    </row>
    <row r="3967" spans="1:23" hidden="1" x14ac:dyDescent="0.35">
      <c r="A3967" s="52" t="s">
        <v>78</v>
      </c>
      <c r="B3967" s="52" t="s">
        <v>79</v>
      </c>
      <c r="C3967" s="3">
        <v>10</v>
      </c>
      <c r="D3967" s="52" t="s">
        <v>86</v>
      </c>
      <c r="E3967" s="52" t="s">
        <v>26</v>
      </c>
      <c r="F3967" s="52" t="s">
        <v>81</v>
      </c>
      <c r="G3967" s="52" t="s">
        <v>82</v>
      </c>
      <c r="H3967" s="4">
        <v>1</v>
      </c>
      <c r="I3967" s="2">
        <v>14.65</v>
      </c>
      <c r="J3967" s="52" t="s">
        <v>9408</v>
      </c>
      <c r="K3967" s="71" t="s">
        <v>9409</v>
      </c>
      <c r="L3967" s="52" t="s">
        <v>2063</v>
      </c>
      <c r="M3967" s="72">
        <v>8801</v>
      </c>
      <c r="N3967" s="52" t="s">
        <v>2066</v>
      </c>
      <c r="O3967" s="52" t="s">
        <v>2067</v>
      </c>
      <c r="P3967" s="52"/>
      <c r="Q3967" s="52"/>
      <c r="R3967" s="52"/>
      <c r="S3967" s="52"/>
      <c r="T3967" s="52"/>
      <c r="U3967" s="52"/>
      <c r="V3967" s="52"/>
      <c r="W3967" s="52"/>
    </row>
    <row r="3968" spans="1:23" hidden="1" x14ac:dyDescent="0.35">
      <c r="A3968" s="52" t="s">
        <v>78</v>
      </c>
      <c r="B3968" s="52" t="s">
        <v>79</v>
      </c>
      <c r="C3968" s="3">
        <v>10</v>
      </c>
      <c r="D3968" s="52" t="s">
        <v>2023</v>
      </c>
      <c r="E3968" s="52" t="s">
        <v>26</v>
      </c>
      <c r="F3968" s="52" t="s">
        <v>81</v>
      </c>
      <c r="G3968" s="52" t="s">
        <v>82</v>
      </c>
      <c r="H3968" s="4">
        <v>1</v>
      </c>
      <c r="I3968" s="2">
        <v>14.65</v>
      </c>
      <c r="J3968" s="52" t="s">
        <v>9410</v>
      </c>
      <c r="K3968" s="71" t="s">
        <v>9411</v>
      </c>
      <c r="L3968" s="52" t="s">
        <v>2063</v>
      </c>
      <c r="M3968" s="72">
        <v>9884</v>
      </c>
      <c r="N3968" s="52" t="s">
        <v>2072</v>
      </c>
      <c r="O3968" s="52" t="s">
        <v>2073</v>
      </c>
      <c r="P3968" s="52"/>
      <c r="Q3968" s="52"/>
      <c r="R3968" s="52"/>
      <c r="S3968" s="52"/>
      <c r="T3968" s="52"/>
      <c r="U3968" s="52"/>
      <c r="V3968" s="52"/>
      <c r="W3968" s="52"/>
    </row>
    <row r="3969" spans="1:23" hidden="1" x14ac:dyDescent="0.35">
      <c r="A3969" s="52" t="s">
        <v>78</v>
      </c>
      <c r="B3969" s="52" t="s">
        <v>79</v>
      </c>
      <c r="C3969" s="3">
        <v>20</v>
      </c>
      <c r="D3969" s="52" t="s">
        <v>2019</v>
      </c>
      <c r="E3969" s="52" t="s">
        <v>26</v>
      </c>
      <c r="F3969" s="52" t="s">
        <v>81</v>
      </c>
      <c r="G3969" s="52" t="s">
        <v>82</v>
      </c>
      <c r="H3969" s="4">
        <v>1</v>
      </c>
      <c r="I3969" s="2">
        <v>14.65</v>
      </c>
      <c r="J3969" s="52" t="s">
        <v>9412</v>
      </c>
      <c r="K3969" s="71" t="s">
        <v>9413</v>
      </c>
      <c r="L3969" s="52" t="s">
        <v>2063</v>
      </c>
      <c r="M3969" s="72">
        <v>1327</v>
      </c>
      <c r="N3969" s="52" t="s">
        <v>2072</v>
      </c>
      <c r="O3969" s="52" t="s">
        <v>2073</v>
      </c>
      <c r="P3969" s="52"/>
      <c r="Q3969" s="52"/>
      <c r="R3969" s="52"/>
      <c r="S3969" s="52"/>
      <c r="T3969" s="52"/>
      <c r="U3969" s="52"/>
      <c r="V3969" s="52"/>
      <c r="W3969" s="52"/>
    </row>
    <row r="3970" spans="1:23" hidden="1" x14ac:dyDescent="0.35">
      <c r="A3970" s="52" t="s">
        <v>78</v>
      </c>
      <c r="B3970" s="52" t="s">
        <v>79</v>
      </c>
      <c r="C3970" s="3">
        <v>10</v>
      </c>
      <c r="D3970" s="52" t="s">
        <v>2024</v>
      </c>
      <c r="E3970" s="52" t="s">
        <v>26</v>
      </c>
      <c r="F3970" s="52" t="s">
        <v>81</v>
      </c>
      <c r="G3970" s="52" t="s">
        <v>82</v>
      </c>
      <c r="H3970" s="4">
        <v>1</v>
      </c>
      <c r="I3970" s="2">
        <v>14.65</v>
      </c>
      <c r="J3970" s="52" t="s">
        <v>9414</v>
      </c>
      <c r="K3970" s="71" t="s">
        <v>9415</v>
      </c>
      <c r="L3970" s="52" t="s">
        <v>2063</v>
      </c>
      <c r="M3970" s="72">
        <v>8490</v>
      </c>
      <c r="N3970" s="52" t="s">
        <v>2066</v>
      </c>
      <c r="O3970" s="52" t="s">
        <v>2067</v>
      </c>
      <c r="P3970" s="52"/>
      <c r="Q3970" s="52"/>
      <c r="R3970" s="52"/>
      <c r="S3970" s="52"/>
      <c r="T3970" s="52"/>
      <c r="U3970" s="52"/>
      <c r="V3970" s="52"/>
      <c r="W3970" s="52"/>
    </row>
    <row r="3971" spans="1:23" hidden="1" x14ac:dyDescent="0.35">
      <c r="A3971" s="52" t="s">
        <v>78</v>
      </c>
      <c r="B3971" s="52" t="s">
        <v>79</v>
      </c>
      <c r="C3971" s="3">
        <v>10</v>
      </c>
      <c r="D3971" s="52" t="s">
        <v>2021</v>
      </c>
      <c r="E3971" s="52" t="s">
        <v>26</v>
      </c>
      <c r="F3971" s="52" t="s">
        <v>81</v>
      </c>
      <c r="G3971" s="52" t="s">
        <v>82</v>
      </c>
      <c r="H3971" s="4">
        <v>1</v>
      </c>
      <c r="I3971" s="2">
        <v>14.65</v>
      </c>
      <c r="J3971" s="52" t="s">
        <v>9416</v>
      </c>
      <c r="K3971" s="71" t="s">
        <v>9417</v>
      </c>
      <c r="L3971" s="52" t="s">
        <v>2063</v>
      </c>
      <c r="M3971" s="72">
        <v>6313</v>
      </c>
      <c r="N3971" s="52" t="s">
        <v>2072</v>
      </c>
      <c r="O3971" s="52" t="s">
        <v>2073</v>
      </c>
      <c r="P3971" s="52"/>
      <c r="Q3971" s="52"/>
      <c r="R3971" s="52"/>
      <c r="S3971" s="52"/>
      <c r="T3971" s="52"/>
      <c r="U3971" s="52"/>
      <c r="V3971" s="52"/>
      <c r="W3971" s="52"/>
    </row>
    <row r="3972" spans="1:23" hidden="1" x14ac:dyDescent="0.35">
      <c r="A3972" s="52" t="s">
        <v>78</v>
      </c>
      <c r="B3972" s="52" t="s">
        <v>79</v>
      </c>
      <c r="C3972" s="3">
        <v>20</v>
      </c>
      <c r="D3972" s="52" t="s">
        <v>85</v>
      </c>
      <c r="E3972" s="52" t="s">
        <v>26</v>
      </c>
      <c r="F3972" s="52" t="s">
        <v>81</v>
      </c>
      <c r="G3972" s="52" t="s">
        <v>82</v>
      </c>
      <c r="H3972" s="4">
        <v>1</v>
      </c>
      <c r="I3972" s="2">
        <v>14.65</v>
      </c>
      <c r="J3972" s="52" t="s">
        <v>9418</v>
      </c>
      <c r="K3972" s="71" t="s">
        <v>9419</v>
      </c>
      <c r="L3972" s="52" t="s">
        <v>2063</v>
      </c>
      <c r="M3972" s="72">
        <v>5839</v>
      </c>
      <c r="N3972" s="52" t="s">
        <v>2072</v>
      </c>
      <c r="O3972" s="52" t="s">
        <v>2073</v>
      </c>
      <c r="P3972" s="52"/>
      <c r="Q3972" s="52"/>
      <c r="R3972" s="52"/>
      <c r="S3972" s="52"/>
      <c r="T3972" s="52"/>
      <c r="U3972" s="52"/>
      <c r="V3972" s="52"/>
      <c r="W3972" s="52"/>
    </row>
    <row r="3973" spans="1:23" hidden="1" x14ac:dyDescent="0.35">
      <c r="A3973" s="52" t="s">
        <v>78</v>
      </c>
      <c r="B3973" s="52" t="s">
        <v>79</v>
      </c>
      <c r="C3973" s="3">
        <v>20</v>
      </c>
      <c r="D3973" s="52" t="s">
        <v>2020</v>
      </c>
      <c r="E3973" s="52" t="s">
        <v>26</v>
      </c>
      <c r="F3973" s="52" t="s">
        <v>81</v>
      </c>
      <c r="G3973" s="52" t="s">
        <v>82</v>
      </c>
      <c r="H3973" s="4">
        <v>1</v>
      </c>
      <c r="I3973" s="2">
        <v>14.65</v>
      </c>
      <c r="J3973" s="52" t="s">
        <v>9164</v>
      </c>
      <c r="K3973" s="71" t="s">
        <v>9420</v>
      </c>
      <c r="L3973" s="52" t="s">
        <v>2063</v>
      </c>
      <c r="M3973" s="72">
        <v>7105</v>
      </c>
      <c r="N3973" s="52" t="s">
        <v>2066</v>
      </c>
      <c r="O3973" s="52" t="s">
        <v>2067</v>
      </c>
      <c r="P3973" s="52"/>
      <c r="Q3973" s="52"/>
      <c r="R3973" s="52"/>
      <c r="S3973" s="52"/>
      <c r="T3973" s="52"/>
      <c r="U3973" s="52"/>
      <c r="V3973" s="52"/>
      <c r="W3973" s="52"/>
    </row>
    <row r="3974" spans="1:23" hidden="1" x14ac:dyDescent="0.35">
      <c r="A3974" s="52" t="s">
        <v>78</v>
      </c>
      <c r="B3974" s="52" t="s">
        <v>79</v>
      </c>
      <c r="C3974" s="3">
        <v>10</v>
      </c>
      <c r="D3974" s="52" t="s">
        <v>84</v>
      </c>
      <c r="E3974" s="52" t="s">
        <v>26</v>
      </c>
      <c r="F3974" s="52" t="s">
        <v>81</v>
      </c>
      <c r="G3974" s="52" t="s">
        <v>82</v>
      </c>
      <c r="H3974" s="4">
        <v>1</v>
      </c>
      <c r="I3974" s="2">
        <v>14.65</v>
      </c>
      <c r="J3974" s="52" t="s">
        <v>8537</v>
      </c>
      <c r="K3974" s="71" t="s">
        <v>9421</v>
      </c>
      <c r="L3974" s="52" t="s">
        <v>2063</v>
      </c>
      <c r="M3974" s="72">
        <v>4232</v>
      </c>
      <c r="N3974" s="52"/>
      <c r="O3974" s="52"/>
      <c r="P3974" s="52"/>
      <c r="Q3974" s="52"/>
      <c r="R3974" s="52"/>
      <c r="S3974" s="52"/>
      <c r="T3974" s="52"/>
      <c r="U3974" s="52"/>
      <c r="V3974" s="52"/>
      <c r="W3974" s="52"/>
    </row>
    <row r="3975" spans="1:23" hidden="1" x14ac:dyDescent="0.35">
      <c r="A3975" s="52" t="s">
        <v>78</v>
      </c>
      <c r="B3975" s="52" t="s">
        <v>79</v>
      </c>
      <c r="C3975" s="3">
        <v>10</v>
      </c>
      <c r="D3975" s="52" t="s">
        <v>86</v>
      </c>
      <c r="E3975" s="52" t="s">
        <v>26</v>
      </c>
      <c r="F3975" s="52" t="s">
        <v>81</v>
      </c>
      <c r="G3975" s="52" t="s">
        <v>82</v>
      </c>
      <c r="H3975" s="4">
        <v>1</v>
      </c>
      <c r="I3975" s="2">
        <v>14.65</v>
      </c>
      <c r="J3975" s="52" t="s">
        <v>9236</v>
      </c>
      <c r="K3975" s="71" t="s">
        <v>9422</v>
      </c>
      <c r="L3975" s="52" t="s">
        <v>2063</v>
      </c>
      <c r="M3975" s="72">
        <v>1369</v>
      </c>
      <c r="N3975" s="52" t="s">
        <v>2072</v>
      </c>
      <c r="O3975" s="52" t="s">
        <v>2073</v>
      </c>
      <c r="P3975" s="52"/>
      <c r="Q3975" s="52"/>
      <c r="R3975" s="52"/>
      <c r="S3975" s="52"/>
      <c r="T3975" s="52"/>
      <c r="U3975" s="52"/>
      <c r="V3975" s="52"/>
      <c r="W3975" s="52"/>
    </row>
    <row r="3976" spans="1:23" hidden="1" x14ac:dyDescent="0.35">
      <c r="A3976" s="52" t="s">
        <v>78</v>
      </c>
      <c r="B3976" s="52" t="s">
        <v>79</v>
      </c>
      <c r="C3976" s="3">
        <v>20</v>
      </c>
      <c r="D3976" s="52" t="s">
        <v>2023</v>
      </c>
      <c r="E3976" s="52" t="s">
        <v>26</v>
      </c>
      <c r="F3976" s="52" t="s">
        <v>81</v>
      </c>
      <c r="G3976" s="52" t="s">
        <v>82</v>
      </c>
      <c r="H3976" s="4">
        <v>1</v>
      </c>
      <c r="I3976" s="2">
        <v>14.65</v>
      </c>
      <c r="J3976" s="52" t="s">
        <v>9423</v>
      </c>
      <c r="K3976" s="71" t="s">
        <v>9424</v>
      </c>
      <c r="L3976" s="52" t="s">
        <v>2063</v>
      </c>
      <c r="M3976" s="72">
        <v>7754</v>
      </c>
      <c r="N3976" s="52" t="s">
        <v>2066</v>
      </c>
      <c r="O3976" s="52" t="s">
        <v>2067</v>
      </c>
      <c r="P3976" s="52"/>
      <c r="Q3976" s="52"/>
      <c r="R3976" s="52"/>
      <c r="S3976" s="52"/>
      <c r="T3976" s="52"/>
      <c r="U3976" s="52"/>
      <c r="V3976" s="52"/>
      <c r="W3976" s="52"/>
    </row>
    <row r="3977" spans="1:23" hidden="1" x14ac:dyDescent="0.35">
      <c r="A3977" s="52" t="s">
        <v>78</v>
      </c>
      <c r="B3977" s="52" t="s">
        <v>79</v>
      </c>
      <c r="C3977" s="3">
        <v>10</v>
      </c>
      <c r="D3977" s="52" t="s">
        <v>2020</v>
      </c>
      <c r="E3977" s="52" t="s">
        <v>26</v>
      </c>
      <c r="F3977" s="52" t="s">
        <v>81</v>
      </c>
      <c r="G3977" s="52" t="s">
        <v>82</v>
      </c>
      <c r="H3977" s="4">
        <v>1</v>
      </c>
      <c r="I3977" s="2">
        <v>14.65</v>
      </c>
      <c r="J3977" s="52" t="s">
        <v>9425</v>
      </c>
      <c r="K3977" s="71" t="s">
        <v>9426</v>
      </c>
      <c r="L3977" s="52" t="s">
        <v>2063</v>
      </c>
      <c r="M3977" s="72">
        <v>3750</v>
      </c>
      <c r="N3977" s="52"/>
      <c r="O3977" s="52"/>
      <c r="P3977" s="52"/>
      <c r="Q3977" s="52"/>
      <c r="R3977" s="52"/>
      <c r="S3977" s="52"/>
      <c r="T3977" s="52"/>
      <c r="U3977" s="52"/>
      <c r="V3977" s="52"/>
      <c r="W3977" s="52"/>
    </row>
    <row r="3978" spans="1:23" hidden="1" x14ac:dyDescent="0.35">
      <c r="A3978" s="52" t="s">
        <v>78</v>
      </c>
      <c r="B3978" s="52" t="s">
        <v>79</v>
      </c>
      <c r="C3978" s="3">
        <v>10</v>
      </c>
      <c r="D3978" s="52" t="s">
        <v>2023</v>
      </c>
      <c r="E3978" s="52" t="s">
        <v>26</v>
      </c>
      <c r="F3978" s="52" t="s">
        <v>81</v>
      </c>
      <c r="G3978" s="52" t="s">
        <v>82</v>
      </c>
      <c r="H3978" s="4">
        <v>1</v>
      </c>
      <c r="I3978" s="2">
        <v>14.65</v>
      </c>
      <c r="J3978" s="52" t="s">
        <v>9395</v>
      </c>
      <c r="K3978" s="71" t="s">
        <v>9427</v>
      </c>
      <c r="L3978" s="52" t="s">
        <v>2063</v>
      </c>
      <c r="M3978" s="72">
        <v>9257</v>
      </c>
      <c r="N3978" s="52" t="s">
        <v>2066</v>
      </c>
      <c r="O3978" s="52" t="s">
        <v>2067</v>
      </c>
      <c r="P3978" s="52"/>
      <c r="Q3978" s="52"/>
      <c r="R3978" s="52"/>
      <c r="S3978" s="52"/>
      <c r="T3978" s="52"/>
      <c r="U3978" s="52"/>
      <c r="V3978" s="52"/>
      <c r="W3978" s="52"/>
    </row>
    <row r="3979" spans="1:23" hidden="1" x14ac:dyDescent="0.35">
      <c r="A3979" s="52" t="s">
        <v>78</v>
      </c>
      <c r="B3979" s="52" t="s">
        <v>79</v>
      </c>
      <c r="C3979" s="3">
        <v>20</v>
      </c>
      <c r="D3979" s="52" t="s">
        <v>2023</v>
      </c>
      <c r="E3979" s="52" t="s">
        <v>26</v>
      </c>
      <c r="F3979" s="52" t="s">
        <v>81</v>
      </c>
      <c r="G3979" s="52" t="s">
        <v>82</v>
      </c>
      <c r="H3979" s="4">
        <v>1</v>
      </c>
      <c r="I3979" s="2">
        <v>14.65</v>
      </c>
      <c r="J3979" s="52" t="s">
        <v>9428</v>
      </c>
      <c r="K3979" s="71" t="s">
        <v>9429</v>
      </c>
      <c r="L3979" s="52" t="s">
        <v>2063</v>
      </c>
      <c r="M3979" s="72">
        <v>8269</v>
      </c>
      <c r="N3979" s="52"/>
      <c r="O3979" s="52"/>
      <c r="P3979" s="52"/>
      <c r="Q3979" s="52"/>
      <c r="R3979" s="52"/>
      <c r="S3979" s="52"/>
      <c r="T3979" s="52"/>
      <c r="U3979" s="52"/>
      <c r="V3979" s="52"/>
      <c r="W3979" s="52"/>
    </row>
    <row r="3980" spans="1:23" hidden="1" x14ac:dyDescent="0.35">
      <c r="A3980" s="52" t="s">
        <v>78</v>
      </c>
      <c r="B3980" s="52" t="s">
        <v>79</v>
      </c>
      <c r="C3980" s="3">
        <v>20</v>
      </c>
      <c r="D3980" s="52" t="s">
        <v>2019</v>
      </c>
      <c r="E3980" s="52" t="s">
        <v>26</v>
      </c>
      <c r="F3980" s="52" t="s">
        <v>81</v>
      </c>
      <c r="G3980" s="52" t="s">
        <v>82</v>
      </c>
      <c r="H3980" s="4">
        <v>1</v>
      </c>
      <c r="I3980" s="2">
        <v>14.65</v>
      </c>
      <c r="J3980" s="52" t="s">
        <v>9430</v>
      </c>
      <c r="K3980" s="71" t="s">
        <v>9431</v>
      </c>
      <c r="L3980" s="52" t="s">
        <v>2063</v>
      </c>
      <c r="M3980" s="72">
        <v>3503</v>
      </c>
      <c r="N3980" s="52" t="s">
        <v>2072</v>
      </c>
      <c r="O3980" s="52" t="s">
        <v>2073</v>
      </c>
      <c r="P3980" s="52"/>
      <c r="Q3980" s="52"/>
      <c r="R3980" s="52"/>
      <c r="S3980" s="52"/>
      <c r="T3980" s="52"/>
      <c r="U3980" s="52"/>
      <c r="V3980" s="52"/>
      <c r="W3980" s="52"/>
    </row>
    <row r="3981" spans="1:23" hidden="1" x14ac:dyDescent="0.35">
      <c r="A3981" s="52" t="s">
        <v>78</v>
      </c>
      <c r="B3981" s="52" t="s">
        <v>79</v>
      </c>
      <c r="C3981" s="3">
        <v>211</v>
      </c>
      <c r="D3981" s="52" t="s">
        <v>2020</v>
      </c>
      <c r="E3981" s="52" t="s">
        <v>26</v>
      </c>
      <c r="F3981" s="52" t="s">
        <v>81</v>
      </c>
      <c r="G3981" s="52" t="s">
        <v>82</v>
      </c>
      <c r="H3981" s="4">
        <v>1</v>
      </c>
      <c r="I3981" s="2">
        <v>14.65</v>
      </c>
      <c r="J3981" s="52" t="s">
        <v>9432</v>
      </c>
      <c r="K3981" s="71" t="s">
        <v>9433</v>
      </c>
      <c r="L3981" s="52" t="s">
        <v>2063</v>
      </c>
      <c r="M3981" s="72">
        <v>1977</v>
      </c>
      <c r="N3981" s="52" t="s">
        <v>2066</v>
      </c>
      <c r="O3981" s="52" t="s">
        <v>2067</v>
      </c>
      <c r="P3981" s="52"/>
      <c r="Q3981" s="52"/>
      <c r="R3981" s="52"/>
      <c r="S3981" s="52"/>
      <c r="T3981" s="52"/>
      <c r="U3981" s="52"/>
      <c r="V3981" s="52"/>
      <c r="W3981" s="52"/>
    </row>
    <row r="3982" spans="1:23" hidden="1" x14ac:dyDescent="0.35">
      <c r="A3982" s="52" t="s">
        <v>78</v>
      </c>
      <c r="B3982" s="52" t="s">
        <v>79</v>
      </c>
      <c r="C3982" s="3">
        <v>20</v>
      </c>
      <c r="D3982" s="52" t="s">
        <v>2023</v>
      </c>
      <c r="E3982" s="52" t="s">
        <v>26</v>
      </c>
      <c r="F3982" s="52" t="s">
        <v>81</v>
      </c>
      <c r="G3982" s="52" t="s">
        <v>82</v>
      </c>
      <c r="H3982" s="4">
        <v>1</v>
      </c>
      <c r="I3982" s="2">
        <v>14.65</v>
      </c>
      <c r="J3982" s="52" t="s">
        <v>9434</v>
      </c>
      <c r="K3982" s="71" t="s">
        <v>9435</v>
      </c>
      <c r="L3982" s="52" t="s">
        <v>2063</v>
      </c>
      <c r="M3982" s="72">
        <v>7304</v>
      </c>
      <c r="N3982" s="52" t="s">
        <v>2072</v>
      </c>
      <c r="O3982" s="52" t="s">
        <v>2073</v>
      </c>
      <c r="P3982" s="52"/>
      <c r="Q3982" s="52"/>
      <c r="R3982" s="52"/>
      <c r="S3982" s="52"/>
      <c r="T3982" s="52"/>
      <c r="U3982" s="52"/>
      <c r="V3982" s="52"/>
      <c r="W3982" s="52"/>
    </row>
    <row r="3983" spans="1:23" hidden="1" x14ac:dyDescent="0.35">
      <c r="A3983" s="52" t="s">
        <v>78</v>
      </c>
      <c r="B3983" s="52" t="s">
        <v>79</v>
      </c>
      <c r="C3983" s="3">
        <v>10</v>
      </c>
      <c r="D3983" s="52" t="s">
        <v>2023</v>
      </c>
      <c r="E3983" s="52" t="s">
        <v>26</v>
      </c>
      <c r="F3983" s="52" t="s">
        <v>81</v>
      </c>
      <c r="G3983" s="52" t="s">
        <v>82</v>
      </c>
      <c r="H3983" s="4">
        <v>1</v>
      </c>
      <c r="I3983" s="2">
        <v>14.65</v>
      </c>
      <c r="J3983" s="52" t="s">
        <v>9436</v>
      </c>
      <c r="K3983" s="71" t="s">
        <v>9437</v>
      </c>
      <c r="L3983" s="52" t="s">
        <v>2063</v>
      </c>
      <c r="M3983" s="72">
        <v>6050</v>
      </c>
      <c r="N3983" s="52" t="s">
        <v>2158</v>
      </c>
      <c r="O3983" s="52" t="s">
        <v>2159</v>
      </c>
      <c r="P3983" s="52"/>
      <c r="Q3983" s="52"/>
      <c r="R3983" s="52"/>
      <c r="S3983" s="52"/>
      <c r="T3983" s="52"/>
      <c r="U3983" s="52"/>
      <c r="V3983" s="52"/>
      <c r="W3983" s="52"/>
    </row>
    <row r="3984" spans="1:23" hidden="1" x14ac:dyDescent="0.35">
      <c r="A3984" s="52" t="s">
        <v>78</v>
      </c>
      <c r="B3984" s="52" t="s">
        <v>79</v>
      </c>
      <c r="C3984" s="3">
        <v>10</v>
      </c>
      <c r="D3984" s="52" t="s">
        <v>84</v>
      </c>
      <c r="E3984" s="52" t="s">
        <v>26</v>
      </c>
      <c r="F3984" s="52" t="s">
        <v>81</v>
      </c>
      <c r="G3984" s="52" t="s">
        <v>82</v>
      </c>
      <c r="H3984" s="4">
        <v>1</v>
      </c>
      <c r="I3984" s="2">
        <v>14.65</v>
      </c>
      <c r="J3984" s="52" t="s">
        <v>9438</v>
      </c>
      <c r="K3984" s="71" t="s">
        <v>9439</v>
      </c>
      <c r="L3984" s="52" t="s">
        <v>2063</v>
      </c>
      <c r="M3984" s="72">
        <v>581</v>
      </c>
      <c r="N3984" s="52" t="s">
        <v>2072</v>
      </c>
      <c r="O3984" s="52" t="s">
        <v>2073</v>
      </c>
      <c r="P3984" s="52"/>
      <c r="Q3984" s="52"/>
      <c r="R3984" s="52"/>
      <c r="S3984" s="52"/>
      <c r="T3984" s="52"/>
      <c r="U3984" s="52"/>
      <c r="V3984" s="52"/>
      <c r="W3984" s="52"/>
    </row>
    <row r="3985" spans="1:23" hidden="1" x14ac:dyDescent="0.35">
      <c r="A3985" s="52" t="s">
        <v>78</v>
      </c>
      <c r="B3985" s="52" t="s">
        <v>79</v>
      </c>
      <c r="C3985" s="3">
        <v>20</v>
      </c>
      <c r="D3985" s="52" t="s">
        <v>85</v>
      </c>
      <c r="E3985" s="52" t="s">
        <v>26</v>
      </c>
      <c r="F3985" s="52" t="s">
        <v>81</v>
      </c>
      <c r="G3985" s="52" t="s">
        <v>82</v>
      </c>
      <c r="H3985" s="4">
        <v>1</v>
      </c>
      <c r="I3985" s="2">
        <v>14.65</v>
      </c>
      <c r="J3985" s="52" t="s">
        <v>8508</v>
      </c>
      <c r="K3985" s="71" t="s">
        <v>9440</v>
      </c>
      <c r="L3985" s="52" t="s">
        <v>2063</v>
      </c>
      <c r="M3985" s="72">
        <v>3213</v>
      </c>
      <c r="N3985" s="52" t="s">
        <v>2072</v>
      </c>
      <c r="O3985" s="52" t="s">
        <v>2073</v>
      </c>
      <c r="P3985" s="52"/>
      <c r="Q3985" s="52"/>
      <c r="R3985" s="52"/>
      <c r="S3985" s="52"/>
      <c r="T3985" s="52"/>
      <c r="U3985" s="52"/>
      <c r="V3985" s="52"/>
      <c r="W3985" s="52"/>
    </row>
    <row r="3986" spans="1:23" hidden="1" x14ac:dyDescent="0.35">
      <c r="A3986" s="52" t="s">
        <v>78</v>
      </c>
      <c r="B3986" s="52" t="s">
        <v>79</v>
      </c>
      <c r="C3986" s="3">
        <v>20</v>
      </c>
      <c r="D3986" s="52" t="s">
        <v>83</v>
      </c>
      <c r="E3986" s="52" t="s">
        <v>26</v>
      </c>
      <c r="F3986" s="52" t="s">
        <v>81</v>
      </c>
      <c r="G3986" s="52" t="s">
        <v>82</v>
      </c>
      <c r="H3986" s="4">
        <v>1</v>
      </c>
      <c r="I3986" s="2">
        <v>14.65</v>
      </c>
      <c r="J3986" s="52" t="s">
        <v>9441</v>
      </c>
      <c r="K3986" s="71" t="s">
        <v>9442</v>
      </c>
      <c r="L3986" s="52" t="s">
        <v>2063</v>
      </c>
      <c r="M3986" s="72">
        <v>1193</v>
      </c>
      <c r="N3986" s="52" t="s">
        <v>2072</v>
      </c>
      <c r="O3986" s="52" t="s">
        <v>2073</v>
      </c>
      <c r="P3986" s="52"/>
      <c r="Q3986" s="52"/>
      <c r="R3986" s="52"/>
      <c r="S3986" s="52"/>
      <c r="T3986" s="52"/>
      <c r="U3986" s="52"/>
      <c r="V3986" s="52"/>
      <c r="W3986" s="52"/>
    </row>
    <row r="3987" spans="1:23" hidden="1" x14ac:dyDescent="0.35">
      <c r="A3987" s="52" t="s">
        <v>78</v>
      </c>
      <c r="B3987" s="52" t="s">
        <v>79</v>
      </c>
      <c r="C3987" s="3">
        <v>20</v>
      </c>
      <c r="D3987" s="52" t="s">
        <v>85</v>
      </c>
      <c r="E3987" s="52" t="s">
        <v>26</v>
      </c>
      <c r="F3987" s="52" t="s">
        <v>81</v>
      </c>
      <c r="G3987" s="52" t="s">
        <v>82</v>
      </c>
      <c r="H3987" s="4">
        <v>1</v>
      </c>
      <c r="I3987" s="2">
        <v>14.65</v>
      </c>
      <c r="J3987" s="52" t="s">
        <v>9443</v>
      </c>
      <c r="K3987" s="71" t="s">
        <v>9444</v>
      </c>
      <c r="L3987" s="52" t="s">
        <v>2063</v>
      </c>
      <c r="M3987" s="72">
        <v>878</v>
      </c>
      <c r="N3987" s="52" t="s">
        <v>2158</v>
      </c>
      <c r="O3987" s="52" t="s">
        <v>2159</v>
      </c>
      <c r="P3987" s="52"/>
      <c r="Q3987" s="52"/>
      <c r="R3987" s="52"/>
      <c r="S3987" s="52"/>
      <c r="T3987" s="52"/>
      <c r="U3987" s="52"/>
      <c r="V3987" s="52"/>
      <c r="W3987" s="52"/>
    </row>
    <row r="3988" spans="1:23" hidden="1" x14ac:dyDescent="0.35">
      <c r="A3988" s="52" t="s">
        <v>78</v>
      </c>
      <c r="B3988" s="52" t="s">
        <v>79</v>
      </c>
      <c r="C3988" s="3">
        <v>20</v>
      </c>
      <c r="D3988" s="52" t="s">
        <v>83</v>
      </c>
      <c r="E3988" s="52" t="s">
        <v>26</v>
      </c>
      <c r="F3988" s="52" t="s">
        <v>81</v>
      </c>
      <c r="G3988" s="52" t="s">
        <v>82</v>
      </c>
      <c r="H3988" s="4">
        <v>1</v>
      </c>
      <c r="I3988" s="2">
        <v>14.65</v>
      </c>
      <c r="J3988" s="52" t="s">
        <v>9445</v>
      </c>
      <c r="K3988" s="71" t="s">
        <v>9446</v>
      </c>
      <c r="L3988" s="52" t="s">
        <v>2063</v>
      </c>
      <c r="M3988" s="72">
        <v>4720</v>
      </c>
      <c r="N3988" s="52" t="s">
        <v>2072</v>
      </c>
      <c r="O3988" s="52" t="s">
        <v>2073</v>
      </c>
      <c r="P3988" s="52"/>
      <c r="Q3988" s="52"/>
      <c r="R3988" s="52"/>
      <c r="S3988" s="52"/>
      <c r="T3988" s="52"/>
      <c r="U3988" s="52"/>
      <c r="V3988" s="52"/>
      <c r="W3988" s="52"/>
    </row>
    <row r="3989" spans="1:23" hidden="1" x14ac:dyDescent="0.35">
      <c r="A3989" s="52" t="s">
        <v>78</v>
      </c>
      <c r="B3989" s="52" t="s">
        <v>79</v>
      </c>
      <c r="C3989" s="3">
        <v>211</v>
      </c>
      <c r="D3989" s="52" t="s">
        <v>2021</v>
      </c>
      <c r="E3989" s="52" t="s">
        <v>26</v>
      </c>
      <c r="F3989" s="52" t="s">
        <v>81</v>
      </c>
      <c r="G3989" s="52" t="s">
        <v>82</v>
      </c>
      <c r="H3989" s="4">
        <v>1</v>
      </c>
      <c r="I3989" s="2">
        <v>14.65</v>
      </c>
      <c r="J3989" s="52" t="s">
        <v>9447</v>
      </c>
      <c r="K3989" s="71" t="s">
        <v>9448</v>
      </c>
      <c r="L3989" s="52" t="s">
        <v>2063</v>
      </c>
      <c r="M3989" s="72">
        <v>8725</v>
      </c>
      <c r="N3989" s="52"/>
      <c r="O3989" s="52"/>
      <c r="P3989" s="52"/>
      <c r="Q3989" s="52"/>
      <c r="R3989" s="52"/>
      <c r="S3989" s="52"/>
      <c r="T3989" s="52"/>
      <c r="U3989" s="52"/>
      <c r="V3989" s="52"/>
      <c r="W3989" s="52"/>
    </row>
    <row r="3990" spans="1:23" hidden="1" x14ac:dyDescent="0.35">
      <c r="A3990" s="52" t="s">
        <v>78</v>
      </c>
      <c r="B3990" s="52" t="s">
        <v>79</v>
      </c>
      <c r="C3990" s="3">
        <v>20</v>
      </c>
      <c r="D3990" s="52" t="s">
        <v>85</v>
      </c>
      <c r="E3990" s="52" t="s">
        <v>26</v>
      </c>
      <c r="F3990" s="52" t="s">
        <v>81</v>
      </c>
      <c r="G3990" s="52" t="s">
        <v>82</v>
      </c>
      <c r="H3990" s="4">
        <v>1</v>
      </c>
      <c r="I3990" s="2">
        <v>14.65</v>
      </c>
      <c r="J3990" s="52" t="s">
        <v>9449</v>
      </c>
      <c r="K3990" s="71" t="s">
        <v>9450</v>
      </c>
      <c r="L3990" s="52" t="s">
        <v>2063</v>
      </c>
      <c r="M3990" s="72">
        <v>8052</v>
      </c>
      <c r="N3990" s="52" t="s">
        <v>2066</v>
      </c>
      <c r="O3990" s="52" t="s">
        <v>2067</v>
      </c>
      <c r="P3990" s="52"/>
      <c r="Q3990" s="52"/>
      <c r="R3990" s="52"/>
      <c r="S3990" s="52"/>
      <c r="T3990" s="52"/>
      <c r="U3990" s="52"/>
      <c r="V3990" s="52"/>
      <c r="W3990" s="52"/>
    </row>
    <row r="3991" spans="1:23" hidden="1" x14ac:dyDescent="0.35">
      <c r="A3991" s="52" t="s">
        <v>78</v>
      </c>
      <c r="B3991" s="52" t="s">
        <v>79</v>
      </c>
      <c r="C3991" s="3">
        <v>20</v>
      </c>
      <c r="D3991" s="52" t="s">
        <v>87</v>
      </c>
      <c r="E3991" s="52" t="s">
        <v>26</v>
      </c>
      <c r="F3991" s="52" t="s">
        <v>81</v>
      </c>
      <c r="G3991" s="52" t="s">
        <v>82</v>
      </c>
      <c r="H3991" s="4">
        <v>1</v>
      </c>
      <c r="I3991" s="2">
        <v>14.65</v>
      </c>
      <c r="J3991" s="52" t="s">
        <v>8941</v>
      </c>
      <c r="K3991" s="71" t="s">
        <v>9451</v>
      </c>
      <c r="L3991" s="52" t="s">
        <v>2063</v>
      </c>
      <c r="M3991" s="72">
        <v>397</v>
      </c>
      <c r="N3991" s="52"/>
      <c r="O3991" s="52"/>
      <c r="P3991" s="52"/>
      <c r="Q3991" s="52"/>
      <c r="R3991" s="52"/>
      <c r="S3991" s="52"/>
      <c r="T3991" s="52"/>
      <c r="U3991" s="52"/>
      <c r="V3991" s="52"/>
      <c r="W3991" s="52"/>
    </row>
    <row r="3992" spans="1:23" hidden="1" x14ac:dyDescent="0.35">
      <c r="A3992" s="52" t="s">
        <v>78</v>
      </c>
      <c r="B3992" s="52" t="s">
        <v>79</v>
      </c>
      <c r="C3992" s="3">
        <v>10</v>
      </c>
      <c r="D3992" s="52" t="s">
        <v>2022</v>
      </c>
      <c r="E3992" s="52" t="s">
        <v>26</v>
      </c>
      <c r="F3992" s="52" t="s">
        <v>81</v>
      </c>
      <c r="G3992" s="52" t="s">
        <v>82</v>
      </c>
      <c r="H3992" s="4">
        <v>1</v>
      </c>
      <c r="I3992" s="2">
        <v>14.65</v>
      </c>
      <c r="J3992" s="52" t="s">
        <v>8514</v>
      </c>
      <c r="K3992" s="71" t="s">
        <v>9452</v>
      </c>
      <c r="L3992" s="52" t="s">
        <v>2063</v>
      </c>
      <c r="M3992" s="72">
        <v>5548</v>
      </c>
      <c r="N3992" s="52"/>
      <c r="O3992" s="52"/>
      <c r="P3992" s="52"/>
      <c r="Q3992" s="52"/>
      <c r="R3992" s="52"/>
      <c r="S3992" s="52"/>
      <c r="T3992" s="52"/>
      <c r="U3992" s="52"/>
      <c r="V3992" s="52"/>
      <c r="W3992" s="52"/>
    </row>
    <row r="3993" spans="1:23" hidden="1" x14ac:dyDescent="0.35">
      <c r="A3993" s="52" t="s">
        <v>78</v>
      </c>
      <c r="B3993" s="52" t="s">
        <v>79</v>
      </c>
      <c r="C3993" s="3">
        <v>20</v>
      </c>
      <c r="D3993" s="52" t="s">
        <v>2021</v>
      </c>
      <c r="E3993" s="52" t="s">
        <v>26</v>
      </c>
      <c r="F3993" s="52" t="s">
        <v>81</v>
      </c>
      <c r="G3993" s="52" t="s">
        <v>82</v>
      </c>
      <c r="H3993" s="4">
        <v>1</v>
      </c>
      <c r="I3993" s="2">
        <v>14.65</v>
      </c>
      <c r="J3993" s="52" t="s">
        <v>8339</v>
      </c>
      <c r="K3993" s="71" t="s">
        <v>9453</v>
      </c>
      <c r="L3993" s="52" t="s">
        <v>2063</v>
      </c>
      <c r="M3993" s="72">
        <v>5675</v>
      </c>
      <c r="N3993" s="52" t="s">
        <v>2066</v>
      </c>
      <c r="O3993" s="52" t="s">
        <v>2067</v>
      </c>
      <c r="P3993" s="52"/>
      <c r="Q3993" s="52"/>
      <c r="R3993" s="52"/>
      <c r="S3993" s="52"/>
      <c r="T3993" s="52"/>
      <c r="U3993" s="52"/>
      <c r="V3993" s="52"/>
      <c r="W3993" s="52"/>
    </row>
    <row r="3994" spans="1:23" hidden="1" x14ac:dyDescent="0.35">
      <c r="A3994" s="52" t="s">
        <v>78</v>
      </c>
      <c r="B3994" s="52" t="s">
        <v>79</v>
      </c>
      <c r="C3994" s="3">
        <v>211</v>
      </c>
      <c r="D3994" s="52" t="s">
        <v>86</v>
      </c>
      <c r="E3994" s="52" t="s">
        <v>26</v>
      </c>
      <c r="F3994" s="52" t="s">
        <v>81</v>
      </c>
      <c r="G3994" s="52" t="s">
        <v>82</v>
      </c>
      <c r="H3994" s="4">
        <v>1</v>
      </c>
      <c r="I3994" s="2">
        <v>14.65</v>
      </c>
      <c r="J3994" s="52" t="s">
        <v>9454</v>
      </c>
      <c r="K3994" s="71" t="s">
        <v>9455</v>
      </c>
      <c r="L3994" s="52" t="s">
        <v>2063</v>
      </c>
      <c r="M3994" s="72">
        <v>1500</v>
      </c>
      <c r="N3994" s="52" t="s">
        <v>2072</v>
      </c>
      <c r="O3994" s="52" t="s">
        <v>2073</v>
      </c>
      <c r="P3994" s="52"/>
      <c r="Q3994" s="52"/>
      <c r="R3994" s="52"/>
      <c r="S3994" s="52"/>
      <c r="T3994" s="52"/>
      <c r="U3994" s="52"/>
      <c r="V3994" s="52"/>
      <c r="W3994" s="52"/>
    </row>
    <row r="3995" spans="1:23" hidden="1" x14ac:dyDescent="0.35">
      <c r="A3995" s="52" t="s">
        <v>78</v>
      </c>
      <c r="B3995" s="52" t="s">
        <v>79</v>
      </c>
      <c r="C3995" s="3">
        <v>10</v>
      </c>
      <c r="D3995" s="52" t="s">
        <v>2023</v>
      </c>
      <c r="E3995" s="52" t="s">
        <v>26</v>
      </c>
      <c r="F3995" s="52" t="s">
        <v>81</v>
      </c>
      <c r="G3995" s="52" t="s">
        <v>82</v>
      </c>
      <c r="H3995" s="4">
        <v>1</v>
      </c>
      <c r="I3995" s="2">
        <v>14.65</v>
      </c>
      <c r="J3995" s="52" t="s">
        <v>9456</v>
      </c>
      <c r="K3995" s="71" t="s">
        <v>9457</v>
      </c>
      <c r="L3995" s="52" t="s">
        <v>2063</v>
      </c>
      <c r="M3995" s="72">
        <v>3383</v>
      </c>
      <c r="N3995" s="52" t="s">
        <v>2072</v>
      </c>
      <c r="O3995" s="52" t="s">
        <v>2073</v>
      </c>
      <c r="P3995" s="52"/>
      <c r="Q3995" s="52"/>
      <c r="R3995" s="52"/>
      <c r="S3995" s="52"/>
      <c r="T3995" s="52"/>
      <c r="U3995" s="52"/>
      <c r="V3995" s="52"/>
      <c r="W3995" s="52"/>
    </row>
    <row r="3996" spans="1:23" hidden="1" x14ac:dyDescent="0.35">
      <c r="A3996" s="52" t="s">
        <v>78</v>
      </c>
      <c r="B3996" s="52" t="s">
        <v>79</v>
      </c>
      <c r="C3996" s="3">
        <v>20</v>
      </c>
      <c r="D3996" s="52" t="s">
        <v>83</v>
      </c>
      <c r="E3996" s="52" t="s">
        <v>26</v>
      </c>
      <c r="F3996" s="52" t="s">
        <v>81</v>
      </c>
      <c r="G3996" s="52" t="s">
        <v>82</v>
      </c>
      <c r="H3996" s="4">
        <v>1</v>
      </c>
      <c r="I3996" s="2">
        <v>14.65</v>
      </c>
      <c r="J3996" s="52" t="s">
        <v>9458</v>
      </c>
      <c r="K3996" s="71" t="s">
        <v>9459</v>
      </c>
      <c r="L3996" s="52" t="s">
        <v>2063</v>
      </c>
      <c r="M3996" s="72">
        <v>6507</v>
      </c>
      <c r="N3996" s="52" t="s">
        <v>2066</v>
      </c>
      <c r="O3996" s="52" t="s">
        <v>2067</v>
      </c>
      <c r="P3996" s="52"/>
      <c r="Q3996" s="52"/>
      <c r="R3996" s="52"/>
      <c r="S3996" s="52"/>
      <c r="T3996" s="52"/>
      <c r="U3996" s="52"/>
      <c r="V3996" s="52"/>
      <c r="W3996" s="52"/>
    </row>
    <row r="3997" spans="1:23" hidden="1" x14ac:dyDescent="0.35">
      <c r="A3997" s="52" t="s">
        <v>78</v>
      </c>
      <c r="B3997" s="52" t="s">
        <v>79</v>
      </c>
      <c r="C3997" s="3">
        <v>20</v>
      </c>
      <c r="D3997" s="52" t="s">
        <v>84</v>
      </c>
      <c r="E3997" s="52" t="s">
        <v>26</v>
      </c>
      <c r="F3997" s="52" t="s">
        <v>81</v>
      </c>
      <c r="G3997" s="52" t="s">
        <v>82</v>
      </c>
      <c r="H3997" s="4">
        <v>1</v>
      </c>
      <c r="I3997" s="2">
        <v>14.65</v>
      </c>
      <c r="J3997" s="52" t="s">
        <v>9460</v>
      </c>
      <c r="K3997" s="71" t="s">
        <v>9461</v>
      </c>
      <c r="L3997" s="52" t="s">
        <v>2095</v>
      </c>
      <c r="M3997" s="72">
        <v>2333</v>
      </c>
      <c r="N3997" s="52" t="s">
        <v>2072</v>
      </c>
      <c r="O3997" s="52" t="s">
        <v>2073</v>
      </c>
      <c r="P3997" s="52"/>
      <c r="Q3997" s="52"/>
      <c r="R3997" s="52"/>
      <c r="S3997" s="52"/>
      <c r="T3997" s="52"/>
      <c r="U3997" s="52"/>
      <c r="V3997" s="52"/>
      <c r="W3997" s="52"/>
    </row>
    <row r="3998" spans="1:23" hidden="1" x14ac:dyDescent="0.35">
      <c r="A3998" s="52" t="s">
        <v>78</v>
      </c>
      <c r="B3998" s="52" t="s">
        <v>79</v>
      </c>
      <c r="C3998" s="3">
        <v>20</v>
      </c>
      <c r="D3998" s="52" t="s">
        <v>84</v>
      </c>
      <c r="E3998" s="52" t="s">
        <v>26</v>
      </c>
      <c r="F3998" s="52" t="s">
        <v>81</v>
      </c>
      <c r="G3998" s="52" t="s">
        <v>82</v>
      </c>
      <c r="H3998" s="4">
        <v>1</v>
      </c>
      <c r="I3998" s="2">
        <v>14.65</v>
      </c>
      <c r="J3998" s="52" t="s">
        <v>9462</v>
      </c>
      <c r="K3998" s="71" t="s">
        <v>9463</v>
      </c>
      <c r="L3998" s="52" t="s">
        <v>2063</v>
      </c>
      <c r="M3998" s="72">
        <v>4320</v>
      </c>
      <c r="N3998" s="52" t="s">
        <v>2066</v>
      </c>
      <c r="O3998" s="52" t="s">
        <v>2067</v>
      </c>
      <c r="P3998" s="52"/>
      <c r="Q3998" s="52"/>
      <c r="R3998" s="52"/>
      <c r="S3998" s="52"/>
      <c r="T3998" s="52"/>
      <c r="U3998" s="52"/>
      <c r="V3998" s="52"/>
      <c r="W3998" s="52"/>
    </row>
    <row r="3999" spans="1:23" hidden="1" x14ac:dyDescent="0.35">
      <c r="A3999" s="52" t="s">
        <v>78</v>
      </c>
      <c r="B3999" s="52" t="s">
        <v>79</v>
      </c>
      <c r="C3999" s="3">
        <v>20</v>
      </c>
      <c r="D3999" s="52" t="s">
        <v>2022</v>
      </c>
      <c r="E3999" s="52" t="s">
        <v>26</v>
      </c>
      <c r="F3999" s="52" t="s">
        <v>81</v>
      </c>
      <c r="G3999" s="52" t="s">
        <v>82</v>
      </c>
      <c r="H3999" s="4">
        <v>1</v>
      </c>
      <c r="I3999" s="2">
        <v>14.65</v>
      </c>
      <c r="J3999" s="52" t="s">
        <v>9464</v>
      </c>
      <c r="K3999" s="71" t="s">
        <v>9465</v>
      </c>
      <c r="L3999" s="52" t="s">
        <v>2063</v>
      </c>
      <c r="M3999" s="72">
        <v>5194</v>
      </c>
      <c r="N3999" s="52" t="s">
        <v>2066</v>
      </c>
      <c r="O3999" s="52" t="s">
        <v>2067</v>
      </c>
      <c r="P3999" s="52"/>
      <c r="Q3999" s="52"/>
      <c r="R3999" s="52"/>
      <c r="S3999" s="52"/>
      <c r="T3999" s="52"/>
      <c r="U3999" s="52"/>
      <c r="V3999" s="52"/>
      <c r="W3999" s="52"/>
    </row>
    <row r="4000" spans="1:23" hidden="1" x14ac:dyDescent="0.35">
      <c r="A4000" s="52" t="s">
        <v>78</v>
      </c>
      <c r="B4000" s="52" t="s">
        <v>79</v>
      </c>
      <c r="C4000" s="3">
        <v>10</v>
      </c>
      <c r="D4000" s="52" t="s">
        <v>2023</v>
      </c>
      <c r="E4000" s="52" t="s">
        <v>26</v>
      </c>
      <c r="F4000" s="52" t="s">
        <v>81</v>
      </c>
      <c r="G4000" s="52" t="s">
        <v>82</v>
      </c>
      <c r="H4000" s="4">
        <v>1</v>
      </c>
      <c r="I4000" s="2">
        <v>14.65</v>
      </c>
      <c r="J4000" s="52" t="s">
        <v>8993</v>
      </c>
      <c r="K4000" s="71" t="s">
        <v>9466</v>
      </c>
      <c r="L4000" s="52" t="s">
        <v>2063</v>
      </c>
      <c r="M4000" s="72">
        <v>6726</v>
      </c>
      <c r="N4000" s="52" t="s">
        <v>2066</v>
      </c>
      <c r="O4000" s="52" t="s">
        <v>2067</v>
      </c>
      <c r="P4000" s="52"/>
      <c r="Q4000" s="52"/>
      <c r="R4000" s="52"/>
      <c r="S4000" s="52"/>
      <c r="T4000" s="52"/>
      <c r="U4000" s="52"/>
      <c r="V4000" s="52"/>
      <c r="W4000" s="52"/>
    </row>
    <row r="4001" spans="1:23" hidden="1" x14ac:dyDescent="0.35">
      <c r="A4001" s="52" t="s">
        <v>78</v>
      </c>
      <c r="B4001" s="52" t="s">
        <v>79</v>
      </c>
      <c r="C4001" s="3">
        <v>10</v>
      </c>
      <c r="D4001" s="52" t="s">
        <v>83</v>
      </c>
      <c r="E4001" s="52" t="s">
        <v>26</v>
      </c>
      <c r="F4001" s="52" t="s">
        <v>81</v>
      </c>
      <c r="G4001" s="52" t="s">
        <v>82</v>
      </c>
      <c r="H4001" s="4">
        <v>1</v>
      </c>
      <c r="I4001" s="2">
        <v>14.65</v>
      </c>
      <c r="J4001" s="52" t="s">
        <v>9467</v>
      </c>
      <c r="K4001" s="71" t="s">
        <v>9468</v>
      </c>
      <c r="L4001" s="52" t="s">
        <v>2063</v>
      </c>
      <c r="M4001" s="72">
        <v>6018</v>
      </c>
      <c r="N4001" s="52" t="s">
        <v>2072</v>
      </c>
      <c r="O4001" s="52" t="s">
        <v>2073</v>
      </c>
      <c r="P4001" s="52"/>
      <c r="Q4001" s="52"/>
      <c r="R4001" s="52"/>
      <c r="S4001" s="52"/>
      <c r="T4001" s="52"/>
      <c r="U4001" s="52"/>
      <c r="V4001" s="52"/>
      <c r="W4001" s="52"/>
    </row>
    <row r="4002" spans="1:23" hidden="1" x14ac:dyDescent="0.35">
      <c r="A4002" s="52" t="s">
        <v>78</v>
      </c>
      <c r="B4002" s="52" t="s">
        <v>79</v>
      </c>
      <c r="C4002" s="3">
        <v>20</v>
      </c>
      <c r="D4002" s="52" t="s">
        <v>84</v>
      </c>
      <c r="E4002" s="52" t="s">
        <v>26</v>
      </c>
      <c r="F4002" s="52" t="s">
        <v>81</v>
      </c>
      <c r="G4002" s="52" t="s">
        <v>82</v>
      </c>
      <c r="H4002" s="4">
        <v>1</v>
      </c>
      <c r="I4002" s="2">
        <v>14.65</v>
      </c>
      <c r="J4002" s="52" t="s">
        <v>9469</v>
      </c>
      <c r="K4002" s="71" t="s">
        <v>9470</v>
      </c>
      <c r="L4002" s="52" t="s">
        <v>2063</v>
      </c>
      <c r="M4002" s="72">
        <v>4495</v>
      </c>
      <c r="N4002" s="52" t="s">
        <v>2072</v>
      </c>
      <c r="O4002" s="52" t="s">
        <v>2073</v>
      </c>
      <c r="P4002" s="52"/>
      <c r="Q4002" s="52"/>
      <c r="R4002" s="52"/>
      <c r="S4002" s="52"/>
      <c r="T4002" s="52"/>
      <c r="U4002" s="52"/>
      <c r="V4002" s="52"/>
      <c r="W4002" s="52"/>
    </row>
    <row r="4003" spans="1:23" hidden="1" x14ac:dyDescent="0.35">
      <c r="A4003" s="52" t="s">
        <v>78</v>
      </c>
      <c r="B4003" s="52" t="s">
        <v>79</v>
      </c>
      <c r="C4003" s="3">
        <v>20</v>
      </c>
      <c r="D4003" s="52" t="s">
        <v>85</v>
      </c>
      <c r="E4003" s="52" t="s">
        <v>26</v>
      </c>
      <c r="F4003" s="52" t="s">
        <v>81</v>
      </c>
      <c r="G4003" s="52" t="s">
        <v>82</v>
      </c>
      <c r="H4003" s="4">
        <v>1</v>
      </c>
      <c r="I4003" s="2">
        <v>14.65</v>
      </c>
      <c r="J4003" s="52" t="s">
        <v>9471</v>
      </c>
      <c r="K4003" s="71" t="s">
        <v>9472</v>
      </c>
      <c r="L4003" s="52" t="s">
        <v>2063</v>
      </c>
      <c r="M4003" s="72">
        <v>8050</v>
      </c>
      <c r="N4003" s="52" t="s">
        <v>2072</v>
      </c>
      <c r="O4003" s="52" t="s">
        <v>2073</v>
      </c>
      <c r="P4003" s="52"/>
      <c r="Q4003" s="52"/>
      <c r="R4003" s="52"/>
      <c r="S4003" s="52"/>
      <c r="T4003" s="52"/>
      <c r="U4003" s="52"/>
      <c r="V4003" s="52"/>
      <c r="W4003" s="52"/>
    </row>
    <row r="4004" spans="1:23" hidden="1" x14ac:dyDescent="0.35">
      <c r="A4004" s="52" t="s">
        <v>78</v>
      </c>
      <c r="B4004" s="52" t="s">
        <v>79</v>
      </c>
      <c r="C4004" s="3">
        <v>20</v>
      </c>
      <c r="D4004" s="52" t="s">
        <v>2020</v>
      </c>
      <c r="E4004" s="52" t="s">
        <v>26</v>
      </c>
      <c r="F4004" s="52" t="s">
        <v>81</v>
      </c>
      <c r="G4004" s="52" t="s">
        <v>82</v>
      </c>
      <c r="H4004" s="4">
        <v>1</v>
      </c>
      <c r="I4004" s="2">
        <v>14.65</v>
      </c>
      <c r="J4004" s="52" t="s">
        <v>9473</v>
      </c>
      <c r="K4004" s="71" t="s">
        <v>9474</v>
      </c>
      <c r="L4004" s="52" t="s">
        <v>2063</v>
      </c>
      <c r="M4004" s="72">
        <v>4175</v>
      </c>
      <c r="N4004" s="52"/>
      <c r="O4004" s="52"/>
      <c r="P4004" s="52"/>
      <c r="Q4004" s="52"/>
      <c r="R4004" s="52"/>
      <c r="S4004" s="52"/>
      <c r="T4004" s="52"/>
      <c r="U4004" s="52"/>
      <c r="V4004" s="52"/>
      <c r="W4004" s="52"/>
    </row>
    <row r="4005" spans="1:23" hidden="1" x14ac:dyDescent="0.35">
      <c r="A4005" s="52" t="s">
        <v>78</v>
      </c>
      <c r="B4005" s="52" t="s">
        <v>79</v>
      </c>
      <c r="C4005" s="3">
        <v>20</v>
      </c>
      <c r="D4005" s="52" t="s">
        <v>2020</v>
      </c>
      <c r="E4005" s="52" t="s">
        <v>26</v>
      </c>
      <c r="F4005" s="52" t="s">
        <v>81</v>
      </c>
      <c r="G4005" s="52" t="s">
        <v>82</v>
      </c>
      <c r="H4005" s="4">
        <v>1</v>
      </c>
      <c r="I4005" s="2">
        <v>14.65</v>
      </c>
      <c r="J4005" s="52" t="s">
        <v>9475</v>
      </c>
      <c r="K4005" s="71" t="s">
        <v>9476</v>
      </c>
      <c r="L4005" s="52" t="s">
        <v>2063</v>
      </c>
      <c r="M4005" s="72">
        <v>2648</v>
      </c>
      <c r="N4005" s="52" t="s">
        <v>2072</v>
      </c>
      <c r="O4005" s="52" t="s">
        <v>2073</v>
      </c>
      <c r="P4005" s="52"/>
      <c r="Q4005" s="52"/>
      <c r="R4005" s="52"/>
      <c r="S4005" s="52"/>
      <c r="T4005" s="52"/>
      <c r="U4005" s="52"/>
      <c r="V4005" s="52"/>
      <c r="W4005" s="52"/>
    </row>
    <row r="4006" spans="1:23" x14ac:dyDescent="0.35">
      <c r="A4006" s="52" t="s">
        <v>78</v>
      </c>
      <c r="B4006" s="52" t="s">
        <v>79</v>
      </c>
      <c r="C4006" s="3">
        <v>211</v>
      </c>
      <c r="D4006" s="52" t="s">
        <v>2023</v>
      </c>
      <c r="E4006" s="52" t="s">
        <v>26</v>
      </c>
      <c r="F4006" s="52" t="s">
        <v>81</v>
      </c>
      <c r="G4006" s="52" t="s">
        <v>82</v>
      </c>
      <c r="H4006" s="4">
        <v>1</v>
      </c>
      <c r="I4006" s="2">
        <v>14.65</v>
      </c>
      <c r="J4006" s="52" t="s">
        <v>9477</v>
      </c>
      <c r="K4006" s="71" t="s">
        <v>9478</v>
      </c>
      <c r="L4006" s="52" t="s">
        <v>2063</v>
      </c>
      <c r="M4006" s="72">
        <v>4329</v>
      </c>
      <c r="N4006" s="52" t="s">
        <v>2076</v>
      </c>
      <c r="O4006" s="52" t="s">
        <v>2077</v>
      </c>
      <c r="P4006" s="52"/>
      <c r="Q4006" s="52"/>
      <c r="R4006" s="52"/>
      <c r="S4006" s="52"/>
      <c r="T4006" s="52"/>
      <c r="U4006" s="52"/>
      <c r="V4006" s="52"/>
      <c r="W4006" s="52"/>
    </row>
    <row r="4007" spans="1:23" hidden="1" x14ac:dyDescent="0.35">
      <c r="A4007" s="52" t="s">
        <v>78</v>
      </c>
      <c r="B4007" s="52" t="s">
        <v>79</v>
      </c>
      <c r="C4007" s="3">
        <v>10</v>
      </c>
      <c r="D4007" s="52" t="s">
        <v>87</v>
      </c>
      <c r="E4007" s="52" t="s">
        <v>26</v>
      </c>
      <c r="F4007" s="52" t="s">
        <v>81</v>
      </c>
      <c r="G4007" s="52" t="s">
        <v>82</v>
      </c>
      <c r="H4007" s="4">
        <v>1</v>
      </c>
      <c r="I4007" s="2">
        <v>14.65</v>
      </c>
      <c r="J4007" s="52" t="s">
        <v>9479</v>
      </c>
      <c r="K4007" s="71" t="s">
        <v>9480</v>
      </c>
      <c r="L4007" s="52" t="s">
        <v>2063</v>
      </c>
      <c r="M4007" s="72">
        <v>1259</v>
      </c>
      <c r="N4007" s="52" t="s">
        <v>2072</v>
      </c>
      <c r="O4007" s="52" t="s">
        <v>2073</v>
      </c>
      <c r="P4007" s="52"/>
      <c r="Q4007" s="52"/>
      <c r="R4007" s="52"/>
      <c r="S4007" s="52"/>
      <c r="T4007" s="52"/>
      <c r="U4007" s="52"/>
      <c r="V4007" s="52"/>
      <c r="W4007" s="52"/>
    </row>
    <row r="4008" spans="1:23" hidden="1" x14ac:dyDescent="0.35">
      <c r="A4008" s="52" t="s">
        <v>78</v>
      </c>
      <c r="B4008" s="52" t="s">
        <v>79</v>
      </c>
      <c r="C4008" s="3">
        <v>20</v>
      </c>
      <c r="D4008" s="52" t="s">
        <v>84</v>
      </c>
      <c r="E4008" s="52" t="s">
        <v>26</v>
      </c>
      <c r="F4008" s="52" t="s">
        <v>81</v>
      </c>
      <c r="G4008" s="52" t="s">
        <v>82</v>
      </c>
      <c r="H4008" s="4">
        <v>1</v>
      </c>
      <c r="I4008" s="2">
        <v>14.65</v>
      </c>
      <c r="J4008" s="52" t="s">
        <v>9460</v>
      </c>
      <c r="K4008" s="71" t="s">
        <v>9481</v>
      </c>
      <c r="L4008" s="52" t="s">
        <v>2063</v>
      </c>
      <c r="M4008" s="72">
        <v>535</v>
      </c>
      <c r="N4008" s="52" t="s">
        <v>2072</v>
      </c>
      <c r="O4008" s="52" t="s">
        <v>2073</v>
      </c>
      <c r="P4008" s="52"/>
      <c r="Q4008" s="52"/>
      <c r="R4008" s="52"/>
      <c r="S4008" s="52"/>
      <c r="T4008" s="52"/>
      <c r="U4008" s="52"/>
      <c r="V4008" s="52"/>
      <c r="W4008" s="52"/>
    </row>
    <row r="4009" spans="1:23" hidden="1" x14ac:dyDescent="0.35">
      <c r="A4009" s="52" t="s">
        <v>78</v>
      </c>
      <c r="B4009" s="52" t="s">
        <v>79</v>
      </c>
      <c r="C4009" s="3">
        <v>20</v>
      </c>
      <c r="D4009" s="52" t="s">
        <v>85</v>
      </c>
      <c r="E4009" s="52" t="s">
        <v>26</v>
      </c>
      <c r="F4009" s="52" t="s">
        <v>81</v>
      </c>
      <c r="G4009" s="52" t="s">
        <v>82</v>
      </c>
      <c r="H4009" s="4">
        <v>1</v>
      </c>
      <c r="I4009" s="2">
        <v>14.65</v>
      </c>
      <c r="J4009" s="52" t="s">
        <v>9482</v>
      </c>
      <c r="K4009" s="71" t="s">
        <v>9483</v>
      </c>
      <c r="L4009" s="52" t="s">
        <v>2063</v>
      </c>
      <c r="M4009" s="72">
        <v>2261</v>
      </c>
      <c r="N4009" s="52" t="s">
        <v>2072</v>
      </c>
      <c r="O4009" s="52" t="s">
        <v>2073</v>
      </c>
      <c r="P4009" s="52"/>
      <c r="Q4009" s="52"/>
      <c r="R4009" s="52"/>
      <c r="S4009" s="52"/>
      <c r="T4009" s="52"/>
      <c r="U4009" s="52"/>
      <c r="V4009" s="52"/>
      <c r="W4009" s="52"/>
    </row>
    <row r="4010" spans="1:23" hidden="1" x14ac:dyDescent="0.35">
      <c r="A4010" s="52" t="s">
        <v>78</v>
      </c>
      <c r="B4010" s="52" t="s">
        <v>79</v>
      </c>
      <c r="C4010" s="3">
        <v>20</v>
      </c>
      <c r="D4010" s="52" t="s">
        <v>2019</v>
      </c>
      <c r="E4010" s="52" t="s">
        <v>26</v>
      </c>
      <c r="F4010" s="52" t="s">
        <v>81</v>
      </c>
      <c r="G4010" s="52" t="s">
        <v>82</v>
      </c>
      <c r="H4010" s="4">
        <v>1</v>
      </c>
      <c r="I4010" s="2">
        <v>14.65</v>
      </c>
      <c r="J4010" s="52" t="s">
        <v>9484</v>
      </c>
      <c r="K4010" s="71" t="s">
        <v>9485</v>
      </c>
      <c r="L4010" s="52" t="s">
        <v>2063</v>
      </c>
      <c r="M4010" s="72">
        <v>5162</v>
      </c>
      <c r="N4010" s="52" t="s">
        <v>2066</v>
      </c>
      <c r="O4010" s="52" t="s">
        <v>2067</v>
      </c>
      <c r="P4010" s="52"/>
      <c r="Q4010" s="52"/>
      <c r="R4010" s="52"/>
      <c r="S4010" s="52"/>
      <c r="T4010" s="52"/>
      <c r="U4010" s="52"/>
      <c r="V4010" s="52"/>
      <c r="W4010" s="52"/>
    </row>
    <row r="4011" spans="1:23" hidden="1" x14ac:dyDescent="0.35">
      <c r="A4011" s="52" t="s">
        <v>78</v>
      </c>
      <c r="B4011" s="52" t="s">
        <v>79</v>
      </c>
      <c r="C4011" s="3">
        <v>211</v>
      </c>
      <c r="D4011" s="52" t="s">
        <v>85</v>
      </c>
      <c r="E4011" s="52" t="s">
        <v>26</v>
      </c>
      <c r="F4011" s="52" t="s">
        <v>81</v>
      </c>
      <c r="G4011" s="52" t="s">
        <v>82</v>
      </c>
      <c r="H4011" s="4">
        <v>1</v>
      </c>
      <c r="I4011" s="2">
        <v>14.65</v>
      </c>
      <c r="J4011" s="52" t="s">
        <v>7389</v>
      </c>
      <c r="K4011" s="71" t="s">
        <v>9486</v>
      </c>
      <c r="L4011" s="52" t="s">
        <v>2063</v>
      </c>
      <c r="M4011" s="72">
        <v>3089</v>
      </c>
      <c r="N4011" s="52" t="s">
        <v>2158</v>
      </c>
      <c r="O4011" s="52" t="s">
        <v>2159</v>
      </c>
      <c r="P4011" s="52"/>
      <c r="Q4011" s="52"/>
      <c r="R4011" s="52"/>
      <c r="S4011" s="52"/>
      <c r="T4011" s="52"/>
      <c r="U4011" s="52"/>
      <c r="V4011" s="52"/>
      <c r="W4011" s="52"/>
    </row>
    <row r="4012" spans="1:23" hidden="1" x14ac:dyDescent="0.35">
      <c r="A4012" s="52" t="s">
        <v>78</v>
      </c>
      <c r="B4012" s="52" t="s">
        <v>79</v>
      </c>
      <c r="C4012" s="3">
        <v>20</v>
      </c>
      <c r="D4012" s="52" t="s">
        <v>84</v>
      </c>
      <c r="E4012" s="52" t="s">
        <v>26</v>
      </c>
      <c r="F4012" s="52" t="s">
        <v>81</v>
      </c>
      <c r="G4012" s="52" t="s">
        <v>82</v>
      </c>
      <c r="H4012" s="4">
        <v>1</v>
      </c>
      <c r="I4012" s="2">
        <v>14.65</v>
      </c>
      <c r="J4012" s="52" t="s">
        <v>9338</v>
      </c>
      <c r="K4012" s="71" t="s">
        <v>9487</v>
      </c>
      <c r="L4012" s="52" t="s">
        <v>2063</v>
      </c>
      <c r="M4012" s="72">
        <v>4021</v>
      </c>
      <c r="N4012" s="52"/>
      <c r="O4012" s="52"/>
      <c r="P4012" s="52"/>
      <c r="Q4012" s="52"/>
      <c r="R4012" s="52"/>
      <c r="S4012" s="52"/>
      <c r="T4012" s="52"/>
      <c r="U4012" s="52"/>
      <c r="V4012" s="52"/>
      <c r="W4012" s="52"/>
    </row>
    <row r="4013" spans="1:23" x14ac:dyDescent="0.35">
      <c r="A4013" s="52" t="s">
        <v>78</v>
      </c>
      <c r="B4013" s="52" t="s">
        <v>79</v>
      </c>
      <c r="C4013" s="3">
        <v>221</v>
      </c>
      <c r="D4013" s="52" t="s">
        <v>2022</v>
      </c>
      <c r="E4013" s="52" t="s">
        <v>26</v>
      </c>
      <c r="F4013" s="52" t="s">
        <v>81</v>
      </c>
      <c r="G4013" s="52" t="s">
        <v>82</v>
      </c>
      <c r="H4013" s="4">
        <v>1</v>
      </c>
      <c r="I4013" s="2">
        <v>14.65</v>
      </c>
      <c r="J4013" s="52" t="s">
        <v>9488</v>
      </c>
      <c r="K4013" s="71" t="s">
        <v>9489</v>
      </c>
      <c r="L4013" s="52" t="s">
        <v>2095</v>
      </c>
      <c r="M4013" s="72">
        <v>3962</v>
      </c>
      <c r="N4013" s="52" t="s">
        <v>2076</v>
      </c>
      <c r="O4013" s="52" t="s">
        <v>2077</v>
      </c>
      <c r="P4013" s="52"/>
      <c r="Q4013" s="52"/>
      <c r="R4013" s="52"/>
      <c r="S4013" s="52"/>
      <c r="T4013" s="52"/>
      <c r="U4013" s="52"/>
      <c r="V4013" s="52"/>
      <c r="W4013" s="52"/>
    </row>
    <row r="4014" spans="1:23" hidden="1" x14ac:dyDescent="0.35">
      <c r="A4014" s="52" t="s">
        <v>78</v>
      </c>
      <c r="B4014" s="52" t="s">
        <v>79</v>
      </c>
      <c r="C4014" s="3">
        <v>211</v>
      </c>
      <c r="D4014" s="52" t="s">
        <v>2022</v>
      </c>
      <c r="E4014" s="52" t="s">
        <v>26</v>
      </c>
      <c r="F4014" s="52" t="s">
        <v>81</v>
      </c>
      <c r="G4014" s="52" t="s">
        <v>82</v>
      </c>
      <c r="H4014" s="4">
        <v>1</v>
      </c>
      <c r="I4014" s="2">
        <v>14.65</v>
      </c>
      <c r="J4014" s="52" t="s">
        <v>9490</v>
      </c>
      <c r="K4014" s="71" t="s">
        <v>9491</v>
      </c>
      <c r="L4014" s="52" t="s">
        <v>2063</v>
      </c>
      <c r="M4014" s="72">
        <v>1153</v>
      </c>
      <c r="N4014" s="52"/>
      <c r="O4014" s="52"/>
      <c r="P4014" s="52"/>
      <c r="Q4014" s="52"/>
      <c r="R4014" s="52"/>
      <c r="S4014" s="52"/>
      <c r="T4014" s="52"/>
      <c r="U4014" s="52"/>
      <c r="V4014" s="52"/>
      <c r="W4014" s="52"/>
    </row>
    <row r="4015" spans="1:23" hidden="1" x14ac:dyDescent="0.35">
      <c r="A4015" s="52" t="s">
        <v>78</v>
      </c>
      <c r="B4015" s="52" t="s">
        <v>79</v>
      </c>
      <c r="C4015" s="3">
        <v>20</v>
      </c>
      <c r="D4015" s="52" t="s">
        <v>2022</v>
      </c>
      <c r="E4015" s="52" t="s">
        <v>26</v>
      </c>
      <c r="F4015" s="52" t="s">
        <v>81</v>
      </c>
      <c r="G4015" s="52" t="s">
        <v>82</v>
      </c>
      <c r="H4015" s="4">
        <v>1</v>
      </c>
      <c r="I4015" s="2">
        <v>14.65</v>
      </c>
      <c r="J4015" s="52" t="s">
        <v>9492</v>
      </c>
      <c r="K4015" s="71" t="s">
        <v>9493</v>
      </c>
      <c r="L4015" s="52" t="s">
        <v>2063</v>
      </c>
      <c r="M4015" s="72">
        <v>2673</v>
      </c>
      <c r="N4015" s="52" t="s">
        <v>2072</v>
      </c>
      <c r="O4015" s="52" t="s">
        <v>2073</v>
      </c>
      <c r="P4015" s="52"/>
      <c r="Q4015" s="52"/>
      <c r="R4015" s="52"/>
      <c r="S4015" s="52"/>
      <c r="T4015" s="52"/>
      <c r="U4015" s="52"/>
      <c r="V4015" s="52"/>
      <c r="W4015" s="52"/>
    </row>
    <row r="4016" spans="1:23" hidden="1" x14ac:dyDescent="0.35">
      <c r="A4016" s="52" t="s">
        <v>78</v>
      </c>
      <c r="B4016" s="52" t="s">
        <v>79</v>
      </c>
      <c r="C4016" s="3">
        <v>20</v>
      </c>
      <c r="D4016" s="52" t="s">
        <v>2023</v>
      </c>
      <c r="E4016" s="52" t="s">
        <v>26</v>
      </c>
      <c r="F4016" s="52" t="s">
        <v>81</v>
      </c>
      <c r="G4016" s="52" t="s">
        <v>82</v>
      </c>
      <c r="H4016" s="4">
        <v>1</v>
      </c>
      <c r="I4016" s="2">
        <v>14.65</v>
      </c>
      <c r="J4016" s="52" t="s">
        <v>9494</v>
      </c>
      <c r="K4016" s="71" t="s">
        <v>9495</v>
      </c>
      <c r="L4016" s="52" t="s">
        <v>2063</v>
      </c>
      <c r="M4016" s="72">
        <v>3210</v>
      </c>
      <c r="N4016" s="52"/>
      <c r="O4016" s="52"/>
      <c r="P4016" s="52"/>
      <c r="Q4016" s="52"/>
      <c r="R4016" s="52"/>
      <c r="S4016" s="52"/>
      <c r="T4016" s="52"/>
      <c r="U4016" s="52"/>
      <c r="V4016" s="52"/>
      <c r="W4016" s="52"/>
    </row>
    <row r="4017" spans="1:23" hidden="1" x14ac:dyDescent="0.35">
      <c r="A4017" s="52" t="s">
        <v>78</v>
      </c>
      <c r="B4017" s="52" t="s">
        <v>79</v>
      </c>
      <c r="C4017" s="3">
        <v>10</v>
      </c>
      <c r="D4017" s="52" t="s">
        <v>83</v>
      </c>
      <c r="E4017" s="52" t="s">
        <v>26</v>
      </c>
      <c r="F4017" s="52" t="s">
        <v>81</v>
      </c>
      <c r="G4017" s="52" t="s">
        <v>82</v>
      </c>
      <c r="H4017" s="4">
        <v>1</v>
      </c>
      <c r="I4017" s="2">
        <v>14.65</v>
      </c>
      <c r="J4017" s="52" t="s">
        <v>8335</v>
      </c>
      <c r="K4017" s="71" t="s">
        <v>9496</v>
      </c>
      <c r="L4017" s="52" t="s">
        <v>2095</v>
      </c>
      <c r="M4017" s="72">
        <v>4099</v>
      </c>
      <c r="N4017" s="52"/>
      <c r="O4017" s="52"/>
      <c r="P4017" s="52"/>
      <c r="Q4017" s="52"/>
      <c r="R4017" s="52"/>
      <c r="S4017" s="52"/>
      <c r="T4017" s="52"/>
      <c r="U4017" s="52"/>
      <c r="V4017" s="52"/>
      <c r="W4017" s="52"/>
    </row>
    <row r="4018" spans="1:23" hidden="1" x14ac:dyDescent="0.35">
      <c r="A4018" s="52" t="s">
        <v>78</v>
      </c>
      <c r="B4018" s="52" t="s">
        <v>79</v>
      </c>
      <c r="C4018" s="3">
        <v>20</v>
      </c>
      <c r="D4018" s="52" t="s">
        <v>84</v>
      </c>
      <c r="E4018" s="52" t="s">
        <v>26</v>
      </c>
      <c r="F4018" s="52" t="s">
        <v>81</v>
      </c>
      <c r="G4018" s="52" t="s">
        <v>82</v>
      </c>
      <c r="H4018" s="4">
        <v>1</v>
      </c>
      <c r="I4018" s="2">
        <v>14.65</v>
      </c>
      <c r="J4018" s="52" t="s">
        <v>9497</v>
      </c>
      <c r="K4018" s="71" t="s">
        <v>9498</v>
      </c>
      <c r="L4018" s="52" t="s">
        <v>2063</v>
      </c>
      <c r="M4018" s="72">
        <v>4675</v>
      </c>
      <c r="N4018" s="52" t="s">
        <v>2072</v>
      </c>
      <c r="O4018" s="52" t="s">
        <v>2073</v>
      </c>
      <c r="P4018" s="52"/>
      <c r="Q4018" s="52"/>
      <c r="R4018" s="52"/>
      <c r="S4018" s="52"/>
      <c r="T4018" s="52"/>
      <c r="U4018" s="52"/>
      <c r="V4018" s="52"/>
      <c r="W4018" s="52"/>
    </row>
    <row r="4019" spans="1:23" hidden="1" x14ac:dyDescent="0.35">
      <c r="A4019" s="52" t="s">
        <v>78</v>
      </c>
      <c r="B4019" s="52" t="s">
        <v>79</v>
      </c>
      <c r="C4019" s="3">
        <v>20</v>
      </c>
      <c r="D4019" s="52" t="s">
        <v>2023</v>
      </c>
      <c r="E4019" s="52" t="s">
        <v>26</v>
      </c>
      <c r="F4019" s="52" t="s">
        <v>81</v>
      </c>
      <c r="G4019" s="52" t="s">
        <v>82</v>
      </c>
      <c r="H4019" s="4">
        <v>1</v>
      </c>
      <c r="I4019" s="2">
        <v>14.65</v>
      </c>
      <c r="J4019" s="52" t="s">
        <v>9499</v>
      </c>
      <c r="K4019" s="71" t="s">
        <v>9500</v>
      </c>
      <c r="L4019" s="52" t="s">
        <v>2063</v>
      </c>
      <c r="M4019" s="72">
        <v>2889</v>
      </c>
      <c r="N4019" s="52" t="s">
        <v>2066</v>
      </c>
      <c r="O4019" s="52" t="s">
        <v>2067</v>
      </c>
      <c r="P4019" s="52"/>
      <c r="Q4019" s="52"/>
      <c r="R4019" s="52"/>
      <c r="S4019" s="52"/>
      <c r="T4019" s="52"/>
      <c r="U4019" s="52"/>
      <c r="V4019" s="52"/>
      <c r="W4019" s="52"/>
    </row>
    <row r="4020" spans="1:23" hidden="1" x14ac:dyDescent="0.35">
      <c r="A4020" s="52" t="s">
        <v>78</v>
      </c>
      <c r="B4020" s="52" t="s">
        <v>79</v>
      </c>
      <c r="C4020" s="3">
        <v>10</v>
      </c>
      <c r="D4020" s="52" t="s">
        <v>2022</v>
      </c>
      <c r="E4020" s="52" t="s">
        <v>26</v>
      </c>
      <c r="F4020" s="52" t="s">
        <v>81</v>
      </c>
      <c r="G4020" s="52" t="s">
        <v>82</v>
      </c>
      <c r="H4020" s="4">
        <v>1</v>
      </c>
      <c r="I4020" s="2">
        <v>14.65</v>
      </c>
      <c r="J4020" s="52" t="s">
        <v>9501</v>
      </c>
      <c r="K4020" s="71" t="s">
        <v>9502</v>
      </c>
      <c r="L4020" s="52" t="s">
        <v>2063</v>
      </c>
      <c r="M4020" s="72">
        <v>6913</v>
      </c>
      <c r="N4020" s="52" t="s">
        <v>2072</v>
      </c>
      <c r="O4020" s="52" t="s">
        <v>2073</v>
      </c>
      <c r="P4020" s="52"/>
      <c r="Q4020" s="52"/>
      <c r="R4020" s="52"/>
      <c r="S4020" s="52"/>
      <c r="T4020" s="52"/>
      <c r="U4020" s="52"/>
      <c r="V4020" s="52"/>
      <c r="W4020" s="52"/>
    </row>
    <row r="4021" spans="1:23" hidden="1" x14ac:dyDescent="0.35">
      <c r="A4021" s="52" t="s">
        <v>78</v>
      </c>
      <c r="B4021" s="52" t="s">
        <v>79</v>
      </c>
      <c r="C4021" s="3">
        <v>10</v>
      </c>
      <c r="D4021" s="52" t="s">
        <v>84</v>
      </c>
      <c r="E4021" s="52" t="s">
        <v>26</v>
      </c>
      <c r="F4021" s="52" t="s">
        <v>81</v>
      </c>
      <c r="G4021" s="52" t="s">
        <v>82</v>
      </c>
      <c r="H4021" s="4">
        <v>1</v>
      </c>
      <c r="I4021" s="2">
        <v>14.65</v>
      </c>
      <c r="J4021" s="52" t="s">
        <v>9503</v>
      </c>
      <c r="K4021" s="71" t="s">
        <v>9504</v>
      </c>
      <c r="L4021" s="52" t="s">
        <v>2063</v>
      </c>
      <c r="M4021" s="72">
        <v>1659</v>
      </c>
      <c r="N4021" s="52" t="s">
        <v>2072</v>
      </c>
      <c r="O4021" s="52" t="s">
        <v>2073</v>
      </c>
      <c r="P4021" s="52"/>
      <c r="Q4021" s="52"/>
      <c r="R4021" s="52"/>
      <c r="S4021" s="52"/>
      <c r="T4021" s="52"/>
      <c r="U4021" s="52"/>
      <c r="V4021" s="52"/>
      <c r="W4021" s="52"/>
    </row>
    <row r="4022" spans="1:23" hidden="1" x14ac:dyDescent="0.35">
      <c r="A4022" s="52" t="s">
        <v>78</v>
      </c>
      <c r="B4022" s="52" t="s">
        <v>79</v>
      </c>
      <c r="C4022" s="3">
        <v>10</v>
      </c>
      <c r="D4022" s="52" t="s">
        <v>87</v>
      </c>
      <c r="E4022" s="52" t="s">
        <v>26</v>
      </c>
      <c r="F4022" s="52" t="s">
        <v>81</v>
      </c>
      <c r="G4022" s="52" t="s">
        <v>82</v>
      </c>
      <c r="H4022" s="4">
        <v>1</v>
      </c>
      <c r="I4022" s="2">
        <v>14.65</v>
      </c>
      <c r="J4022" s="52" t="s">
        <v>8351</v>
      </c>
      <c r="K4022" s="71" t="s">
        <v>9505</v>
      </c>
      <c r="L4022" s="52" t="s">
        <v>2063</v>
      </c>
      <c r="M4022" s="72">
        <v>2747</v>
      </c>
      <c r="N4022" s="52" t="s">
        <v>2072</v>
      </c>
      <c r="O4022" s="52" t="s">
        <v>2073</v>
      </c>
      <c r="P4022" s="52"/>
      <c r="Q4022" s="52"/>
      <c r="R4022" s="52"/>
      <c r="S4022" s="52"/>
      <c r="T4022" s="52"/>
      <c r="U4022" s="52"/>
      <c r="V4022" s="52"/>
      <c r="W4022" s="52"/>
    </row>
    <row r="4023" spans="1:23" hidden="1" x14ac:dyDescent="0.35">
      <c r="A4023" s="52" t="s">
        <v>78</v>
      </c>
      <c r="B4023" s="52" t="s">
        <v>79</v>
      </c>
      <c r="C4023" s="3">
        <v>20</v>
      </c>
      <c r="D4023" s="52" t="s">
        <v>2020</v>
      </c>
      <c r="E4023" s="52" t="s">
        <v>26</v>
      </c>
      <c r="F4023" s="52" t="s">
        <v>81</v>
      </c>
      <c r="G4023" s="52" t="s">
        <v>82</v>
      </c>
      <c r="H4023" s="4">
        <v>1</v>
      </c>
      <c r="I4023" s="2">
        <v>14.65</v>
      </c>
      <c r="J4023" s="52" t="s">
        <v>9506</v>
      </c>
      <c r="K4023" s="71" t="s">
        <v>9507</v>
      </c>
      <c r="L4023" s="52" t="s">
        <v>2063</v>
      </c>
      <c r="M4023" s="72">
        <v>925</v>
      </c>
      <c r="N4023" s="52" t="s">
        <v>2072</v>
      </c>
      <c r="O4023" s="52" t="s">
        <v>2073</v>
      </c>
      <c r="P4023" s="52"/>
      <c r="Q4023" s="52"/>
      <c r="R4023" s="52"/>
      <c r="S4023" s="52"/>
      <c r="T4023" s="52"/>
      <c r="U4023" s="52"/>
      <c r="V4023" s="52"/>
      <c r="W4023" s="52"/>
    </row>
    <row r="4024" spans="1:23" hidden="1" x14ac:dyDescent="0.35">
      <c r="A4024" s="52" t="s">
        <v>78</v>
      </c>
      <c r="B4024" s="52" t="s">
        <v>79</v>
      </c>
      <c r="C4024" s="3">
        <v>10</v>
      </c>
      <c r="D4024" s="52" t="s">
        <v>2022</v>
      </c>
      <c r="E4024" s="52" t="s">
        <v>26</v>
      </c>
      <c r="F4024" s="52" t="s">
        <v>81</v>
      </c>
      <c r="G4024" s="52" t="s">
        <v>82</v>
      </c>
      <c r="H4024" s="4">
        <v>1</v>
      </c>
      <c r="I4024" s="2">
        <v>14.65</v>
      </c>
      <c r="J4024" s="52" t="s">
        <v>9508</v>
      </c>
      <c r="K4024" s="71" t="s">
        <v>9509</v>
      </c>
      <c r="L4024" s="52" t="s">
        <v>2063</v>
      </c>
      <c r="M4024" s="72">
        <v>4687</v>
      </c>
      <c r="N4024" s="52" t="s">
        <v>2066</v>
      </c>
      <c r="O4024" s="52" t="s">
        <v>2067</v>
      </c>
      <c r="P4024" s="52"/>
      <c r="Q4024" s="52"/>
      <c r="R4024" s="52"/>
      <c r="S4024" s="52"/>
      <c r="T4024" s="52"/>
      <c r="U4024" s="52"/>
      <c r="V4024" s="52"/>
      <c r="W4024" s="52"/>
    </row>
    <row r="4025" spans="1:23" hidden="1" x14ac:dyDescent="0.35">
      <c r="A4025" s="52" t="s">
        <v>78</v>
      </c>
      <c r="B4025" s="52" t="s">
        <v>79</v>
      </c>
      <c r="C4025" s="3">
        <v>10</v>
      </c>
      <c r="D4025" s="52" t="s">
        <v>84</v>
      </c>
      <c r="E4025" s="52" t="s">
        <v>26</v>
      </c>
      <c r="F4025" s="52" t="s">
        <v>81</v>
      </c>
      <c r="G4025" s="52" t="s">
        <v>82</v>
      </c>
      <c r="H4025" s="4">
        <v>1</v>
      </c>
      <c r="I4025" s="2">
        <v>14.65</v>
      </c>
      <c r="J4025" s="52" t="s">
        <v>9510</v>
      </c>
      <c r="K4025" s="71" t="s">
        <v>9511</v>
      </c>
      <c r="L4025" s="52" t="s">
        <v>2063</v>
      </c>
      <c r="M4025" s="72">
        <v>5663</v>
      </c>
      <c r="N4025" s="52" t="s">
        <v>2072</v>
      </c>
      <c r="O4025" s="52" t="s">
        <v>2073</v>
      </c>
      <c r="P4025" s="52"/>
      <c r="Q4025" s="52"/>
      <c r="R4025" s="52"/>
      <c r="S4025" s="52"/>
      <c r="T4025" s="52"/>
      <c r="U4025" s="52"/>
      <c r="V4025" s="52"/>
      <c r="W4025" s="52"/>
    </row>
    <row r="4026" spans="1:23" hidden="1" x14ac:dyDescent="0.35">
      <c r="A4026" s="52" t="s">
        <v>78</v>
      </c>
      <c r="B4026" s="52" t="s">
        <v>79</v>
      </c>
      <c r="C4026" s="3">
        <v>20</v>
      </c>
      <c r="D4026" s="52" t="s">
        <v>2022</v>
      </c>
      <c r="E4026" s="52" t="s">
        <v>26</v>
      </c>
      <c r="F4026" s="52" t="s">
        <v>81</v>
      </c>
      <c r="G4026" s="52" t="s">
        <v>82</v>
      </c>
      <c r="H4026" s="4">
        <v>1</v>
      </c>
      <c r="I4026" s="2">
        <v>14.65</v>
      </c>
      <c r="J4026" s="52" t="s">
        <v>9271</v>
      </c>
      <c r="K4026" s="71" t="s">
        <v>9512</v>
      </c>
      <c r="L4026" s="52" t="s">
        <v>2063</v>
      </c>
      <c r="M4026" s="72">
        <v>5311</v>
      </c>
      <c r="N4026" s="52" t="s">
        <v>2158</v>
      </c>
      <c r="O4026" s="52" t="s">
        <v>2159</v>
      </c>
      <c r="P4026" s="52"/>
      <c r="Q4026" s="52"/>
      <c r="R4026" s="52"/>
      <c r="S4026" s="52"/>
      <c r="T4026" s="52"/>
      <c r="U4026" s="52"/>
      <c r="V4026" s="52"/>
      <c r="W4026" s="52"/>
    </row>
    <row r="4027" spans="1:23" hidden="1" x14ac:dyDescent="0.35">
      <c r="A4027" s="52" t="s">
        <v>78</v>
      </c>
      <c r="B4027" s="52" t="s">
        <v>79</v>
      </c>
      <c r="C4027" s="3">
        <v>20</v>
      </c>
      <c r="D4027" s="52" t="s">
        <v>87</v>
      </c>
      <c r="E4027" s="52" t="s">
        <v>26</v>
      </c>
      <c r="F4027" s="52" t="s">
        <v>81</v>
      </c>
      <c r="G4027" s="52" t="s">
        <v>82</v>
      </c>
      <c r="H4027" s="4">
        <v>1</v>
      </c>
      <c r="I4027" s="2">
        <v>14.65</v>
      </c>
      <c r="J4027" s="52" t="s">
        <v>9513</v>
      </c>
      <c r="K4027" s="71" t="s">
        <v>9514</v>
      </c>
      <c r="L4027" s="52" t="s">
        <v>2063</v>
      </c>
      <c r="M4027" s="72">
        <v>8739</v>
      </c>
      <c r="N4027" s="52"/>
      <c r="O4027" s="52"/>
      <c r="P4027" s="52"/>
      <c r="Q4027" s="52"/>
      <c r="R4027" s="52"/>
      <c r="S4027" s="52"/>
      <c r="T4027" s="52"/>
      <c r="U4027" s="52"/>
      <c r="V4027" s="52"/>
      <c r="W4027" s="52"/>
    </row>
    <row r="4028" spans="1:23" hidden="1" x14ac:dyDescent="0.35">
      <c r="A4028" s="52" t="s">
        <v>78</v>
      </c>
      <c r="B4028" s="52" t="s">
        <v>79</v>
      </c>
      <c r="C4028" s="3">
        <v>10</v>
      </c>
      <c r="D4028" s="52" t="s">
        <v>2023</v>
      </c>
      <c r="E4028" s="52" t="s">
        <v>26</v>
      </c>
      <c r="F4028" s="52" t="s">
        <v>81</v>
      </c>
      <c r="G4028" s="52" t="s">
        <v>82</v>
      </c>
      <c r="H4028" s="4">
        <v>1</v>
      </c>
      <c r="I4028" s="2">
        <v>14.65</v>
      </c>
      <c r="J4028" s="52" t="s">
        <v>9515</v>
      </c>
      <c r="K4028" s="71" t="s">
        <v>9516</v>
      </c>
      <c r="L4028" s="52" t="s">
        <v>2063</v>
      </c>
      <c r="M4028" s="72">
        <v>5049</v>
      </c>
      <c r="N4028" s="52" t="s">
        <v>2066</v>
      </c>
      <c r="O4028" s="52" t="s">
        <v>2067</v>
      </c>
      <c r="P4028" s="52"/>
      <c r="Q4028" s="52"/>
      <c r="R4028" s="52"/>
      <c r="S4028" s="52"/>
      <c r="T4028" s="52"/>
      <c r="U4028" s="52"/>
      <c r="V4028" s="52"/>
      <c r="W4028" s="52"/>
    </row>
    <row r="4029" spans="1:23" x14ac:dyDescent="0.35">
      <c r="A4029" s="52" t="s">
        <v>78</v>
      </c>
      <c r="B4029" s="52" t="s">
        <v>79</v>
      </c>
      <c r="C4029" s="3">
        <v>20</v>
      </c>
      <c r="D4029" s="52" t="s">
        <v>2021</v>
      </c>
      <c r="E4029" s="52" t="s">
        <v>26</v>
      </c>
      <c r="F4029" s="52" t="s">
        <v>81</v>
      </c>
      <c r="G4029" s="52" t="s">
        <v>82</v>
      </c>
      <c r="H4029" s="4">
        <v>1</v>
      </c>
      <c r="I4029" s="2">
        <v>14.65</v>
      </c>
      <c r="J4029" s="52" t="s">
        <v>9517</v>
      </c>
      <c r="K4029" s="71" t="s">
        <v>9518</v>
      </c>
      <c r="L4029" s="52" t="s">
        <v>2063</v>
      </c>
      <c r="M4029" s="72">
        <v>2648</v>
      </c>
      <c r="N4029" s="52" t="s">
        <v>2259</v>
      </c>
      <c r="O4029" s="52" t="s">
        <v>2260</v>
      </c>
      <c r="P4029" s="52"/>
      <c r="Q4029" s="52"/>
      <c r="R4029" s="52"/>
      <c r="S4029" s="52"/>
      <c r="T4029" s="52"/>
      <c r="U4029" s="52"/>
      <c r="V4029" s="52"/>
      <c r="W4029" s="52"/>
    </row>
    <row r="4030" spans="1:23" hidden="1" x14ac:dyDescent="0.35">
      <c r="A4030" s="52" t="s">
        <v>78</v>
      </c>
      <c r="B4030" s="52" t="s">
        <v>79</v>
      </c>
      <c r="C4030" s="3">
        <v>20</v>
      </c>
      <c r="D4030" s="52" t="s">
        <v>84</v>
      </c>
      <c r="E4030" s="52" t="s">
        <v>26</v>
      </c>
      <c r="F4030" s="52" t="s">
        <v>81</v>
      </c>
      <c r="G4030" s="52" t="s">
        <v>82</v>
      </c>
      <c r="H4030" s="4">
        <v>1</v>
      </c>
      <c r="I4030" s="2">
        <v>14.65</v>
      </c>
      <c r="J4030" s="52" t="s">
        <v>9519</v>
      </c>
      <c r="K4030" s="71" t="s">
        <v>9520</v>
      </c>
      <c r="L4030" s="52" t="s">
        <v>2063</v>
      </c>
      <c r="M4030" s="72">
        <v>4055</v>
      </c>
      <c r="N4030" s="52" t="s">
        <v>2072</v>
      </c>
      <c r="O4030" s="52" t="s">
        <v>2073</v>
      </c>
      <c r="P4030" s="52"/>
      <c r="Q4030" s="52"/>
      <c r="R4030" s="52"/>
      <c r="S4030" s="52"/>
      <c r="T4030" s="52"/>
      <c r="U4030" s="52"/>
      <c r="V4030" s="52"/>
      <c r="W4030" s="52"/>
    </row>
    <row r="4031" spans="1:23" hidden="1" x14ac:dyDescent="0.35">
      <c r="A4031" s="52" t="s">
        <v>78</v>
      </c>
      <c r="B4031" s="52" t="s">
        <v>79</v>
      </c>
      <c r="C4031" s="3">
        <v>20</v>
      </c>
      <c r="D4031" s="52" t="s">
        <v>2020</v>
      </c>
      <c r="E4031" s="52" t="s">
        <v>26</v>
      </c>
      <c r="F4031" s="52" t="s">
        <v>81</v>
      </c>
      <c r="G4031" s="52" t="s">
        <v>82</v>
      </c>
      <c r="H4031" s="4">
        <v>1</v>
      </c>
      <c r="I4031" s="2">
        <v>14.65</v>
      </c>
      <c r="J4031" s="52" t="s">
        <v>9158</v>
      </c>
      <c r="K4031" s="71" t="s">
        <v>9521</v>
      </c>
      <c r="L4031" s="52" t="s">
        <v>2063</v>
      </c>
      <c r="M4031" s="72">
        <v>250</v>
      </c>
      <c r="N4031" s="52" t="s">
        <v>2072</v>
      </c>
      <c r="O4031" s="52" t="s">
        <v>2073</v>
      </c>
      <c r="P4031" s="52"/>
      <c r="Q4031" s="52"/>
      <c r="R4031" s="52"/>
      <c r="S4031" s="52"/>
      <c r="T4031" s="52"/>
      <c r="U4031" s="52"/>
      <c r="V4031" s="52"/>
      <c r="W4031" s="52"/>
    </row>
    <row r="4032" spans="1:23" hidden="1" x14ac:dyDescent="0.35">
      <c r="A4032" s="52" t="s">
        <v>78</v>
      </c>
      <c r="B4032" s="52" t="s">
        <v>79</v>
      </c>
      <c r="C4032" s="3">
        <v>20</v>
      </c>
      <c r="D4032" s="52" t="s">
        <v>87</v>
      </c>
      <c r="E4032" s="52" t="s">
        <v>26</v>
      </c>
      <c r="F4032" s="52" t="s">
        <v>81</v>
      </c>
      <c r="G4032" s="52" t="s">
        <v>82</v>
      </c>
      <c r="H4032" s="4">
        <v>1</v>
      </c>
      <c r="I4032" s="2">
        <v>14.65</v>
      </c>
      <c r="J4032" s="52" t="s">
        <v>9042</v>
      </c>
      <c r="K4032" s="71" t="s">
        <v>9522</v>
      </c>
      <c r="L4032" s="52" t="s">
        <v>2063</v>
      </c>
      <c r="M4032" s="72">
        <v>383</v>
      </c>
      <c r="N4032" s="52"/>
      <c r="O4032" s="52"/>
      <c r="P4032" s="52"/>
      <c r="Q4032" s="52"/>
      <c r="R4032" s="52"/>
      <c r="S4032" s="52"/>
      <c r="T4032" s="52"/>
      <c r="U4032" s="52"/>
      <c r="V4032" s="52"/>
      <c r="W4032" s="52"/>
    </row>
    <row r="4033" spans="1:23" hidden="1" x14ac:dyDescent="0.35">
      <c r="A4033" s="52" t="s">
        <v>78</v>
      </c>
      <c r="B4033" s="52" t="s">
        <v>79</v>
      </c>
      <c r="C4033" s="3">
        <v>20</v>
      </c>
      <c r="D4033" s="52" t="s">
        <v>2023</v>
      </c>
      <c r="E4033" s="52" t="s">
        <v>26</v>
      </c>
      <c r="F4033" s="52" t="s">
        <v>81</v>
      </c>
      <c r="G4033" s="52" t="s">
        <v>82</v>
      </c>
      <c r="H4033" s="4">
        <v>1</v>
      </c>
      <c r="I4033" s="2">
        <v>14.65</v>
      </c>
      <c r="J4033" s="52" t="s">
        <v>9523</v>
      </c>
      <c r="K4033" s="71" t="s">
        <v>9524</v>
      </c>
      <c r="L4033" s="52" t="s">
        <v>2063</v>
      </c>
      <c r="M4033" s="72">
        <v>927</v>
      </c>
      <c r="N4033" s="52" t="s">
        <v>2072</v>
      </c>
      <c r="O4033" s="52" t="s">
        <v>2073</v>
      </c>
      <c r="P4033" s="52"/>
      <c r="Q4033" s="52"/>
      <c r="R4033" s="52"/>
      <c r="S4033" s="52"/>
      <c r="T4033" s="52"/>
      <c r="U4033" s="52"/>
      <c r="V4033" s="52"/>
      <c r="W4033" s="52"/>
    </row>
    <row r="4034" spans="1:23" hidden="1" x14ac:dyDescent="0.35">
      <c r="A4034" s="52" t="s">
        <v>78</v>
      </c>
      <c r="B4034" s="52" t="s">
        <v>79</v>
      </c>
      <c r="C4034" s="3">
        <v>211</v>
      </c>
      <c r="D4034" s="52" t="s">
        <v>2021</v>
      </c>
      <c r="E4034" s="52" t="s">
        <v>26</v>
      </c>
      <c r="F4034" s="52" t="s">
        <v>81</v>
      </c>
      <c r="G4034" s="52" t="s">
        <v>82</v>
      </c>
      <c r="H4034" s="4">
        <v>1</v>
      </c>
      <c r="I4034" s="2">
        <v>14.65</v>
      </c>
      <c r="J4034" s="52" t="s">
        <v>9325</v>
      </c>
      <c r="K4034" s="71" t="s">
        <v>9525</v>
      </c>
      <c r="L4034" s="52" t="s">
        <v>2063</v>
      </c>
      <c r="M4034" s="72">
        <v>8597</v>
      </c>
      <c r="N4034" s="52" t="s">
        <v>2158</v>
      </c>
      <c r="O4034" s="52" t="s">
        <v>2159</v>
      </c>
      <c r="P4034" s="52"/>
      <c r="Q4034" s="52"/>
      <c r="R4034" s="52"/>
      <c r="S4034" s="52"/>
      <c r="T4034" s="52"/>
      <c r="U4034" s="52"/>
      <c r="V4034" s="52"/>
      <c r="W4034" s="52"/>
    </row>
    <row r="4035" spans="1:23" hidden="1" x14ac:dyDescent="0.35">
      <c r="A4035" s="52" t="s">
        <v>78</v>
      </c>
      <c r="B4035" s="52" t="s">
        <v>79</v>
      </c>
      <c r="C4035" s="3">
        <v>10</v>
      </c>
      <c r="D4035" s="52" t="s">
        <v>80</v>
      </c>
      <c r="E4035" s="52" t="s">
        <v>26</v>
      </c>
      <c r="F4035" s="52" t="s">
        <v>81</v>
      </c>
      <c r="G4035" s="52" t="s">
        <v>82</v>
      </c>
      <c r="H4035" s="4">
        <v>1</v>
      </c>
      <c r="I4035" s="2">
        <v>14.65</v>
      </c>
      <c r="J4035" s="52" t="s">
        <v>9526</v>
      </c>
      <c r="K4035" s="71" t="s">
        <v>9527</v>
      </c>
      <c r="L4035" s="52" t="s">
        <v>2063</v>
      </c>
      <c r="M4035" s="72">
        <v>9089</v>
      </c>
      <c r="N4035" s="52" t="s">
        <v>2072</v>
      </c>
      <c r="O4035" s="52" t="s">
        <v>2073</v>
      </c>
      <c r="P4035" s="52"/>
      <c r="Q4035" s="52"/>
      <c r="R4035" s="52"/>
      <c r="S4035" s="52"/>
      <c r="T4035" s="52"/>
      <c r="U4035" s="52"/>
      <c r="V4035" s="52"/>
      <c r="W4035" s="52"/>
    </row>
    <row r="4036" spans="1:23" hidden="1" x14ac:dyDescent="0.35">
      <c r="A4036" s="52" t="s">
        <v>78</v>
      </c>
      <c r="B4036" s="52" t="s">
        <v>79</v>
      </c>
      <c r="C4036" s="3">
        <v>212</v>
      </c>
      <c r="D4036" s="52" t="s">
        <v>2019</v>
      </c>
      <c r="E4036" s="52" t="s">
        <v>26</v>
      </c>
      <c r="F4036" s="52" t="s">
        <v>81</v>
      </c>
      <c r="G4036" s="52" t="s">
        <v>82</v>
      </c>
      <c r="H4036" s="4">
        <v>1</v>
      </c>
      <c r="I4036" s="2">
        <v>14.65</v>
      </c>
      <c r="J4036" s="52" t="s">
        <v>9528</v>
      </c>
      <c r="K4036" s="71" t="s">
        <v>9529</v>
      </c>
      <c r="L4036" s="52" t="s">
        <v>2063</v>
      </c>
      <c r="M4036" s="72">
        <v>4983</v>
      </c>
      <c r="N4036" s="52" t="s">
        <v>2072</v>
      </c>
      <c r="O4036" s="52" t="s">
        <v>2073</v>
      </c>
      <c r="P4036" s="52"/>
      <c r="Q4036" s="52"/>
      <c r="R4036" s="52"/>
      <c r="S4036" s="52"/>
      <c r="T4036" s="52"/>
      <c r="U4036" s="52"/>
      <c r="V4036" s="52"/>
      <c r="W4036" s="52"/>
    </row>
    <row r="4037" spans="1:23" hidden="1" x14ac:dyDescent="0.35">
      <c r="A4037" s="52" t="s">
        <v>78</v>
      </c>
      <c r="B4037" s="52" t="s">
        <v>79</v>
      </c>
      <c r="C4037" s="3">
        <v>20</v>
      </c>
      <c r="D4037" s="52" t="s">
        <v>2019</v>
      </c>
      <c r="E4037" s="52" t="s">
        <v>26</v>
      </c>
      <c r="F4037" s="52" t="s">
        <v>81</v>
      </c>
      <c r="G4037" s="52" t="s">
        <v>82</v>
      </c>
      <c r="H4037" s="4">
        <v>1</v>
      </c>
      <c r="I4037" s="2">
        <v>14.65</v>
      </c>
      <c r="J4037" s="52" t="s">
        <v>9530</v>
      </c>
      <c r="K4037" s="71" t="s">
        <v>9531</v>
      </c>
      <c r="L4037" s="52" t="s">
        <v>2063</v>
      </c>
      <c r="M4037" s="72">
        <v>6513</v>
      </c>
      <c r="N4037" s="52"/>
      <c r="O4037" s="52"/>
      <c r="P4037" s="52"/>
      <c r="Q4037" s="52"/>
      <c r="R4037" s="52"/>
      <c r="S4037" s="52"/>
      <c r="T4037" s="52"/>
      <c r="U4037" s="52"/>
      <c r="V4037" s="52"/>
      <c r="W4037" s="52"/>
    </row>
    <row r="4038" spans="1:23" hidden="1" x14ac:dyDescent="0.35">
      <c r="A4038" s="52" t="s">
        <v>78</v>
      </c>
      <c r="B4038" s="52" t="s">
        <v>79</v>
      </c>
      <c r="C4038" s="3">
        <v>20</v>
      </c>
      <c r="D4038" s="52" t="s">
        <v>2022</v>
      </c>
      <c r="E4038" s="52" t="s">
        <v>26</v>
      </c>
      <c r="F4038" s="52" t="s">
        <v>81</v>
      </c>
      <c r="G4038" s="52" t="s">
        <v>82</v>
      </c>
      <c r="H4038" s="4">
        <v>1</v>
      </c>
      <c r="I4038" s="2">
        <v>14.65</v>
      </c>
      <c r="J4038" s="52" t="s">
        <v>9532</v>
      </c>
      <c r="K4038" s="71" t="s">
        <v>9533</v>
      </c>
      <c r="L4038" s="52" t="s">
        <v>2063</v>
      </c>
      <c r="M4038" s="72">
        <v>9925</v>
      </c>
      <c r="N4038" s="52"/>
      <c r="O4038" s="52"/>
      <c r="P4038" s="52"/>
      <c r="Q4038" s="52"/>
      <c r="R4038" s="52"/>
      <c r="S4038" s="52"/>
      <c r="T4038" s="52"/>
      <c r="U4038" s="52"/>
      <c r="V4038" s="52"/>
      <c r="W4038" s="52"/>
    </row>
    <row r="4039" spans="1:23" hidden="1" x14ac:dyDescent="0.35">
      <c r="A4039" s="52" t="s">
        <v>78</v>
      </c>
      <c r="B4039" s="52" t="s">
        <v>79</v>
      </c>
      <c r="C4039" s="3">
        <v>10</v>
      </c>
      <c r="D4039" s="52" t="s">
        <v>85</v>
      </c>
      <c r="E4039" s="52" t="s">
        <v>26</v>
      </c>
      <c r="F4039" s="52" t="s">
        <v>81</v>
      </c>
      <c r="G4039" s="52" t="s">
        <v>82</v>
      </c>
      <c r="H4039" s="4">
        <v>1</v>
      </c>
      <c r="I4039" s="2">
        <v>14.65</v>
      </c>
      <c r="J4039" s="52" t="s">
        <v>9534</v>
      </c>
      <c r="K4039" s="71" t="s">
        <v>9535</v>
      </c>
      <c r="L4039" s="52" t="s">
        <v>2063</v>
      </c>
      <c r="M4039" s="72">
        <v>2770</v>
      </c>
      <c r="N4039" s="52" t="s">
        <v>2066</v>
      </c>
      <c r="O4039" s="52" t="s">
        <v>2067</v>
      </c>
      <c r="P4039" s="52"/>
      <c r="Q4039" s="52"/>
      <c r="R4039" s="52"/>
      <c r="S4039" s="52"/>
      <c r="T4039" s="52"/>
      <c r="U4039" s="52"/>
      <c r="V4039" s="52"/>
      <c r="W4039" s="52"/>
    </row>
    <row r="4040" spans="1:23" x14ac:dyDescent="0.35">
      <c r="A4040" s="52" t="s">
        <v>78</v>
      </c>
      <c r="B4040" s="52" t="s">
        <v>79</v>
      </c>
      <c r="C4040" s="3">
        <v>211</v>
      </c>
      <c r="D4040" s="52" t="s">
        <v>2022</v>
      </c>
      <c r="E4040" s="52" t="s">
        <v>26</v>
      </c>
      <c r="F4040" s="52" t="s">
        <v>81</v>
      </c>
      <c r="G4040" s="52" t="s">
        <v>82</v>
      </c>
      <c r="H4040" s="4">
        <v>1</v>
      </c>
      <c r="I4040" s="2">
        <v>14.65</v>
      </c>
      <c r="J4040" s="52" t="s">
        <v>9536</v>
      </c>
      <c r="K4040" s="71" t="s">
        <v>9537</v>
      </c>
      <c r="L4040" s="52" t="s">
        <v>2063</v>
      </c>
      <c r="M4040" s="72">
        <v>5895</v>
      </c>
      <c r="N4040" s="52" t="s">
        <v>2076</v>
      </c>
      <c r="O4040" s="52" t="s">
        <v>2077</v>
      </c>
      <c r="P4040" s="52"/>
      <c r="Q4040" s="52"/>
      <c r="R4040" s="52"/>
      <c r="S4040" s="52"/>
      <c r="T4040" s="52"/>
      <c r="U4040" s="52"/>
      <c r="V4040" s="52"/>
      <c r="W4040" s="52"/>
    </row>
    <row r="4041" spans="1:23" hidden="1" x14ac:dyDescent="0.35">
      <c r="A4041" s="52" t="s">
        <v>78</v>
      </c>
      <c r="B4041" s="52" t="s">
        <v>79</v>
      </c>
      <c r="C4041" s="3">
        <v>20</v>
      </c>
      <c r="D4041" s="52" t="s">
        <v>80</v>
      </c>
      <c r="E4041" s="52" t="s">
        <v>26</v>
      </c>
      <c r="F4041" s="52" t="s">
        <v>81</v>
      </c>
      <c r="G4041" s="52" t="s">
        <v>82</v>
      </c>
      <c r="H4041" s="4">
        <v>1</v>
      </c>
      <c r="I4041" s="2">
        <v>14.65</v>
      </c>
      <c r="J4041" s="52" t="s">
        <v>9538</v>
      </c>
      <c r="K4041" s="71" t="s">
        <v>9539</v>
      </c>
      <c r="L4041" s="52" t="s">
        <v>2063</v>
      </c>
      <c r="M4041" s="72">
        <v>6159</v>
      </c>
      <c r="N4041" s="52" t="s">
        <v>2066</v>
      </c>
      <c r="O4041" s="52" t="s">
        <v>2067</v>
      </c>
      <c r="P4041" s="52"/>
      <c r="Q4041" s="52"/>
      <c r="R4041" s="52"/>
      <c r="S4041" s="52"/>
      <c r="T4041" s="52"/>
      <c r="U4041" s="52"/>
      <c r="V4041" s="52"/>
      <c r="W4041" s="52"/>
    </row>
    <row r="4042" spans="1:23" hidden="1" x14ac:dyDescent="0.35">
      <c r="A4042" s="52" t="s">
        <v>78</v>
      </c>
      <c r="B4042" s="52" t="s">
        <v>79</v>
      </c>
      <c r="C4042" s="3">
        <v>20</v>
      </c>
      <c r="D4042" s="52" t="s">
        <v>83</v>
      </c>
      <c r="E4042" s="52" t="s">
        <v>26</v>
      </c>
      <c r="F4042" s="52" t="s">
        <v>81</v>
      </c>
      <c r="G4042" s="52" t="s">
        <v>82</v>
      </c>
      <c r="H4042" s="4">
        <v>1</v>
      </c>
      <c r="I4042" s="2">
        <v>14.65</v>
      </c>
      <c r="J4042" s="52" t="s">
        <v>8913</v>
      </c>
      <c r="K4042" s="71" t="s">
        <v>9540</v>
      </c>
      <c r="L4042" s="52" t="s">
        <v>2063</v>
      </c>
      <c r="M4042" s="72">
        <v>2769</v>
      </c>
      <c r="N4042" s="52" t="s">
        <v>2072</v>
      </c>
      <c r="O4042" s="52" t="s">
        <v>2073</v>
      </c>
      <c r="P4042" s="52"/>
      <c r="Q4042" s="52"/>
      <c r="R4042" s="52"/>
      <c r="S4042" s="52"/>
      <c r="T4042" s="52"/>
      <c r="U4042" s="52"/>
      <c r="V4042" s="52"/>
      <c r="W4042" s="52"/>
    </row>
    <row r="4043" spans="1:23" hidden="1" x14ac:dyDescent="0.35">
      <c r="A4043" s="52" t="s">
        <v>78</v>
      </c>
      <c r="B4043" s="52" t="s">
        <v>79</v>
      </c>
      <c r="C4043" s="3">
        <v>211</v>
      </c>
      <c r="D4043" s="52" t="s">
        <v>83</v>
      </c>
      <c r="E4043" s="52" t="s">
        <v>26</v>
      </c>
      <c r="F4043" s="52" t="s">
        <v>81</v>
      </c>
      <c r="G4043" s="52" t="s">
        <v>82</v>
      </c>
      <c r="H4043" s="4">
        <v>1</v>
      </c>
      <c r="I4043" s="2">
        <v>14.65</v>
      </c>
      <c r="J4043" s="52" t="s">
        <v>9541</v>
      </c>
      <c r="K4043" s="71" t="s">
        <v>9542</v>
      </c>
      <c r="L4043" s="52" t="s">
        <v>2095</v>
      </c>
      <c r="M4043" s="72">
        <v>8488</v>
      </c>
      <c r="N4043" s="52"/>
      <c r="O4043" s="52"/>
      <c r="P4043" s="52"/>
      <c r="Q4043" s="52"/>
      <c r="R4043" s="52"/>
      <c r="S4043" s="52"/>
      <c r="T4043" s="52"/>
      <c r="U4043" s="52"/>
      <c r="V4043" s="52"/>
      <c r="W4043" s="52"/>
    </row>
    <row r="4044" spans="1:23" hidden="1" x14ac:dyDescent="0.35">
      <c r="A4044" s="52" t="s">
        <v>78</v>
      </c>
      <c r="B4044" s="52" t="s">
        <v>79</v>
      </c>
      <c r="C4044" s="3">
        <v>10</v>
      </c>
      <c r="D4044" s="52" t="s">
        <v>80</v>
      </c>
      <c r="E4044" s="52" t="s">
        <v>26</v>
      </c>
      <c r="F4044" s="52" t="s">
        <v>81</v>
      </c>
      <c r="G4044" s="52" t="s">
        <v>82</v>
      </c>
      <c r="H4044" s="4">
        <v>1</v>
      </c>
      <c r="I4044" s="2">
        <v>14.65</v>
      </c>
      <c r="J4044" s="52" t="s">
        <v>9543</v>
      </c>
      <c r="K4044" s="71" t="s">
        <v>9544</v>
      </c>
      <c r="L4044" s="52" t="s">
        <v>2063</v>
      </c>
      <c r="M4044" s="72">
        <v>2281</v>
      </c>
      <c r="N4044" s="52" t="s">
        <v>2066</v>
      </c>
      <c r="O4044" s="52" t="s">
        <v>2067</v>
      </c>
      <c r="P4044" s="52"/>
      <c r="Q4044" s="52"/>
      <c r="R4044" s="52"/>
      <c r="S4044" s="52"/>
      <c r="T4044" s="52"/>
      <c r="U4044" s="52"/>
      <c r="V4044" s="52"/>
      <c r="W4044" s="52"/>
    </row>
    <row r="4045" spans="1:23" x14ac:dyDescent="0.35">
      <c r="A4045" s="52" t="s">
        <v>78</v>
      </c>
      <c r="B4045" s="52" t="s">
        <v>79</v>
      </c>
      <c r="C4045" s="3">
        <v>211</v>
      </c>
      <c r="D4045" s="52" t="s">
        <v>84</v>
      </c>
      <c r="E4045" s="52" t="s">
        <v>26</v>
      </c>
      <c r="F4045" s="52" t="s">
        <v>81</v>
      </c>
      <c r="G4045" s="52" t="s">
        <v>82</v>
      </c>
      <c r="H4045" s="4">
        <v>1</v>
      </c>
      <c r="I4045" s="2">
        <v>14.65</v>
      </c>
      <c r="J4045" s="52" t="s">
        <v>9545</v>
      </c>
      <c r="K4045" s="71" t="s">
        <v>9546</v>
      </c>
      <c r="L4045" s="52" t="s">
        <v>2063</v>
      </c>
      <c r="M4045" s="72">
        <v>5607</v>
      </c>
      <c r="N4045" s="52" t="s">
        <v>2076</v>
      </c>
      <c r="O4045" s="52" t="s">
        <v>2077</v>
      </c>
      <c r="P4045" s="52" t="s">
        <v>2076</v>
      </c>
      <c r="Q4045" s="52" t="s">
        <v>2077</v>
      </c>
      <c r="R4045" s="52"/>
      <c r="S4045" s="52"/>
      <c r="T4045" s="52"/>
      <c r="U4045" s="52"/>
      <c r="V4045" s="52"/>
      <c r="W4045" s="52"/>
    </row>
    <row r="4046" spans="1:23" hidden="1" x14ac:dyDescent="0.35">
      <c r="A4046" s="52" t="s">
        <v>78</v>
      </c>
      <c r="B4046" s="52" t="s">
        <v>79</v>
      </c>
      <c r="C4046" s="3">
        <v>10</v>
      </c>
      <c r="D4046" s="52" t="s">
        <v>2019</v>
      </c>
      <c r="E4046" s="52" t="s">
        <v>26</v>
      </c>
      <c r="F4046" s="52" t="s">
        <v>81</v>
      </c>
      <c r="G4046" s="52" t="s">
        <v>82</v>
      </c>
      <c r="H4046" s="4">
        <v>1</v>
      </c>
      <c r="I4046" s="2">
        <v>14.65</v>
      </c>
      <c r="J4046" s="52" t="s">
        <v>9547</v>
      </c>
      <c r="K4046" s="71" t="s">
        <v>9548</v>
      </c>
      <c r="L4046" s="52" t="s">
        <v>2063</v>
      </c>
      <c r="M4046" s="72">
        <v>8918</v>
      </c>
      <c r="N4046" s="52" t="s">
        <v>2158</v>
      </c>
      <c r="O4046" s="52" t="s">
        <v>2159</v>
      </c>
      <c r="P4046" s="52"/>
      <c r="Q4046" s="52"/>
      <c r="R4046" s="52"/>
      <c r="S4046" s="52"/>
      <c r="T4046" s="52"/>
      <c r="U4046" s="52"/>
      <c r="V4046" s="52"/>
      <c r="W4046" s="52"/>
    </row>
    <row r="4047" spans="1:23" hidden="1" x14ac:dyDescent="0.35">
      <c r="A4047" s="52" t="s">
        <v>78</v>
      </c>
      <c r="B4047" s="52" t="s">
        <v>79</v>
      </c>
      <c r="C4047" s="3">
        <v>10</v>
      </c>
      <c r="D4047" s="52" t="s">
        <v>2020</v>
      </c>
      <c r="E4047" s="52" t="s">
        <v>26</v>
      </c>
      <c r="F4047" s="52" t="s">
        <v>81</v>
      </c>
      <c r="G4047" s="52" t="s">
        <v>82</v>
      </c>
      <c r="H4047" s="4">
        <v>1</v>
      </c>
      <c r="I4047" s="2">
        <v>14.65</v>
      </c>
      <c r="J4047" s="52" t="s">
        <v>9549</v>
      </c>
      <c r="K4047" s="71" t="s">
        <v>9550</v>
      </c>
      <c r="L4047" s="52" t="s">
        <v>2063</v>
      </c>
      <c r="M4047" s="72">
        <v>5213</v>
      </c>
      <c r="N4047" s="52" t="s">
        <v>2072</v>
      </c>
      <c r="O4047" s="52" t="s">
        <v>2073</v>
      </c>
      <c r="P4047" s="52"/>
      <c r="Q4047" s="52"/>
      <c r="R4047" s="52"/>
      <c r="S4047" s="52"/>
      <c r="T4047" s="52"/>
      <c r="U4047" s="52"/>
      <c r="V4047" s="52"/>
      <c r="W4047" s="52"/>
    </row>
    <row r="4048" spans="1:23" hidden="1" x14ac:dyDescent="0.35">
      <c r="A4048" s="52" t="s">
        <v>78</v>
      </c>
      <c r="B4048" s="52" t="s">
        <v>79</v>
      </c>
      <c r="C4048" s="3">
        <v>211</v>
      </c>
      <c r="D4048" s="52" t="s">
        <v>2019</v>
      </c>
      <c r="E4048" s="52" t="s">
        <v>26</v>
      </c>
      <c r="F4048" s="52" t="s">
        <v>81</v>
      </c>
      <c r="G4048" s="52" t="s">
        <v>82</v>
      </c>
      <c r="H4048" s="4">
        <v>1</v>
      </c>
      <c r="I4048" s="2">
        <v>14.65</v>
      </c>
      <c r="J4048" s="52" t="s">
        <v>9551</v>
      </c>
      <c r="K4048" s="71" t="s">
        <v>9552</v>
      </c>
      <c r="L4048" s="52" t="s">
        <v>2095</v>
      </c>
      <c r="M4048" s="72">
        <v>6058</v>
      </c>
      <c r="N4048" s="52"/>
      <c r="O4048" s="52"/>
      <c r="P4048" s="52"/>
      <c r="Q4048" s="52"/>
      <c r="R4048" s="52"/>
      <c r="S4048" s="52"/>
      <c r="T4048" s="52"/>
      <c r="U4048" s="52"/>
      <c r="V4048" s="52"/>
      <c r="W4048" s="52"/>
    </row>
    <row r="4049" spans="1:23" x14ac:dyDescent="0.35">
      <c r="A4049" s="52" t="s">
        <v>78</v>
      </c>
      <c r="B4049" s="52" t="s">
        <v>79</v>
      </c>
      <c r="C4049" s="3">
        <v>20</v>
      </c>
      <c r="D4049" s="52" t="s">
        <v>80</v>
      </c>
      <c r="E4049" s="52" t="s">
        <v>26</v>
      </c>
      <c r="F4049" s="52" t="s">
        <v>81</v>
      </c>
      <c r="G4049" s="52" t="s">
        <v>82</v>
      </c>
      <c r="H4049" s="4">
        <v>1</v>
      </c>
      <c r="I4049" s="2">
        <v>14.65</v>
      </c>
      <c r="J4049" s="52" t="s">
        <v>8365</v>
      </c>
      <c r="K4049" s="71" t="s">
        <v>9553</v>
      </c>
      <c r="L4049" s="52" t="s">
        <v>2063</v>
      </c>
      <c r="M4049" s="72">
        <v>2253</v>
      </c>
      <c r="N4049" s="52" t="s">
        <v>2259</v>
      </c>
      <c r="O4049" s="52" t="s">
        <v>2260</v>
      </c>
      <c r="P4049" s="52"/>
      <c r="Q4049" s="52"/>
      <c r="R4049" s="52"/>
      <c r="S4049" s="52"/>
      <c r="T4049" s="52"/>
      <c r="U4049" s="52"/>
      <c r="V4049" s="52"/>
      <c r="W4049" s="52"/>
    </row>
    <row r="4050" spans="1:23" x14ac:dyDescent="0.35">
      <c r="A4050" s="52" t="s">
        <v>78</v>
      </c>
      <c r="B4050" s="52" t="s">
        <v>79</v>
      </c>
      <c r="C4050" s="3">
        <v>10</v>
      </c>
      <c r="D4050" s="52" t="s">
        <v>83</v>
      </c>
      <c r="E4050" s="52" t="s">
        <v>26</v>
      </c>
      <c r="F4050" s="52" t="s">
        <v>81</v>
      </c>
      <c r="G4050" s="52" t="s">
        <v>82</v>
      </c>
      <c r="H4050" s="4">
        <v>1</v>
      </c>
      <c r="I4050" s="2">
        <v>14.65</v>
      </c>
      <c r="J4050" s="52" t="s">
        <v>8679</v>
      </c>
      <c r="K4050" s="71" t="s">
        <v>9554</v>
      </c>
      <c r="L4050" s="52" t="s">
        <v>2063</v>
      </c>
      <c r="M4050" s="72">
        <v>6869</v>
      </c>
      <c r="N4050" s="52" t="s">
        <v>2259</v>
      </c>
      <c r="O4050" s="52" t="s">
        <v>2260</v>
      </c>
      <c r="P4050" s="52"/>
      <c r="Q4050" s="52"/>
      <c r="R4050" s="52"/>
      <c r="S4050" s="52"/>
      <c r="T4050" s="52"/>
      <c r="U4050" s="52"/>
      <c r="V4050" s="52"/>
      <c r="W4050" s="52"/>
    </row>
    <row r="4051" spans="1:23" hidden="1" x14ac:dyDescent="0.35">
      <c r="A4051" s="52" t="s">
        <v>78</v>
      </c>
      <c r="B4051" s="52" t="s">
        <v>79</v>
      </c>
      <c r="C4051" s="3">
        <v>20</v>
      </c>
      <c r="D4051" s="52" t="s">
        <v>87</v>
      </c>
      <c r="E4051" s="52" t="s">
        <v>26</v>
      </c>
      <c r="F4051" s="52" t="s">
        <v>81</v>
      </c>
      <c r="G4051" s="52" t="s">
        <v>82</v>
      </c>
      <c r="H4051" s="4">
        <v>1</v>
      </c>
      <c r="I4051" s="2">
        <v>14.65</v>
      </c>
      <c r="J4051" s="52" t="s">
        <v>8941</v>
      </c>
      <c r="K4051" s="71" t="s">
        <v>9555</v>
      </c>
      <c r="L4051" s="52" t="s">
        <v>2063</v>
      </c>
      <c r="M4051" s="72">
        <v>4431</v>
      </c>
      <c r="N4051" s="52"/>
      <c r="O4051" s="52"/>
      <c r="P4051" s="52"/>
      <c r="Q4051" s="52"/>
      <c r="R4051" s="52"/>
      <c r="S4051" s="52"/>
      <c r="T4051" s="52"/>
      <c r="U4051" s="52"/>
      <c r="V4051" s="52"/>
      <c r="W4051" s="52"/>
    </row>
    <row r="4052" spans="1:23" hidden="1" x14ac:dyDescent="0.35">
      <c r="A4052" s="52" t="s">
        <v>78</v>
      </c>
      <c r="B4052" s="52" t="s">
        <v>79</v>
      </c>
      <c r="C4052" s="3">
        <v>20</v>
      </c>
      <c r="D4052" s="52" t="s">
        <v>2024</v>
      </c>
      <c r="E4052" s="52" t="s">
        <v>26</v>
      </c>
      <c r="F4052" s="52" t="s">
        <v>81</v>
      </c>
      <c r="G4052" s="52" t="s">
        <v>82</v>
      </c>
      <c r="H4052" s="4">
        <v>1</v>
      </c>
      <c r="I4052" s="2">
        <v>14.65</v>
      </c>
      <c r="J4052" s="52" t="s">
        <v>9556</v>
      </c>
      <c r="K4052" s="71" t="s">
        <v>9557</v>
      </c>
      <c r="L4052" s="52" t="s">
        <v>2063</v>
      </c>
      <c r="M4052" s="72">
        <v>9525</v>
      </c>
      <c r="N4052" s="52" t="s">
        <v>2072</v>
      </c>
      <c r="O4052" s="52" t="s">
        <v>2073</v>
      </c>
      <c r="P4052" s="52"/>
      <c r="Q4052" s="52"/>
      <c r="R4052" s="52"/>
      <c r="S4052" s="52"/>
      <c r="T4052" s="52"/>
      <c r="U4052" s="52"/>
      <c r="V4052" s="52"/>
      <c r="W4052" s="52"/>
    </row>
    <row r="4053" spans="1:23" hidden="1" x14ac:dyDescent="0.35">
      <c r="A4053" s="52" t="s">
        <v>78</v>
      </c>
      <c r="B4053" s="52" t="s">
        <v>79</v>
      </c>
      <c r="C4053" s="3">
        <v>10</v>
      </c>
      <c r="D4053" s="52" t="s">
        <v>83</v>
      </c>
      <c r="E4053" s="52" t="s">
        <v>26</v>
      </c>
      <c r="F4053" s="52" t="s">
        <v>81</v>
      </c>
      <c r="G4053" s="52" t="s">
        <v>82</v>
      </c>
      <c r="H4053" s="4">
        <v>1</v>
      </c>
      <c r="I4053" s="2">
        <v>14.65</v>
      </c>
      <c r="J4053" s="52" t="s">
        <v>9558</v>
      </c>
      <c r="K4053" s="71" t="s">
        <v>9559</v>
      </c>
      <c r="L4053" s="52" t="s">
        <v>2063</v>
      </c>
      <c r="M4053" s="72">
        <v>5728</v>
      </c>
      <c r="N4053" s="52" t="s">
        <v>2158</v>
      </c>
      <c r="O4053" s="52" t="s">
        <v>2159</v>
      </c>
      <c r="P4053" s="52"/>
      <c r="Q4053" s="52"/>
      <c r="R4053" s="52"/>
      <c r="S4053" s="52"/>
      <c r="T4053" s="52"/>
      <c r="U4053" s="52"/>
      <c r="V4053" s="52"/>
      <c r="W4053" s="52"/>
    </row>
    <row r="4054" spans="1:23" hidden="1" x14ac:dyDescent="0.35">
      <c r="A4054" s="52" t="s">
        <v>78</v>
      </c>
      <c r="B4054" s="52" t="s">
        <v>79</v>
      </c>
      <c r="C4054" s="3">
        <v>20</v>
      </c>
      <c r="D4054" s="52" t="s">
        <v>2023</v>
      </c>
      <c r="E4054" s="52" t="s">
        <v>26</v>
      </c>
      <c r="F4054" s="52" t="s">
        <v>81</v>
      </c>
      <c r="G4054" s="52" t="s">
        <v>82</v>
      </c>
      <c r="H4054" s="4">
        <v>1</v>
      </c>
      <c r="I4054" s="2">
        <v>14.65</v>
      </c>
      <c r="J4054" s="52" t="s">
        <v>9560</v>
      </c>
      <c r="K4054" s="71" t="s">
        <v>9561</v>
      </c>
      <c r="L4054" s="52" t="s">
        <v>2063</v>
      </c>
      <c r="M4054" s="72">
        <v>2085</v>
      </c>
      <c r="N4054" s="52"/>
      <c r="O4054" s="52"/>
      <c r="P4054" s="52"/>
      <c r="Q4054" s="52"/>
      <c r="R4054" s="52"/>
      <c r="S4054" s="52"/>
      <c r="T4054" s="52"/>
      <c r="U4054" s="52"/>
      <c r="V4054" s="52"/>
      <c r="W4054" s="52"/>
    </row>
    <row r="4055" spans="1:23" hidden="1" x14ac:dyDescent="0.35">
      <c r="A4055" s="52" t="s">
        <v>78</v>
      </c>
      <c r="B4055" s="52" t="s">
        <v>79</v>
      </c>
      <c r="C4055" s="3">
        <v>20</v>
      </c>
      <c r="D4055" s="52" t="s">
        <v>2019</v>
      </c>
      <c r="E4055" s="52" t="s">
        <v>26</v>
      </c>
      <c r="F4055" s="52" t="s">
        <v>81</v>
      </c>
      <c r="G4055" s="52" t="s">
        <v>82</v>
      </c>
      <c r="H4055" s="4">
        <v>1</v>
      </c>
      <c r="I4055" s="2">
        <v>14.65</v>
      </c>
      <c r="J4055" s="52" t="s">
        <v>9562</v>
      </c>
      <c r="K4055" s="71" t="s">
        <v>9563</v>
      </c>
      <c r="L4055" s="52" t="s">
        <v>2063</v>
      </c>
      <c r="M4055" s="72">
        <v>136</v>
      </c>
      <c r="N4055" s="52"/>
      <c r="O4055" s="52"/>
      <c r="P4055" s="52"/>
      <c r="Q4055" s="52"/>
      <c r="R4055" s="52"/>
      <c r="S4055" s="52"/>
      <c r="T4055" s="52"/>
      <c r="U4055" s="52"/>
      <c r="V4055" s="52"/>
      <c r="W4055" s="52"/>
    </row>
    <row r="4056" spans="1:23" hidden="1" x14ac:dyDescent="0.35">
      <c r="A4056" s="52" t="s">
        <v>78</v>
      </c>
      <c r="B4056" s="52" t="s">
        <v>79</v>
      </c>
      <c r="C4056" s="3">
        <v>20</v>
      </c>
      <c r="D4056" s="52" t="s">
        <v>85</v>
      </c>
      <c r="E4056" s="52" t="s">
        <v>26</v>
      </c>
      <c r="F4056" s="52" t="s">
        <v>81</v>
      </c>
      <c r="G4056" s="52" t="s">
        <v>82</v>
      </c>
      <c r="H4056" s="4">
        <v>1</v>
      </c>
      <c r="I4056" s="2">
        <v>14.65</v>
      </c>
      <c r="J4056" s="52" t="s">
        <v>9564</v>
      </c>
      <c r="K4056" s="71" t="s">
        <v>9565</v>
      </c>
      <c r="L4056" s="52" t="s">
        <v>2095</v>
      </c>
      <c r="M4056" s="72">
        <v>3276</v>
      </c>
      <c r="N4056" s="52"/>
      <c r="O4056" s="52"/>
      <c r="P4056" s="52"/>
      <c r="Q4056" s="52"/>
      <c r="R4056" s="52"/>
      <c r="S4056" s="52"/>
      <c r="T4056" s="52"/>
      <c r="U4056" s="52"/>
      <c r="V4056" s="52"/>
      <c r="W4056" s="52"/>
    </row>
    <row r="4057" spans="1:23" hidden="1" x14ac:dyDescent="0.35">
      <c r="A4057" s="52" t="s">
        <v>78</v>
      </c>
      <c r="B4057" s="52" t="s">
        <v>79</v>
      </c>
      <c r="C4057" s="3">
        <v>10</v>
      </c>
      <c r="D4057" s="52" t="s">
        <v>85</v>
      </c>
      <c r="E4057" s="52" t="s">
        <v>26</v>
      </c>
      <c r="F4057" s="52" t="s">
        <v>81</v>
      </c>
      <c r="G4057" s="52" t="s">
        <v>82</v>
      </c>
      <c r="H4057" s="4">
        <v>1</v>
      </c>
      <c r="I4057" s="2">
        <v>14.65</v>
      </c>
      <c r="J4057" s="52" t="s">
        <v>9566</v>
      </c>
      <c r="K4057" s="71" t="s">
        <v>9567</v>
      </c>
      <c r="L4057" s="52" t="s">
        <v>2063</v>
      </c>
      <c r="M4057" s="72">
        <v>9027</v>
      </c>
      <c r="N4057" s="52" t="s">
        <v>2072</v>
      </c>
      <c r="O4057" s="52" t="s">
        <v>2073</v>
      </c>
      <c r="P4057" s="52"/>
      <c r="Q4057" s="52"/>
      <c r="R4057" s="52"/>
      <c r="S4057" s="52"/>
      <c r="T4057" s="52"/>
      <c r="U4057" s="52"/>
      <c r="V4057" s="52"/>
      <c r="W4057" s="52"/>
    </row>
    <row r="4058" spans="1:23" hidden="1" x14ac:dyDescent="0.35">
      <c r="A4058" s="52" t="s">
        <v>78</v>
      </c>
      <c r="B4058" s="52" t="s">
        <v>79</v>
      </c>
      <c r="C4058" s="3">
        <v>211</v>
      </c>
      <c r="D4058" s="52" t="s">
        <v>80</v>
      </c>
      <c r="E4058" s="52" t="s">
        <v>26</v>
      </c>
      <c r="F4058" s="52" t="s">
        <v>81</v>
      </c>
      <c r="G4058" s="52" t="s">
        <v>82</v>
      </c>
      <c r="H4058" s="4">
        <v>1</v>
      </c>
      <c r="I4058" s="2">
        <v>14.65</v>
      </c>
      <c r="J4058" s="52" t="s">
        <v>9568</v>
      </c>
      <c r="K4058" s="71" t="s">
        <v>9569</v>
      </c>
      <c r="L4058" s="52" t="s">
        <v>2063</v>
      </c>
      <c r="M4058" s="72">
        <v>2113</v>
      </c>
      <c r="N4058" s="52" t="s">
        <v>2072</v>
      </c>
      <c r="O4058" s="52" t="s">
        <v>2073</v>
      </c>
      <c r="P4058" s="52"/>
      <c r="Q4058" s="52"/>
      <c r="R4058" s="52"/>
      <c r="S4058" s="52"/>
      <c r="T4058" s="52"/>
      <c r="U4058" s="52"/>
      <c r="V4058" s="52"/>
      <c r="W4058" s="52"/>
    </row>
    <row r="4059" spans="1:23" hidden="1" x14ac:dyDescent="0.35">
      <c r="A4059" s="52" t="s">
        <v>78</v>
      </c>
      <c r="B4059" s="52" t="s">
        <v>79</v>
      </c>
      <c r="C4059" s="3">
        <v>10</v>
      </c>
      <c r="D4059" s="52" t="s">
        <v>2023</v>
      </c>
      <c r="E4059" s="52" t="s">
        <v>26</v>
      </c>
      <c r="F4059" s="52" t="s">
        <v>81</v>
      </c>
      <c r="G4059" s="52" t="s">
        <v>82</v>
      </c>
      <c r="H4059" s="4">
        <v>1</v>
      </c>
      <c r="I4059" s="2">
        <v>14.65</v>
      </c>
      <c r="J4059" s="52" t="s">
        <v>9570</v>
      </c>
      <c r="K4059" s="71" t="s">
        <v>9571</v>
      </c>
      <c r="L4059" s="52" t="s">
        <v>2063</v>
      </c>
      <c r="M4059" s="72">
        <v>916</v>
      </c>
      <c r="N4059" s="52" t="s">
        <v>2066</v>
      </c>
      <c r="O4059" s="52" t="s">
        <v>2067</v>
      </c>
      <c r="P4059" s="52"/>
      <c r="Q4059" s="52"/>
      <c r="R4059" s="52"/>
      <c r="S4059" s="52"/>
      <c r="T4059" s="52"/>
      <c r="U4059" s="52"/>
      <c r="V4059" s="52"/>
      <c r="W4059" s="52"/>
    </row>
    <row r="4060" spans="1:23" hidden="1" x14ac:dyDescent="0.35">
      <c r="A4060" s="52" t="s">
        <v>78</v>
      </c>
      <c r="B4060" s="52" t="s">
        <v>79</v>
      </c>
      <c r="C4060" s="3">
        <v>10</v>
      </c>
      <c r="D4060" s="52" t="s">
        <v>2022</v>
      </c>
      <c r="E4060" s="52" t="s">
        <v>26</v>
      </c>
      <c r="F4060" s="52" t="s">
        <v>81</v>
      </c>
      <c r="G4060" s="52" t="s">
        <v>82</v>
      </c>
      <c r="H4060" s="4">
        <v>1</v>
      </c>
      <c r="I4060" s="2">
        <v>14.65</v>
      </c>
      <c r="J4060" s="52" t="s">
        <v>9572</v>
      </c>
      <c r="K4060" s="71" t="s">
        <v>9573</v>
      </c>
      <c r="L4060" s="52" t="s">
        <v>2063</v>
      </c>
      <c r="M4060" s="72">
        <v>8837</v>
      </c>
      <c r="N4060" s="52" t="s">
        <v>2066</v>
      </c>
      <c r="O4060" s="52" t="s">
        <v>2067</v>
      </c>
      <c r="P4060" s="52"/>
      <c r="Q4060" s="52"/>
      <c r="R4060" s="52"/>
      <c r="S4060" s="52"/>
      <c r="T4060" s="52"/>
      <c r="U4060" s="52"/>
      <c r="V4060" s="52"/>
      <c r="W4060" s="52"/>
    </row>
    <row r="4061" spans="1:23" hidden="1" x14ac:dyDescent="0.35">
      <c r="A4061" s="52" t="s">
        <v>78</v>
      </c>
      <c r="B4061" s="52" t="s">
        <v>79</v>
      </c>
      <c r="C4061" s="3">
        <v>20</v>
      </c>
      <c r="D4061" s="52" t="s">
        <v>86</v>
      </c>
      <c r="E4061" s="52" t="s">
        <v>26</v>
      </c>
      <c r="F4061" s="52" t="s">
        <v>81</v>
      </c>
      <c r="G4061" s="52" t="s">
        <v>82</v>
      </c>
      <c r="H4061" s="4">
        <v>1</v>
      </c>
      <c r="I4061" s="2">
        <v>14.65</v>
      </c>
      <c r="J4061" s="52" t="s">
        <v>9574</v>
      </c>
      <c r="K4061" s="71" t="s">
        <v>9575</v>
      </c>
      <c r="L4061" s="52" t="s">
        <v>2063</v>
      </c>
      <c r="M4061" s="72">
        <v>5985</v>
      </c>
      <c r="N4061" s="52" t="s">
        <v>2066</v>
      </c>
      <c r="O4061" s="52" t="s">
        <v>2067</v>
      </c>
      <c r="P4061" s="52"/>
      <c r="Q4061" s="52"/>
      <c r="R4061" s="52"/>
      <c r="S4061" s="52"/>
      <c r="T4061" s="52"/>
      <c r="U4061" s="52"/>
      <c r="V4061" s="52"/>
      <c r="W4061" s="52"/>
    </row>
    <row r="4062" spans="1:23" x14ac:dyDescent="0.35">
      <c r="A4062" s="52" t="s">
        <v>78</v>
      </c>
      <c r="B4062" s="52" t="s">
        <v>79</v>
      </c>
      <c r="C4062" s="3">
        <v>10</v>
      </c>
      <c r="D4062" s="52" t="s">
        <v>83</v>
      </c>
      <c r="E4062" s="52" t="s">
        <v>26</v>
      </c>
      <c r="F4062" s="52" t="s">
        <v>81</v>
      </c>
      <c r="G4062" s="52" t="s">
        <v>82</v>
      </c>
      <c r="H4062" s="4">
        <v>1</v>
      </c>
      <c r="I4062" s="2">
        <v>14.65</v>
      </c>
      <c r="J4062" s="52" t="s">
        <v>9576</v>
      </c>
      <c r="K4062" s="71" t="s">
        <v>9577</v>
      </c>
      <c r="L4062" s="52" t="s">
        <v>2063</v>
      </c>
      <c r="M4062" s="72">
        <v>6368</v>
      </c>
      <c r="N4062" s="52" t="s">
        <v>2076</v>
      </c>
      <c r="O4062" s="52" t="s">
        <v>2077</v>
      </c>
      <c r="P4062" s="52"/>
      <c r="Q4062" s="52"/>
      <c r="R4062" s="52"/>
      <c r="S4062" s="52"/>
      <c r="T4062" s="52"/>
      <c r="U4062" s="52"/>
      <c r="V4062" s="52"/>
      <c r="W4062" s="52"/>
    </row>
    <row r="4063" spans="1:23" x14ac:dyDescent="0.35">
      <c r="A4063" s="52" t="s">
        <v>78</v>
      </c>
      <c r="B4063" s="52" t="s">
        <v>79</v>
      </c>
      <c r="C4063" s="3">
        <v>20</v>
      </c>
      <c r="D4063" s="52" t="s">
        <v>2024</v>
      </c>
      <c r="E4063" s="52" t="s">
        <v>26</v>
      </c>
      <c r="F4063" s="52" t="s">
        <v>81</v>
      </c>
      <c r="G4063" s="52" t="s">
        <v>82</v>
      </c>
      <c r="H4063" s="4">
        <v>1</v>
      </c>
      <c r="I4063" s="2">
        <v>14.65</v>
      </c>
      <c r="J4063" s="52" t="s">
        <v>9578</v>
      </c>
      <c r="K4063" s="71" t="s">
        <v>9579</v>
      </c>
      <c r="L4063" s="52" t="s">
        <v>2063</v>
      </c>
      <c r="M4063" s="72">
        <v>5442</v>
      </c>
      <c r="N4063" s="52" t="s">
        <v>2259</v>
      </c>
      <c r="O4063" s="52" t="s">
        <v>2260</v>
      </c>
      <c r="P4063" s="52"/>
      <c r="Q4063" s="52"/>
      <c r="R4063" s="52"/>
      <c r="S4063" s="52"/>
      <c r="T4063" s="52"/>
      <c r="U4063" s="52"/>
      <c r="V4063" s="52"/>
      <c r="W4063" s="52"/>
    </row>
    <row r="4064" spans="1:23" hidden="1" x14ac:dyDescent="0.35">
      <c r="A4064" s="52" t="s">
        <v>78</v>
      </c>
      <c r="B4064" s="52" t="s">
        <v>79</v>
      </c>
      <c r="C4064" s="3">
        <v>20</v>
      </c>
      <c r="D4064" s="52" t="s">
        <v>2024</v>
      </c>
      <c r="E4064" s="52" t="s">
        <v>26</v>
      </c>
      <c r="F4064" s="52" t="s">
        <v>81</v>
      </c>
      <c r="G4064" s="52" t="s">
        <v>82</v>
      </c>
      <c r="H4064" s="4">
        <v>1</v>
      </c>
      <c r="I4064" s="2">
        <v>14.65</v>
      </c>
      <c r="J4064" s="52" t="s">
        <v>9580</v>
      </c>
      <c r="K4064" s="71" t="s">
        <v>9581</v>
      </c>
      <c r="L4064" s="52" t="s">
        <v>2063</v>
      </c>
      <c r="M4064" s="72">
        <v>688</v>
      </c>
      <c r="N4064" s="52" t="s">
        <v>2066</v>
      </c>
      <c r="O4064" s="52" t="s">
        <v>2067</v>
      </c>
      <c r="P4064" s="52"/>
      <c r="Q4064" s="52"/>
      <c r="R4064" s="52"/>
      <c r="S4064" s="52"/>
      <c r="T4064" s="52"/>
      <c r="U4064" s="52"/>
      <c r="V4064" s="52"/>
      <c r="W4064" s="52"/>
    </row>
    <row r="4065" spans="1:23" hidden="1" x14ac:dyDescent="0.35">
      <c r="A4065" s="52" t="s">
        <v>78</v>
      </c>
      <c r="B4065" s="52" t="s">
        <v>79</v>
      </c>
      <c r="C4065" s="3">
        <v>10</v>
      </c>
      <c r="D4065" s="52" t="s">
        <v>2024</v>
      </c>
      <c r="E4065" s="52" t="s">
        <v>26</v>
      </c>
      <c r="F4065" s="52" t="s">
        <v>81</v>
      </c>
      <c r="G4065" s="52" t="s">
        <v>82</v>
      </c>
      <c r="H4065" s="4">
        <v>1</v>
      </c>
      <c r="I4065" s="2">
        <v>14.65</v>
      </c>
      <c r="J4065" s="52" t="s">
        <v>8249</v>
      </c>
      <c r="K4065" s="71" t="s">
        <v>9582</v>
      </c>
      <c r="L4065" s="52" t="s">
        <v>2095</v>
      </c>
      <c r="M4065" s="72">
        <v>8513</v>
      </c>
      <c r="N4065" s="52"/>
      <c r="O4065" s="52"/>
      <c r="P4065" s="52"/>
      <c r="Q4065" s="52"/>
      <c r="R4065" s="52"/>
      <c r="S4065" s="52"/>
      <c r="T4065" s="52"/>
      <c r="U4065" s="52"/>
      <c r="V4065" s="52"/>
      <c r="W4065" s="52"/>
    </row>
    <row r="4066" spans="1:23" hidden="1" x14ac:dyDescent="0.35">
      <c r="A4066" s="52" t="s">
        <v>78</v>
      </c>
      <c r="B4066" s="52" t="s">
        <v>79</v>
      </c>
      <c r="C4066" s="3">
        <v>20</v>
      </c>
      <c r="D4066" s="52" t="s">
        <v>2019</v>
      </c>
      <c r="E4066" s="52" t="s">
        <v>26</v>
      </c>
      <c r="F4066" s="52" t="s">
        <v>81</v>
      </c>
      <c r="G4066" s="52" t="s">
        <v>82</v>
      </c>
      <c r="H4066" s="4">
        <v>1</v>
      </c>
      <c r="I4066" s="2">
        <v>14.65</v>
      </c>
      <c r="J4066" s="52" t="s">
        <v>8520</v>
      </c>
      <c r="K4066" s="71" t="s">
        <v>9583</v>
      </c>
      <c r="L4066" s="52" t="s">
        <v>2063</v>
      </c>
      <c r="M4066" s="72">
        <v>2171</v>
      </c>
      <c r="N4066" s="52"/>
      <c r="O4066" s="52"/>
      <c r="P4066" s="52"/>
      <c r="Q4066" s="52"/>
      <c r="R4066" s="52"/>
      <c r="S4066" s="52"/>
      <c r="T4066" s="52"/>
      <c r="U4066" s="52"/>
      <c r="V4066" s="52"/>
      <c r="W4066" s="52"/>
    </row>
    <row r="4067" spans="1:23" hidden="1" x14ac:dyDescent="0.35">
      <c r="A4067" s="52" t="s">
        <v>78</v>
      </c>
      <c r="B4067" s="52" t="s">
        <v>79</v>
      </c>
      <c r="C4067" s="3">
        <v>10</v>
      </c>
      <c r="D4067" s="52" t="s">
        <v>80</v>
      </c>
      <c r="E4067" s="52" t="s">
        <v>26</v>
      </c>
      <c r="F4067" s="52" t="s">
        <v>81</v>
      </c>
      <c r="G4067" s="52" t="s">
        <v>82</v>
      </c>
      <c r="H4067" s="4">
        <v>1</v>
      </c>
      <c r="I4067" s="2">
        <v>14.65</v>
      </c>
      <c r="J4067" s="52" t="s">
        <v>9584</v>
      </c>
      <c r="K4067" s="71" t="s">
        <v>9585</v>
      </c>
      <c r="L4067" s="52" t="s">
        <v>2063</v>
      </c>
      <c r="M4067" s="72">
        <v>4752</v>
      </c>
      <c r="N4067" s="52" t="s">
        <v>2072</v>
      </c>
      <c r="O4067" s="52" t="s">
        <v>2073</v>
      </c>
      <c r="P4067" s="52"/>
      <c r="Q4067" s="52"/>
      <c r="R4067" s="52"/>
      <c r="S4067" s="52"/>
      <c r="T4067" s="52"/>
      <c r="U4067" s="52"/>
      <c r="V4067" s="52"/>
      <c r="W4067" s="52"/>
    </row>
    <row r="4068" spans="1:23" hidden="1" x14ac:dyDescent="0.35">
      <c r="A4068" s="52" t="s">
        <v>78</v>
      </c>
      <c r="B4068" s="52" t="s">
        <v>79</v>
      </c>
      <c r="C4068" s="3">
        <v>10</v>
      </c>
      <c r="D4068" s="52" t="s">
        <v>86</v>
      </c>
      <c r="E4068" s="52" t="s">
        <v>26</v>
      </c>
      <c r="F4068" s="52" t="s">
        <v>81</v>
      </c>
      <c r="G4068" s="52" t="s">
        <v>82</v>
      </c>
      <c r="H4068" s="4">
        <v>1</v>
      </c>
      <c r="I4068" s="2">
        <v>14.65</v>
      </c>
      <c r="J4068" s="52" t="s">
        <v>9586</v>
      </c>
      <c r="K4068" s="71" t="s">
        <v>9587</v>
      </c>
      <c r="L4068" s="52" t="s">
        <v>2063</v>
      </c>
      <c r="M4068" s="72">
        <v>1303</v>
      </c>
      <c r="N4068" s="52" t="s">
        <v>2158</v>
      </c>
      <c r="O4068" s="52" t="s">
        <v>2159</v>
      </c>
      <c r="P4068" s="52"/>
      <c r="Q4068" s="52"/>
      <c r="R4068" s="52"/>
      <c r="S4068" s="52"/>
      <c r="T4068" s="52"/>
      <c r="U4068" s="52"/>
      <c r="V4068" s="52"/>
      <c r="W4068" s="52"/>
    </row>
    <row r="4069" spans="1:23" hidden="1" x14ac:dyDescent="0.35">
      <c r="A4069" s="52" t="s">
        <v>78</v>
      </c>
      <c r="B4069" s="52" t="s">
        <v>79</v>
      </c>
      <c r="C4069" s="3">
        <v>20</v>
      </c>
      <c r="D4069" s="52" t="s">
        <v>2024</v>
      </c>
      <c r="E4069" s="52" t="s">
        <v>26</v>
      </c>
      <c r="F4069" s="52" t="s">
        <v>81</v>
      </c>
      <c r="G4069" s="52" t="s">
        <v>82</v>
      </c>
      <c r="H4069" s="4">
        <v>1</v>
      </c>
      <c r="I4069" s="2">
        <v>14.65</v>
      </c>
      <c r="J4069" s="52" t="s">
        <v>9588</v>
      </c>
      <c r="K4069" s="71" t="s">
        <v>9589</v>
      </c>
      <c r="L4069" s="52" t="s">
        <v>2063</v>
      </c>
      <c r="M4069" s="72">
        <v>548</v>
      </c>
      <c r="N4069" s="52"/>
      <c r="O4069" s="52"/>
      <c r="P4069" s="52"/>
      <c r="Q4069" s="52"/>
      <c r="R4069" s="52"/>
      <c r="S4069" s="52"/>
      <c r="T4069" s="52"/>
      <c r="U4069" s="52"/>
      <c r="V4069" s="52"/>
      <c r="W4069" s="52"/>
    </row>
    <row r="4070" spans="1:23" hidden="1" x14ac:dyDescent="0.35">
      <c r="A4070" s="52" t="s">
        <v>78</v>
      </c>
      <c r="B4070" s="52" t="s">
        <v>79</v>
      </c>
      <c r="C4070" s="3">
        <v>10</v>
      </c>
      <c r="D4070" s="52" t="s">
        <v>2024</v>
      </c>
      <c r="E4070" s="52" t="s">
        <v>26</v>
      </c>
      <c r="F4070" s="52" t="s">
        <v>81</v>
      </c>
      <c r="G4070" s="52" t="s">
        <v>82</v>
      </c>
      <c r="H4070" s="4">
        <v>1</v>
      </c>
      <c r="I4070" s="2">
        <v>14.65</v>
      </c>
      <c r="J4070" s="52" t="s">
        <v>9590</v>
      </c>
      <c r="K4070" s="71" t="s">
        <v>9591</v>
      </c>
      <c r="L4070" s="52" t="s">
        <v>2063</v>
      </c>
      <c r="M4070" s="72">
        <v>3590</v>
      </c>
      <c r="N4070" s="52" t="s">
        <v>2072</v>
      </c>
      <c r="O4070" s="52" t="s">
        <v>2073</v>
      </c>
      <c r="P4070" s="52"/>
      <c r="Q4070" s="52"/>
      <c r="R4070" s="52"/>
      <c r="S4070" s="52"/>
      <c r="T4070" s="52"/>
      <c r="U4070" s="52"/>
      <c r="V4070" s="52"/>
      <c r="W4070" s="52"/>
    </row>
    <row r="4071" spans="1:23" hidden="1" x14ac:dyDescent="0.35">
      <c r="A4071" s="52" t="s">
        <v>78</v>
      </c>
      <c r="B4071" s="52" t="s">
        <v>79</v>
      </c>
      <c r="C4071" s="3">
        <v>20</v>
      </c>
      <c r="D4071" s="52" t="s">
        <v>2023</v>
      </c>
      <c r="E4071" s="52" t="s">
        <v>26</v>
      </c>
      <c r="F4071" s="52" t="s">
        <v>81</v>
      </c>
      <c r="G4071" s="52" t="s">
        <v>82</v>
      </c>
      <c r="H4071" s="4">
        <v>1</v>
      </c>
      <c r="I4071" s="2">
        <v>14.65</v>
      </c>
      <c r="J4071" s="52" t="s">
        <v>9592</v>
      </c>
      <c r="K4071" s="71" t="s">
        <v>9593</v>
      </c>
      <c r="L4071" s="52" t="s">
        <v>2063</v>
      </c>
      <c r="M4071" s="72">
        <v>8417</v>
      </c>
      <c r="N4071" s="52" t="s">
        <v>2066</v>
      </c>
      <c r="O4071" s="52" t="s">
        <v>2067</v>
      </c>
      <c r="P4071" s="52"/>
      <c r="Q4071" s="52"/>
      <c r="R4071" s="52"/>
      <c r="S4071" s="52"/>
      <c r="T4071" s="52"/>
      <c r="U4071" s="52"/>
      <c r="V4071" s="52"/>
      <c r="W4071" s="52"/>
    </row>
    <row r="4072" spans="1:23" hidden="1" x14ac:dyDescent="0.35">
      <c r="A4072" s="52" t="s">
        <v>78</v>
      </c>
      <c r="B4072" s="52" t="s">
        <v>79</v>
      </c>
      <c r="C4072" s="3">
        <v>20</v>
      </c>
      <c r="D4072" s="52" t="s">
        <v>2024</v>
      </c>
      <c r="E4072" s="52" t="s">
        <v>26</v>
      </c>
      <c r="F4072" s="52" t="s">
        <v>81</v>
      </c>
      <c r="G4072" s="52" t="s">
        <v>82</v>
      </c>
      <c r="H4072" s="4">
        <v>1</v>
      </c>
      <c r="I4072" s="2">
        <v>14.65</v>
      </c>
      <c r="J4072" s="52" t="s">
        <v>9594</v>
      </c>
      <c r="K4072" s="71" t="s">
        <v>9595</v>
      </c>
      <c r="L4072" s="52" t="s">
        <v>2063</v>
      </c>
      <c r="M4072" s="72">
        <v>9519</v>
      </c>
      <c r="N4072" s="52" t="s">
        <v>2072</v>
      </c>
      <c r="O4072" s="52" t="s">
        <v>2073</v>
      </c>
      <c r="P4072" s="52"/>
      <c r="Q4072" s="52"/>
      <c r="R4072" s="52"/>
      <c r="S4072" s="52"/>
      <c r="T4072" s="52"/>
      <c r="U4072" s="52"/>
      <c r="V4072" s="52"/>
      <c r="W4072" s="52"/>
    </row>
    <row r="4073" spans="1:23" x14ac:dyDescent="0.35">
      <c r="A4073" s="52" t="s">
        <v>78</v>
      </c>
      <c r="B4073" s="52" t="s">
        <v>79</v>
      </c>
      <c r="C4073" s="3">
        <v>20</v>
      </c>
      <c r="D4073" s="52" t="s">
        <v>84</v>
      </c>
      <c r="E4073" s="52" t="s">
        <v>26</v>
      </c>
      <c r="F4073" s="52" t="s">
        <v>81</v>
      </c>
      <c r="G4073" s="52" t="s">
        <v>82</v>
      </c>
      <c r="H4073" s="4">
        <v>1</v>
      </c>
      <c r="I4073" s="2">
        <v>14.65</v>
      </c>
      <c r="J4073" s="52" t="s">
        <v>9596</v>
      </c>
      <c r="K4073" s="71" t="s">
        <v>9597</v>
      </c>
      <c r="L4073" s="52" t="s">
        <v>2063</v>
      </c>
      <c r="M4073" s="72">
        <v>4554</v>
      </c>
      <c r="N4073" s="52" t="s">
        <v>2259</v>
      </c>
      <c r="O4073" s="52" t="s">
        <v>2260</v>
      </c>
      <c r="P4073" s="52"/>
      <c r="Q4073" s="52"/>
      <c r="R4073" s="52"/>
      <c r="S4073" s="52"/>
      <c r="T4073" s="52"/>
      <c r="U4073" s="52"/>
      <c r="V4073" s="52"/>
      <c r="W4073" s="52"/>
    </row>
    <row r="4074" spans="1:23" hidden="1" x14ac:dyDescent="0.35">
      <c r="A4074" s="52" t="s">
        <v>78</v>
      </c>
      <c r="B4074" s="52" t="s">
        <v>79</v>
      </c>
      <c r="C4074" s="3">
        <v>10</v>
      </c>
      <c r="D4074" s="52" t="s">
        <v>2021</v>
      </c>
      <c r="E4074" s="52" t="s">
        <v>26</v>
      </c>
      <c r="F4074" s="52" t="s">
        <v>81</v>
      </c>
      <c r="G4074" s="52" t="s">
        <v>82</v>
      </c>
      <c r="H4074" s="4">
        <v>1</v>
      </c>
      <c r="I4074" s="2">
        <v>14.65</v>
      </c>
      <c r="J4074" s="52" t="s">
        <v>9598</v>
      </c>
      <c r="K4074" s="71" t="s">
        <v>9599</v>
      </c>
      <c r="L4074" s="52" t="s">
        <v>2063</v>
      </c>
      <c r="M4074" s="72">
        <v>4859</v>
      </c>
      <c r="N4074" s="52" t="s">
        <v>2066</v>
      </c>
      <c r="O4074" s="52" t="s">
        <v>2067</v>
      </c>
      <c r="P4074" s="52"/>
      <c r="Q4074" s="52"/>
      <c r="R4074" s="52"/>
      <c r="S4074" s="52"/>
      <c r="T4074" s="52"/>
      <c r="U4074" s="52"/>
      <c r="V4074" s="52"/>
      <c r="W4074" s="52"/>
    </row>
    <row r="4075" spans="1:23" hidden="1" x14ac:dyDescent="0.35">
      <c r="A4075" s="52" t="s">
        <v>78</v>
      </c>
      <c r="B4075" s="52" t="s">
        <v>79</v>
      </c>
      <c r="C4075" s="3">
        <v>20</v>
      </c>
      <c r="D4075" s="52" t="s">
        <v>2022</v>
      </c>
      <c r="E4075" s="52" t="s">
        <v>26</v>
      </c>
      <c r="F4075" s="52" t="s">
        <v>81</v>
      </c>
      <c r="G4075" s="52" t="s">
        <v>82</v>
      </c>
      <c r="H4075" s="4">
        <v>1</v>
      </c>
      <c r="I4075" s="2">
        <v>14.65</v>
      </c>
      <c r="J4075" s="52" t="s">
        <v>9600</v>
      </c>
      <c r="K4075" s="71" t="s">
        <v>9601</v>
      </c>
      <c r="L4075" s="52" t="s">
        <v>2063</v>
      </c>
      <c r="M4075" s="72">
        <v>9850</v>
      </c>
      <c r="N4075" s="52" t="s">
        <v>2158</v>
      </c>
      <c r="O4075" s="52" t="s">
        <v>2159</v>
      </c>
      <c r="P4075" s="52"/>
      <c r="Q4075" s="52"/>
      <c r="R4075" s="52"/>
      <c r="S4075" s="52"/>
      <c r="T4075" s="52"/>
      <c r="U4075" s="52"/>
      <c r="V4075" s="52"/>
      <c r="W4075" s="52"/>
    </row>
    <row r="4076" spans="1:23" hidden="1" x14ac:dyDescent="0.35">
      <c r="A4076" s="52" t="s">
        <v>78</v>
      </c>
      <c r="B4076" s="52" t="s">
        <v>79</v>
      </c>
      <c r="C4076" s="3">
        <v>20</v>
      </c>
      <c r="D4076" s="52" t="s">
        <v>2019</v>
      </c>
      <c r="E4076" s="52" t="s">
        <v>26</v>
      </c>
      <c r="F4076" s="52" t="s">
        <v>81</v>
      </c>
      <c r="G4076" s="52" t="s">
        <v>82</v>
      </c>
      <c r="H4076" s="4">
        <v>1</v>
      </c>
      <c r="I4076" s="2">
        <v>14.65</v>
      </c>
      <c r="J4076" s="52" t="s">
        <v>9602</v>
      </c>
      <c r="K4076" s="71" t="s">
        <v>9603</v>
      </c>
      <c r="L4076" s="52" t="s">
        <v>2063</v>
      </c>
      <c r="M4076" s="72">
        <v>6647</v>
      </c>
      <c r="N4076" s="52" t="s">
        <v>2072</v>
      </c>
      <c r="O4076" s="52" t="s">
        <v>2073</v>
      </c>
      <c r="P4076" s="52"/>
      <c r="Q4076" s="52"/>
      <c r="R4076" s="52"/>
      <c r="S4076" s="52"/>
      <c r="T4076" s="52"/>
      <c r="U4076" s="52"/>
      <c r="V4076" s="52"/>
      <c r="W4076" s="52"/>
    </row>
    <row r="4077" spans="1:23" hidden="1" x14ac:dyDescent="0.35">
      <c r="A4077" s="52" t="s">
        <v>78</v>
      </c>
      <c r="B4077" s="52" t="s">
        <v>79</v>
      </c>
      <c r="C4077" s="3">
        <v>10</v>
      </c>
      <c r="D4077" s="52" t="s">
        <v>83</v>
      </c>
      <c r="E4077" s="52" t="s">
        <v>26</v>
      </c>
      <c r="F4077" s="52" t="s">
        <v>81</v>
      </c>
      <c r="G4077" s="52" t="s">
        <v>82</v>
      </c>
      <c r="H4077" s="4">
        <v>1</v>
      </c>
      <c r="I4077" s="2">
        <v>14.65</v>
      </c>
      <c r="J4077" s="52" t="s">
        <v>9604</v>
      </c>
      <c r="K4077" s="71" t="s">
        <v>9605</v>
      </c>
      <c r="L4077" s="52" t="s">
        <v>2063</v>
      </c>
      <c r="M4077" s="72">
        <v>9442</v>
      </c>
      <c r="N4077" s="52" t="s">
        <v>2072</v>
      </c>
      <c r="O4077" s="52" t="s">
        <v>2073</v>
      </c>
      <c r="P4077" s="52"/>
      <c r="Q4077" s="52"/>
      <c r="R4077" s="52"/>
      <c r="S4077" s="52"/>
      <c r="T4077" s="52"/>
      <c r="U4077" s="52"/>
      <c r="V4077" s="52"/>
      <c r="W4077" s="52"/>
    </row>
    <row r="4078" spans="1:23" hidden="1" x14ac:dyDescent="0.35">
      <c r="A4078" s="52" t="s">
        <v>78</v>
      </c>
      <c r="B4078" s="52" t="s">
        <v>79</v>
      </c>
      <c r="C4078" s="3">
        <v>20</v>
      </c>
      <c r="D4078" s="52" t="s">
        <v>2022</v>
      </c>
      <c r="E4078" s="52" t="s">
        <v>26</v>
      </c>
      <c r="F4078" s="52" t="s">
        <v>81</v>
      </c>
      <c r="G4078" s="52" t="s">
        <v>82</v>
      </c>
      <c r="H4078" s="4">
        <v>1</v>
      </c>
      <c r="I4078" s="2">
        <v>14.65</v>
      </c>
      <c r="J4078" s="52" t="s">
        <v>9606</v>
      </c>
      <c r="K4078" s="71" t="s">
        <v>9607</v>
      </c>
      <c r="L4078" s="52" t="s">
        <v>2063</v>
      </c>
      <c r="M4078" s="72">
        <v>682</v>
      </c>
      <c r="N4078" s="52"/>
      <c r="O4078" s="52"/>
      <c r="P4078" s="52"/>
      <c r="Q4078" s="52"/>
      <c r="R4078" s="52"/>
      <c r="S4078" s="52"/>
      <c r="T4078" s="52"/>
      <c r="U4078" s="52"/>
      <c r="V4078" s="52"/>
      <c r="W4078" s="52"/>
    </row>
    <row r="4079" spans="1:23" hidden="1" x14ac:dyDescent="0.35">
      <c r="A4079" s="52" t="s">
        <v>78</v>
      </c>
      <c r="B4079" s="52" t="s">
        <v>79</v>
      </c>
      <c r="C4079" s="3">
        <v>10</v>
      </c>
      <c r="D4079" s="52" t="s">
        <v>2019</v>
      </c>
      <c r="E4079" s="52" t="s">
        <v>26</v>
      </c>
      <c r="F4079" s="52" t="s">
        <v>81</v>
      </c>
      <c r="G4079" s="52" t="s">
        <v>82</v>
      </c>
      <c r="H4079" s="4">
        <v>1</v>
      </c>
      <c r="I4079" s="2">
        <v>14.65</v>
      </c>
      <c r="J4079" s="52" t="s">
        <v>9608</v>
      </c>
      <c r="K4079" s="71" t="s">
        <v>9609</v>
      </c>
      <c r="L4079" s="52" t="s">
        <v>2063</v>
      </c>
      <c r="M4079" s="72">
        <v>1524</v>
      </c>
      <c r="N4079" s="52" t="s">
        <v>2066</v>
      </c>
      <c r="O4079" s="52" t="s">
        <v>2067</v>
      </c>
      <c r="P4079" s="52"/>
      <c r="Q4079" s="52"/>
      <c r="R4079" s="52"/>
      <c r="S4079" s="52"/>
      <c r="T4079" s="52"/>
      <c r="U4079" s="52"/>
      <c r="V4079" s="52"/>
      <c r="W4079" s="52"/>
    </row>
    <row r="4080" spans="1:23" hidden="1" x14ac:dyDescent="0.35">
      <c r="A4080" s="52" t="s">
        <v>78</v>
      </c>
      <c r="B4080" s="52" t="s">
        <v>79</v>
      </c>
      <c r="C4080" s="3">
        <v>20</v>
      </c>
      <c r="D4080" s="52" t="s">
        <v>86</v>
      </c>
      <c r="E4080" s="52" t="s">
        <v>26</v>
      </c>
      <c r="F4080" s="52" t="s">
        <v>81</v>
      </c>
      <c r="G4080" s="52" t="s">
        <v>82</v>
      </c>
      <c r="H4080" s="4">
        <v>1</v>
      </c>
      <c r="I4080" s="2">
        <v>14.65</v>
      </c>
      <c r="J4080" s="52" t="s">
        <v>9610</v>
      </c>
      <c r="K4080" s="71" t="s">
        <v>9611</v>
      </c>
      <c r="L4080" s="52" t="s">
        <v>2063</v>
      </c>
      <c r="M4080" s="72">
        <v>5790</v>
      </c>
      <c r="N4080" s="52" t="s">
        <v>2066</v>
      </c>
      <c r="O4080" s="52" t="s">
        <v>2067</v>
      </c>
      <c r="P4080" s="52"/>
      <c r="Q4080" s="52"/>
      <c r="R4080" s="52"/>
      <c r="S4080" s="52"/>
      <c r="T4080" s="52"/>
      <c r="U4080" s="52"/>
      <c r="V4080" s="52"/>
      <c r="W4080" s="52"/>
    </row>
    <row r="4081" spans="1:23" hidden="1" x14ac:dyDescent="0.35">
      <c r="A4081" s="52" t="s">
        <v>78</v>
      </c>
      <c r="B4081" s="52" t="s">
        <v>79</v>
      </c>
      <c r="C4081" s="3">
        <v>20</v>
      </c>
      <c r="D4081" s="52" t="s">
        <v>2021</v>
      </c>
      <c r="E4081" s="52" t="s">
        <v>26</v>
      </c>
      <c r="F4081" s="52" t="s">
        <v>81</v>
      </c>
      <c r="G4081" s="52" t="s">
        <v>82</v>
      </c>
      <c r="H4081" s="4">
        <v>1</v>
      </c>
      <c r="I4081" s="2">
        <v>14.65</v>
      </c>
      <c r="J4081" s="52" t="s">
        <v>9612</v>
      </c>
      <c r="K4081" s="71" t="s">
        <v>9613</v>
      </c>
      <c r="L4081" s="52" t="s">
        <v>2063</v>
      </c>
      <c r="M4081" s="72">
        <v>1170</v>
      </c>
      <c r="N4081" s="52" t="s">
        <v>2066</v>
      </c>
      <c r="O4081" s="52" t="s">
        <v>2067</v>
      </c>
      <c r="P4081" s="52"/>
      <c r="Q4081" s="52"/>
      <c r="R4081" s="52"/>
      <c r="S4081" s="52"/>
      <c r="T4081" s="52"/>
      <c r="U4081" s="52"/>
      <c r="V4081" s="52"/>
      <c r="W4081" s="52"/>
    </row>
    <row r="4082" spans="1:23" hidden="1" x14ac:dyDescent="0.35">
      <c r="A4082" s="52" t="s">
        <v>78</v>
      </c>
      <c r="B4082" s="52" t="s">
        <v>79</v>
      </c>
      <c r="C4082" s="3">
        <v>20</v>
      </c>
      <c r="D4082" s="52" t="s">
        <v>2022</v>
      </c>
      <c r="E4082" s="52" t="s">
        <v>26</v>
      </c>
      <c r="F4082" s="52" t="s">
        <v>81</v>
      </c>
      <c r="G4082" s="52" t="s">
        <v>82</v>
      </c>
      <c r="H4082" s="4">
        <v>1</v>
      </c>
      <c r="I4082" s="2">
        <v>14.65</v>
      </c>
      <c r="J4082" s="52" t="s">
        <v>9614</v>
      </c>
      <c r="K4082" s="71" t="s">
        <v>9615</v>
      </c>
      <c r="L4082" s="52" t="s">
        <v>2063</v>
      </c>
      <c r="M4082" s="72">
        <v>9283</v>
      </c>
      <c r="N4082" s="52" t="s">
        <v>2066</v>
      </c>
      <c r="O4082" s="52" t="s">
        <v>2067</v>
      </c>
      <c r="P4082" s="52"/>
      <c r="Q4082" s="52"/>
      <c r="R4082" s="52"/>
      <c r="S4082" s="52"/>
      <c r="T4082" s="52"/>
      <c r="U4082" s="52"/>
      <c r="V4082" s="52"/>
      <c r="W4082" s="52"/>
    </row>
    <row r="4083" spans="1:23" hidden="1" x14ac:dyDescent="0.35">
      <c r="A4083" s="52" t="s">
        <v>78</v>
      </c>
      <c r="B4083" s="52" t="s">
        <v>79</v>
      </c>
      <c r="C4083" s="3">
        <v>20</v>
      </c>
      <c r="D4083" s="52" t="s">
        <v>80</v>
      </c>
      <c r="E4083" s="52" t="s">
        <v>26</v>
      </c>
      <c r="F4083" s="52" t="s">
        <v>81</v>
      </c>
      <c r="G4083" s="52" t="s">
        <v>82</v>
      </c>
      <c r="H4083" s="4">
        <v>1</v>
      </c>
      <c r="I4083" s="2">
        <v>14.65</v>
      </c>
      <c r="J4083" s="52" t="s">
        <v>9616</v>
      </c>
      <c r="K4083" s="71" t="s">
        <v>9617</v>
      </c>
      <c r="L4083" s="52" t="s">
        <v>2063</v>
      </c>
      <c r="M4083" s="72">
        <v>6553</v>
      </c>
      <c r="N4083" s="52" t="s">
        <v>2072</v>
      </c>
      <c r="O4083" s="52" t="s">
        <v>2073</v>
      </c>
      <c r="P4083" s="52"/>
      <c r="Q4083" s="52"/>
      <c r="R4083" s="52"/>
      <c r="S4083" s="52"/>
      <c r="T4083" s="52"/>
      <c r="U4083" s="52"/>
      <c r="V4083" s="52"/>
      <c r="W4083" s="52"/>
    </row>
    <row r="4084" spans="1:23" hidden="1" x14ac:dyDescent="0.35">
      <c r="A4084" s="52" t="s">
        <v>78</v>
      </c>
      <c r="B4084" s="52" t="s">
        <v>79</v>
      </c>
      <c r="C4084" s="3">
        <v>212</v>
      </c>
      <c r="D4084" s="52" t="s">
        <v>84</v>
      </c>
      <c r="E4084" s="52" t="s">
        <v>26</v>
      </c>
      <c r="F4084" s="52" t="s">
        <v>81</v>
      </c>
      <c r="G4084" s="52" t="s">
        <v>82</v>
      </c>
      <c r="H4084" s="4">
        <v>1</v>
      </c>
      <c r="I4084" s="2">
        <v>14.65</v>
      </c>
      <c r="J4084" s="52" t="s">
        <v>9618</v>
      </c>
      <c r="K4084" s="71" t="s">
        <v>9619</v>
      </c>
      <c r="L4084" s="52" t="s">
        <v>2063</v>
      </c>
      <c r="M4084" s="72">
        <v>1421</v>
      </c>
      <c r="N4084" s="52" t="s">
        <v>2066</v>
      </c>
      <c r="O4084" s="52" t="s">
        <v>2067</v>
      </c>
      <c r="P4084" s="52"/>
      <c r="Q4084" s="52"/>
      <c r="R4084" s="52"/>
      <c r="S4084" s="52"/>
      <c r="T4084" s="52"/>
      <c r="U4084" s="52"/>
      <c r="V4084" s="52"/>
      <c r="W4084" s="52"/>
    </row>
    <row r="4085" spans="1:23" hidden="1" x14ac:dyDescent="0.35">
      <c r="A4085" s="52" t="s">
        <v>78</v>
      </c>
      <c r="B4085" s="52" t="s">
        <v>79</v>
      </c>
      <c r="C4085" s="3">
        <v>20</v>
      </c>
      <c r="D4085" s="52" t="s">
        <v>2023</v>
      </c>
      <c r="E4085" s="52" t="s">
        <v>26</v>
      </c>
      <c r="F4085" s="52" t="s">
        <v>81</v>
      </c>
      <c r="G4085" s="52" t="s">
        <v>82</v>
      </c>
      <c r="H4085" s="4">
        <v>1</v>
      </c>
      <c r="I4085" s="2">
        <v>14.65</v>
      </c>
      <c r="J4085" s="52" t="s">
        <v>9620</v>
      </c>
      <c r="K4085" s="71" t="s">
        <v>9621</v>
      </c>
      <c r="L4085" s="52" t="s">
        <v>2063</v>
      </c>
      <c r="M4085" s="72">
        <v>1687</v>
      </c>
      <c r="N4085" s="52"/>
      <c r="O4085" s="52"/>
      <c r="P4085" s="52"/>
      <c r="Q4085" s="52"/>
      <c r="R4085" s="52"/>
      <c r="S4085" s="52"/>
      <c r="T4085" s="52"/>
      <c r="U4085" s="52"/>
      <c r="V4085" s="52"/>
      <c r="W4085" s="52"/>
    </row>
    <row r="4086" spans="1:23" x14ac:dyDescent="0.35">
      <c r="A4086" s="52" t="s">
        <v>78</v>
      </c>
      <c r="B4086" s="52" t="s">
        <v>79</v>
      </c>
      <c r="C4086" s="3">
        <v>20</v>
      </c>
      <c r="D4086" s="52" t="s">
        <v>84</v>
      </c>
      <c r="E4086" s="52" t="s">
        <v>26</v>
      </c>
      <c r="F4086" s="52" t="s">
        <v>81</v>
      </c>
      <c r="G4086" s="52" t="s">
        <v>82</v>
      </c>
      <c r="H4086" s="4">
        <v>1</v>
      </c>
      <c r="I4086" s="2">
        <v>14.65</v>
      </c>
      <c r="J4086" s="52" t="s">
        <v>9622</v>
      </c>
      <c r="K4086" s="71" t="s">
        <v>9623</v>
      </c>
      <c r="L4086" s="52" t="s">
        <v>2063</v>
      </c>
      <c r="M4086" s="72">
        <v>2301</v>
      </c>
      <c r="N4086" s="52" t="s">
        <v>2076</v>
      </c>
      <c r="O4086" s="52" t="s">
        <v>2077</v>
      </c>
      <c r="P4086" s="52"/>
      <c r="Q4086" s="52"/>
      <c r="R4086" s="52"/>
      <c r="S4086" s="52"/>
      <c r="T4086" s="52"/>
      <c r="U4086" s="52"/>
      <c r="V4086" s="52"/>
      <c r="W4086" s="52"/>
    </row>
    <row r="4087" spans="1:23" hidden="1" x14ac:dyDescent="0.35">
      <c r="A4087" s="52" t="s">
        <v>78</v>
      </c>
      <c r="B4087" s="52" t="s">
        <v>79</v>
      </c>
      <c r="C4087" s="3">
        <v>10</v>
      </c>
      <c r="D4087" s="52" t="s">
        <v>2022</v>
      </c>
      <c r="E4087" s="52" t="s">
        <v>26</v>
      </c>
      <c r="F4087" s="52" t="s">
        <v>81</v>
      </c>
      <c r="G4087" s="52" t="s">
        <v>82</v>
      </c>
      <c r="H4087" s="4">
        <v>1</v>
      </c>
      <c r="I4087" s="2">
        <v>14.65</v>
      </c>
      <c r="J4087" s="52" t="s">
        <v>8249</v>
      </c>
      <c r="K4087" s="71" t="s">
        <v>9624</v>
      </c>
      <c r="L4087" s="52" t="s">
        <v>2095</v>
      </c>
      <c r="M4087" s="72">
        <v>9060</v>
      </c>
      <c r="N4087" s="52"/>
      <c r="O4087" s="52"/>
      <c r="P4087" s="52"/>
      <c r="Q4087" s="52"/>
      <c r="R4087" s="52"/>
      <c r="S4087" s="52"/>
      <c r="T4087" s="52"/>
      <c r="U4087" s="52"/>
      <c r="V4087" s="52"/>
      <c r="W4087" s="52"/>
    </row>
    <row r="4088" spans="1:23" hidden="1" x14ac:dyDescent="0.35">
      <c r="A4088" s="52" t="s">
        <v>78</v>
      </c>
      <c r="B4088" s="52" t="s">
        <v>79</v>
      </c>
      <c r="C4088" s="3">
        <v>10</v>
      </c>
      <c r="D4088" s="52" t="s">
        <v>2022</v>
      </c>
      <c r="E4088" s="52" t="s">
        <v>26</v>
      </c>
      <c r="F4088" s="52" t="s">
        <v>81</v>
      </c>
      <c r="G4088" s="52" t="s">
        <v>82</v>
      </c>
      <c r="H4088" s="4">
        <v>1</v>
      </c>
      <c r="I4088" s="2">
        <v>14.65</v>
      </c>
      <c r="J4088" s="52" t="s">
        <v>8464</v>
      </c>
      <c r="K4088" s="71" t="s">
        <v>9625</v>
      </c>
      <c r="L4088" s="52" t="s">
        <v>2063</v>
      </c>
      <c r="M4088" s="72">
        <v>5889</v>
      </c>
      <c r="N4088" s="52" t="s">
        <v>2072</v>
      </c>
      <c r="O4088" s="52" t="s">
        <v>2073</v>
      </c>
      <c r="P4088" s="52"/>
      <c r="Q4088" s="52"/>
      <c r="R4088" s="52"/>
      <c r="S4088" s="52"/>
      <c r="T4088" s="52"/>
      <c r="U4088" s="52"/>
      <c r="V4088" s="52"/>
      <c r="W4088" s="52"/>
    </row>
    <row r="4089" spans="1:23" hidden="1" x14ac:dyDescent="0.35">
      <c r="A4089" s="52" t="s">
        <v>78</v>
      </c>
      <c r="B4089" s="52" t="s">
        <v>79</v>
      </c>
      <c r="C4089" s="3">
        <v>20</v>
      </c>
      <c r="D4089" s="52" t="s">
        <v>2021</v>
      </c>
      <c r="E4089" s="52" t="s">
        <v>26</v>
      </c>
      <c r="F4089" s="52" t="s">
        <v>81</v>
      </c>
      <c r="G4089" s="52" t="s">
        <v>82</v>
      </c>
      <c r="H4089" s="4">
        <v>1</v>
      </c>
      <c r="I4089" s="2">
        <v>14.65</v>
      </c>
      <c r="J4089" s="52" t="s">
        <v>8281</v>
      </c>
      <c r="K4089" s="71" t="s">
        <v>9626</v>
      </c>
      <c r="L4089" s="52" t="s">
        <v>2063</v>
      </c>
      <c r="M4089" s="72">
        <v>8931</v>
      </c>
      <c r="N4089" s="52"/>
      <c r="O4089" s="52"/>
      <c r="P4089" s="52"/>
      <c r="Q4089" s="52"/>
      <c r="R4089" s="52"/>
      <c r="S4089" s="52"/>
      <c r="T4089" s="52"/>
      <c r="U4089" s="52"/>
      <c r="V4089" s="52"/>
      <c r="W4089" s="52"/>
    </row>
    <row r="4090" spans="1:23" hidden="1" x14ac:dyDescent="0.35">
      <c r="A4090" s="52" t="s">
        <v>78</v>
      </c>
      <c r="B4090" s="52" t="s">
        <v>79</v>
      </c>
      <c r="C4090" s="3">
        <v>20</v>
      </c>
      <c r="D4090" s="52" t="s">
        <v>2019</v>
      </c>
      <c r="E4090" s="52" t="s">
        <v>26</v>
      </c>
      <c r="F4090" s="52" t="s">
        <v>81</v>
      </c>
      <c r="G4090" s="52" t="s">
        <v>82</v>
      </c>
      <c r="H4090" s="4">
        <v>1</v>
      </c>
      <c r="I4090" s="2">
        <v>14.65</v>
      </c>
      <c r="J4090" s="52" t="s">
        <v>9627</v>
      </c>
      <c r="K4090" s="71" t="s">
        <v>9628</v>
      </c>
      <c r="L4090" s="52" t="s">
        <v>2063</v>
      </c>
      <c r="M4090" s="72">
        <v>3250</v>
      </c>
      <c r="N4090" s="52" t="s">
        <v>2304</v>
      </c>
      <c r="O4090" s="52" t="s">
        <v>2305</v>
      </c>
      <c r="P4090" s="52"/>
      <c r="Q4090" s="52"/>
      <c r="R4090" s="52"/>
      <c r="S4090" s="52"/>
      <c r="T4090" s="52"/>
      <c r="U4090" s="52"/>
      <c r="V4090" s="52"/>
      <c r="W4090" s="52"/>
    </row>
    <row r="4091" spans="1:23" hidden="1" x14ac:dyDescent="0.35">
      <c r="A4091" s="52" t="s">
        <v>78</v>
      </c>
      <c r="B4091" s="52" t="s">
        <v>79</v>
      </c>
      <c r="C4091" s="3">
        <v>10</v>
      </c>
      <c r="D4091" s="52" t="s">
        <v>84</v>
      </c>
      <c r="E4091" s="52" t="s">
        <v>26</v>
      </c>
      <c r="F4091" s="52" t="s">
        <v>81</v>
      </c>
      <c r="G4091" s="52" t="s">
        <v>82</v>
      </c>
      <c r="H4091" s="4">
        <v>1</v>
      </c>
      <c r="I4091" s="2">
        <v>14.65</v>
      </c>
      <c r="J4091" s="52" t="s">
        <v>8249</v>
      </c>
      <c r="K4091" s="71" t="s">
        <v>9629</v>
      </c>
      <c r="L4091" s="52" t="s">
        <v>2095</v>
      </c>
      <c r="M4091" s="72">
        <v>703</v>
      </c>
      <c r="N4091" s="52"/>
      <c r="O4091" s="52"/>
      <c r="P4091" s="52"/>
      <c r="Q4091" s="52"/>
      <c r="R4091" s="52"/>
      <c r="S4091" s="52"/>
      <c r="T4091" s="52"/>
      <c r="U4091" s="52"/>
      <c r="V4091" s="52"/>
      <c r="W4091" s="52"/>
    </row>
    <row r="4092" spans="1:23" hidden="1" x14ac:dyDescent="0.35">
      <c r="A4092" s="52" t="s">
        <v>78</v>
      </c>
      <c r="B4092" s="52" t="s">
        <v>79</v>
      </c>
      <c r="C4092" s="3">
        <v>211</v>
      </c>
      <c r="D4092" s="52" t="s">
        <v>2021</v>
      </c>
      <c r="E4092" s="52" t="s">
        <v>26</v>
      </c>
      <c r="F4092" s="52" t="s">
        <v>81</v>
      </c>
      <c r="G4092" s="52" t="s">
        <v>82</v>
      </c>
      <c r="H4092" s="4">
        <v>1</v>
      </c>
      <c r="I4092" s="2">
        <v>14.65</v>
      </c>
      <c r="J4092" s="52" t="s">
        <v>8275</v>
      </c>
      <c r="K4092" s="71" t="s">
        <v>9630</v>
      </c>
      <c r="L4092" s="52" t="s">
        <v>2063</v>
      </c>
      <c r="M4092" s="72">
        <v>32</v>
      </c>
      <c r="N4092" s="52" t="s">
        <v>2072</v>
      </c>
      <c r="O4092" s="52" t="s">
        <v>2073</v>
      </c>
      <c r="P4092" s="52"/>
      <c r="Q4092" s="52"/>
      <c r="R4092" s="52"/>
      <c r="S4092" s="52"/>
      <c r="T4092" s="52"/>
      <c r="U4092" s="52"/>
      <c r="V4092" s="52"/>
      <c r="W4092" s="52"/>
    </row>
    <row r="4093" spans="1:23" hidden="1" x14ac:dyDescent="0.35">
      <c r="A4093" s="52" t="s">
        <v>78</v>
      </c>
      <c r="B4093" s="52" t="s">
        <v>79</v>
      </c>
      <c r="C4093" s="3">
        <v>10</v>
      </c>
      <c r="D4093" s="52" t="s">
        <v>84</v>
      </c>
      <c r="E4093" s="52" t="s">
        <v>26</v>
      </c>
      <c r="F4093" s="52" t="s">
        <v>81</v>
      </c>
      <c r="G4093" s="52" t="s">
        <v>82</v>
      </c>
      <c r="H4093" s="4">
        <v>1</v>
      </c>
      <c r="I4093" s="2">
        <v>14.65</v>
      </c>
      <c r="J4093" s="52" t="s">
        <v>8497</v>
      </c>
      <c r="K4093" s="71" t="s">
        <v>9631</v>
      </c>
      <c r="L4093" s="52" t="s">
        <v>2063</v>
      </c>
      <c r="M4093" s="72">
        <v>5766</v>
      </c>
      <c r="N4093" s="52"/>
      <c r="O4093" s="52"/>
      <c r="P4093" s="52"/>
      <c r="Q4093" s="52"/>
      <c r="R4093" s="52"/>
      <c r="S4093" s="52"/>
      <c r="T4093" s="52"/>
      <c r="U4093" s="52"/>
      <c r="V4093" s="52"/>
      <c r="W4093" s="52"/>
    </row>
    <row r="4094" spans="1:23" hidden="1" x14ac:dyDescent="0.35">
      <c r="A4094" s="52" t="s">
        <v>78</v>
      </c>
      <c r="B4094" s="52" t="s">
        <v>79</v>
      </c>
      <c r="C4094" s="3">
        <v>20</v>
      </c>
      <c r="D4094" s="52" t="s">
        <v>85</v>
      </c>
      <c r="E4094" s="52" t="s">
        <v>26</v>
      </c>
      <c r="F4094" s="52" t="s">
        <v>81</v>
      </c>
      <c r="G4094" s="52" t="s">
        <v>82</v>
      </c>
      <c r="H4094" s="4">
        <v>1</v>
      </c>
      <c r="I4094" s="2">
        <v>14.65</v>
      </c>
      <c r="J4094" s="52" t="s">
        <v>9632</v>
      </c>
      <c r="K4094" s="71" t="s">
        <v>9633</v>
      </c>
      <c r="L4094" s="52" t="s">
        <v>2063</v>
      </c>
      <c r="M4094" s="72">
        <v>3518</v>
      </c>
      <c r="N4094" s="52" t="s">
        <v>2072</v>
      </c>
      <c r="O4094" s="52" t="s">
        <v>2073</v>
      </c>
      <c r="P4094" s="52"/>
      <c r="Q4094" s="52"/>
      <c r="R4094" s="52"/>
      <c r="S4094" s="52"/>
      <c r="T4094" s="52"/>
      <c r="U4094" s="52"/>
      <c r="V4094" s="52"/>
      <c r="W4094" s="52"/>
    </row>
    <row r="4095" spans="1:23" hidden="1" x14ac:dyDescent="0.35">
      <c r="A4095" s="52" t="s">
        <v>78</v>
      </c>
      <c r="B4095" s="52" t="s">
        <v>79</v>
      </c>
      <c r="C4095" s="3">
        <v>20</v>
      </c>
      <c r="D4095" s="52" t="s">
        <v>2023</v>
      </c>
      <c r="E4095" s="52" t="s">
        <v>26</v>
      </c>
      <c r="F4095" s="52" t="s">
        <v>81</v>
      </c>
      <c r="G4095" s="52" t="s">
        <v>82</v>
      </c>
      <c r="H4095" s="4">
        <v>1</v>
      </c>
      <c r="I4095" s="2">
        <v>14.65</v>
      </c>
      <c r="J4095" s="52" t="s">
        <v>8954</v>
      </c>
      <c r="K4095" s="71" t="s">
        <v>9634</v>
      </c>
      <c r="L4095" s="52" t="s">
        <v>2063</v>
      </c>
      <c r="M4095" s="72">
        <v>7113</v>
      </c>
      <c r="N4095" s="52" t="s">
        <v>2072</v>
      </c>
      <c r="O4095" s="52" t="s">
        <v>2073</v>
      </c>
      <c r="P4095" s="52"/>
      <c r="Q4095" s="52"/>
      <c r="R4095" s="52"/>
      <c r="S4095" s="52"/>
      <c r="T4095" s="52"/>
      <c r="U4095" s="52"/>
      <c r="V4095" s="52"/>
      <c r="W4095" s="52"/>
    </row>
    <row r="4096" spans="1:23" hidden="1" x14ac:dyDescent="0.35">
      <c r="A4096" s="52" t="s">
        <v>78</v>
      </c>
      <c r="B4096" s="52" t="s">
        <v>79</v>
      </c>
      <c r="C4096" s="3">
        <v>20</v>
      </c>
      <c r="D4096" s="52" t="s">
        <v>2019</v>
      </c>
      <c r="E4096" s="52" t="s">
        <v>26</v>
      </c>
      <c r="F4096" s="52" t="s">
        <v>81</v>
      </c>
      <c r="G4096" s="52" t="s">
        <v>82</v>
      </c>
      <c r="H4096" s="4">
        <v>1</v>
      </c>
      <c r="I4096" s="2">
        <v>14.65</v>
      </c>
      <c r="J4096" s="52" t="s">
        <v>9635</v>
      </c>
      <c r="K4096" s="71" t="s">
        <v>9636</v>
      </c>
      <c r="L4096" s="52" t="s">
        <v>2063</v>
      </c>
      <c r="M4096" s="72">
        <v>1650</v>
      </c>
      <c r="N4096" s="52" t="s">
        <v>2072</v>
      </c>
      <c r="O4096" s="52" t="s">
        <v>2073</v>
      </c>
      <c r="P4096" s="52"/>
      <c r="Q4096" s="52"/>
      <c r="R4096" s="52"/>
      <c r="S4096" s="52"/>
      <c r="T4096" s="52"/>
      <c r="U4096" s="52"/>
      <c r="V4096" s="52"/>
      <c r="W4096" s="52"/>
    </row>
    <row r="4097" spans="1:23" hidden="1" x14ac:dyDescent="0.35">
      <c r="A4097" s="52" t="s">
        <v>78</v>
      </c>
      <c r="B4097" s="52" t="s">
        <v>79</v>
      </c>
      <c r="C4097" s="3">
        <v>20</v>
      </c>
      <c r="D4097" s="52" t="s">
        <v>84</v>
      </c>
      <c r="E4097" s="52" t="s">
        <v>26</v>
      </c>
      <c r="F4097" s="52" t="s">
        <v>81</v>
      </c>
      <c r="G4097" s="52" t="s">
        <v>82</v>
      </c>
      <c r="H4097" s="4">
        <v>1</v>
      </c>
      <c r="I4097" s="2">
        <v>14.65</v>
      </c>
      <c r="J4097" s="52" t="s">
        <v>9637</v>
      </c>
      <c r="K4097" s="71" t="s">
        <v>9638</v>
      </c>
      <c r="L4097" s="52" t="s">
        <v>2063</v>
      </c>
      <c r="M4097" s="72">
        <v>6689</v>
      </c>
      <c r="N4097" s="52" t="s">
        <v>2066</v>
      </c>
      <c r="O4097" s="52" t="s">
        <v>2067</v>
      </c>
      <c r="P4097" s="52"/>
      <c r="Q4097" s="52"/>
      <c r="R4097" s="52"/>
      <c r="S4097" s="52"/>
      <c r="T4097" s="52"/>
      <c r="U4097" s="52"/>
      <c r="V4097" s="52"/>
      <c r="W4097" s="52"/>
    </row>
    <row r="4098" spans="1:23" x14ac:dyDescent="0.35">
      <c r="A4098" s="52" t="s">
        <v>78</v>
      </c>
      <c r="B4098" s="52" t="s">
        <v>79</v>
      </c>
      <c r="C4098" s="3">
        <v>20</v>
      </c>
      <c r="D4098" s="52" t="s">
        <v>86</v>
      </c>
      <c r="E4098" s="52" t="s">
        <v>26</v>
      </c>
      <c r="F4098" s="52" t="s">
        <v>81</v>
      </c>
      <c r="G4098" s="52" t="s">
        <v>82</v>
      </c>
      <c r="H4098" s="4">
        <v>1</v>
      </c>
      <c r="I4098" s="2">
        <v>14.65</v>
      </c>
      <c r="J4098" s="52" t="s">
        <v>9639</v>
      </c>
      <c r="K4098" s="71" t="s">
        <v>9640</v>
      </c>
      <c r="L4098" s="52" t="s">
        <v>2063</v>
      </c>
      <c r="M4098" s="72">
        <v>7777</v>
      </c>
      <c r="N4098" s="52" t="s">
        <v>2076</v>
      </c>
      <c r="O4098" s="52" t="s">
        <v>2077</v>
      </c>
      <c r="P4098" s="52"/>
      <c r="Q4098" s="52"/>
      <c r="R4098" s="52"/>
      <c r="S4098" s="52"/>
      <c r="T4098" s="52"/>
      <c r="U4098" s="52"/>
      <c r="V4098" s="52"/>
      <c r="W4098" s="52"/>
    </row>
    <row r="4099" spans="1:23" hidden="1" x14ac:dyDescent="0.35">
      <c r="A4099" s="52" t="s">
        <v>78</v>
      </c>
      <c r="B4099" s="52" t="s">
        <v>79</v>
      </c>
      <c r="C4099" s="3">
        <v>20</v>
      </c>
      <c r="D4099" s="52" t="s">
        <v>84</v>
      </c>
      <c r="E4099" s="52" t="s">
        <v>26</v>
      </c>
      <c r="F4099" s="52" t="s">
        <v>81</v>
      </c>
      <c r="G4099" s="52" t="s">
        <v>82</v>
      </c>
      <c r="H4099" s="4">
        <v>1</v>
      </c>
      <c r="I4099" s="2">
        <v>14.65</v>
      </c>
      <c r="J4099" s="52" t="s">
        <v>9641</v>
      </c>
      <c r="K4099" s="71" t="s">
        <v>9642</v>
      </c>
      <c r="L4099" s="52" t="s">
        <v>2063</v>
      </c>
      <c r="M4099" s="72">
        <v>8727</v>
      </c>
      <c r="N4099" s="52" t="s">
        <v>2072</v>
      </c>
      <c r="O4099" s="52" t="s">
        <v>2073</v>
      </c>
      <c r="P4099" s="52"/>
      <c r="Q4099" s="52"/>
      <c r="R4099" s="52"/>
      <c r="S4099" s="52"/>
      <c r="T4099" s="52"/>
      <c r="U4099" s="52"/>
      <c r="V4099" s="52"/>
      <c r="W4099" s="52"/>
    </row>
    <row r="4100" spans="1:23" hidden="1" x14ac:dyDescent="0.35">
      <c r="A4100" s="52" t="s">
        <v>78</v>
      </c>
      <c r="B4100" s="52" t="s">
        <v>79</v>
      </c>
      <c r="C4100" s="3">
        <v>10</v>
      </c>
      <c r="D4100" s="52" t="s">
        <v>2023</v>
      </c>
      <c r="E4100" s="52" t="s">
        <v>26</v>
      </c>
      <c r="F4100" s="52" t="s">
        <v>81</v>
      </c>
      <c r="G4100" s="52" t="s">
        <v>82</v>
      </c>
      <c r="H4100" s="4">
        <v>1</v>
      </c>
      <c r="I4100" s="2">
        <v>14.65</v>
      </c>
      <c r="J4100" s="52" t="s">
        <v>7387</v>
      </c>
      <c r="K4100" s="71" t="s">
        <v>9643</v>
      </c>
      <c r="L4100" s="52" t="s">
        <v>2063</v>
      </c>
      <c r="M4100" s="72">
        <v>6482</v>
      </c>
      <c r="N4100" s="52"/>
      <c r="O4100" s="52"/>
      <c r="P4100" s="52"/>
      <c r="Q4100" s="52"/>
      <c r="R4100" s="52"/>
      <c r="S4100" s="52"/>
      <c r="T4100" s="52"/>
      <c r="U4100" s="52"/>
      <c r="V4100" s="52"/>
      <c r="W4100" s="52"/>
    </row>
    <row r="4101" spans="1:23" hidden="1" x14ac:dyDescent="0.35">
      <c r="A4101" s="52" t="s">
        <v>78</v>
      </c>
      <c r="B4101" s="52" t="s">
        <v>79</v>
      </c>
      <c r="C4101" s="3">
        <v>20</v>
      </c>
      <c r="D4101" s="52" t="s">
        <v>84</v>
      </c>
      <c r="E4101" s="52" t="s">
        <v>26</v>
      </c>
      <c r="F4101" s="52" t="s">
        <v>81</v>
      </c>
      <c r="G4101" s="52" t="s">
        <v>82</v>
      </c>
      <c r="H4101" s="4">
        <v>1</v>
      </c>
      <c r="I4101" s="2">
        <v>14.65</v>
      </c>
      <c r="J4101" s="52" t="s">
        <v>9644</v>
      </c>
      <c r="K4101" s="71" t="s">
        <v>9645</v>
      </c>
      <c r="L4101" s="52" t="s">
        <v>2063</v>
      </c>
      <c r="M4101" s="72">
        <v>6257</v>
      </c>
      <c r="N4101" s="52"/>
      <c r="O4101" s="52"/>
      <c r="P4101" s="52"/>
      <c r="Q4101" s="52"/>
      <c r="R4101" s="52"/>
      <c r="S4101" s="52"/>
      <c r="T4101" s="52"/>
      <c r="U4101" s="52"/>
      <c r="V4101" s="52"/>
      <c r="W4101" s="52"/>
    </row>
    <row r="4102" spans="1:23" x14ac:dyDescent="0.35">
      <c r="A4102" s="52" t="s">
        <v>78</v>
      </c>
      <c r="B4102" s="52" t="s">
        <v>79</v>
      </c>
      <c r="C4102" s="3">
        <v>20</v>
      </c>
      <c r="D4102" s="52" t="s">
        <v>2023</v>
      </c>
      <c r="E4102" s="52" t="s">
        <v>26</v>
      </c>
      <c r="F4102" s="52" t="s">
        <v>81</v>
      </c>
      <c r="G4102" s="52" t="s">
        <v>82</v>
      </c>
      <c r="H4102" s="4">
        <v>1</v>
      </c>
      <c r="I4102" s="2">
        <v>14.65</v>
      </c>
      <c r="J4102" s="52" t="s">
        <v>9646</v>
      </c>
      <c r="K4102" s="71" t="s">
        <v>9647</v>
      </c>
      <c r="L4102" s="52" t="s">
        <v>2095</v>
      </c>
      <c r="M4102" s="72">
        <v>4085</v>
      </c>
      <c r="N4102" s="52" t="s">
        <v>2076</v>
      </c>
      <c r="O4102" s="52" t="s">
        <v>2077</v>
      </c>
      <c r="P4102" s="52"/>
      <c r="Q4102" s="52"/>
      <c r="R4102" s="52"/>
      <c r="S4102" s="52"/>
      <c r="T4102" s="52"/>
      <c r="U4102" s="52"/>
      <c r="V4102" s="52"/>
      <c r="W4102" s="52"/>
    </row>
    <row r="4103" spans="1:23" hidden="1" x14ac:dyDescent="0.35">
      <c r="A4103" s="52" t="s">
        <v>78</v>
      </c>
      <c r="B4103" s="52" t="s">
        <v>79</v>
      </c>
      <c r="C4103" s="3">
        <v>10</v>
      </c>
      <c r="D4103" s="52" t="s">
        <v>2023</v>
      </c>
      <c r="E4103" s="52" t="s">
        <v>26</v>
      </c>
      <c r="F4103" s="52" t="s">
        <v>81</v>
      </c>
      <c r="G4103" s="52" t="s">
        <v>82</v>
      </c>
      <c r="H4103" s="4">
        <v>1</v>
      </c>
      <c r="I4103" s="2">
        <v>14.65</v>
      </c>
      <c r="J4103" s="52" t="s">
        <v>9648</v>
      </c>
      <c r="K4103" s="71" t="s">
        <v>9649</v>
      </c>
      <c r="L4103" s="52" t="s">
        <v>2063</v>
      </c>
      <c r="M4103" s="72">
        <v>308</v>
      </c>
      <c r="N4103" s="52" t="s">
        <v>2072</v>
      </c>
      <c r="O4103" s="52" t="s">
        <v>2073</v>
      </c>
      <c r="P4103" s="52"/>
      <c r="Q4103" s="52"/>
      <c r="R4103" s="52"/>
      <c r="S4103" s="52"/>
      <c r="T4103" s="52"/>
      <c r="U4103" s="52"/>
      <c r="V4103" s="52"/>
      <c r="W4103" s="52"/>
    </row>
    <row r="4104" spans="1:23" hidden="1" x14ac:dyDescent="0.35">
      <c r="A4104" s="52" t="s">
        <v>78</v>
      </c>
      <c r="B4104" s="52" t="s">
        <v>79</v>
      </c>
      <c r="C4104" s="3">
        <v>20</v>
      </c>
      <c r="D4104" s="52" t="s">
        <v>2024</v>
      </c>
      <c r="E4104" s="52" t="s">
        <v>26</v>
      </c>
      <c r="F4104" s="52" t="s">
        <v>81</v>
      </c>
      <c r="G4104" s="52" t="s">
        <v>82</v>
      </c>
      <c r="H4104" s="4">
        <v>1</v>
      </c>
      <c r="I4104" s="2">
        <v>14.65</v>
      </c>
      <c r="J4104" s="52" t="s">
        <v>8331</v>
      </c>
      <c r="K4104" s="71" t="s">
        <v>9650</v>
      </c>
      <c r="L4104" s="52" t="s">
        <v>2063</v>
      </c>
      <c r="M4104" s="72">
        <v>4014</v>
      </c>
      <c r="N4104" s="52" t="s">
        <v>2072</v>
      </c>
      <c r="O4104" s="52" t="s">
        <v>2073</v>
      </c>
      <c r="P4104" s="52"/>
      <c r="Q4104" s="52"/>
      <c r="R4104" s="52"/>
      <c r="S4104" s="52"/>
      <c r="T4104" s="52"/>
      <c r="U4104" s="52"/>
      <c r="V4104" s="52"/>
      <c r="W4104" s="52"/>
    </row>
    <row r="4105" spans="1:23" hidden="1" x14ac:dyDescent="0.35">
      <c r="A4105" s="52" t="s">
        <v>78</v>
      </c>
      <c r="B4105" s="52" t="s">
        <v>79</v>
      </c>
      <c r="C4105" s="3">
        <v>20</v>
      </c>
      <c r="D4105" s="52" t="s">
        <v>80</v>
      </c>
      <c r="E4105" s="52" t="s">
        <v>26</v>
      </c>
      <c r="F4105" s="52" t="s">
        <v>81</v>
      </c>
      <c r="G4105" s="52" t="s">
        <v>82</v>
      </c>
      <c r="H4105" s="4">
        <v>1</v>
      </c>
      <c r="I4105" s="2">
        <v>14.65</v>
      </c>
      <c r="J4105" s="52" t="s">
        <v>9651</v>
      </c>
      <c r="K4105" s="71" t="s">
        <v>9652</v>
      </c>
      <c r="L4105" s="52" t="s">
        <v>2063</v>
      </c>
      <c r="M4105" s="72">
        <v>2910</v>
      </c>
      <c r="N4105" s="52"/>
      <c r="O4105" s="52"/>
      <c r="P4105" s="52"/>
      <c r="Q4105" s="52"/>
      <c r="R4105" s="52"/>
      <c r="S4105" s="52"/>
      <c r="T4105" s="52"/>
      <c r="U4105" s="52"/>
      <c r="V4105" s="52"/>
      <c r="W4105" s="52"/>
    </row>
    <row r="4106" spans="1:23" hidden="1" x14ac:dyDescent="0.35">
      <c r="A4106" s="52" t="s">
        <v>78</v>
      </c>
      <c r="B4106" s="52" t="s">
        <v>79</v>
      </c>
      <c r="C4106" s="3">
        <v>20</v>
      </c>
      <c r="D4106" s="52" t="s">
        <v>87</v>
      </c>
      <c r="E4106" s="52" t="s">
        <v>26</v>
      </c>
      <c r="F4106" s="52" t="s">
        <v>81</v>
      </c>
      <c r="G4106" s="52" t="s">
        <v>82</v>
      </c>
      <c r="H4106" s="4">
        <v>1</v>
      </c>
      <c r="I4106" s="2">
        <v>14.65</v>
      </c>
      <c r="J4106" s="52" t="s">
        <v>9653</v>
      </c>
      <c r="K4106" s="71" t="s">
        <v>9654</v>
      </c>
      <c r="L4106" s="52" t="s">
        <v>2063</v>
      </c>
      <c r="M4106" s="72">
        <v>3001</v>
      </c>
      <c r="N4106" s="52" t="s">
        <v>2066</v>
      </c>
      <c r="O4106" s="52" t="s">
        <v>2067</v>
      </c>
      <c r="P4106" s="52"/>
      <c r="Q4106" s="52"/>
      <c r="R4106" s="52"/>
      <c r="S4106" s="52"/>
      <c r="T4106" s="52"/>
      <c r="U4106" s="52"/>
      <c r="V4106" s="52"/>
      <c r="W4106" s="52"/>
    </row>
    <row r="4107" spans="1:23" hidden="1" x14ac:dyDescent="0.35">
      <c r="A4107" s="52" t="s">
        <v>78</v>
      </c>
      <c r="B4107" s="52" t="s">
        <v>79</v>
      </c>
      <c r="C4107" s="3">
        <v>10</v>
      </c>
      <c r="D4107" s="52" t="s">
        <v>84</v>
      </c>
      <c r="E4107" s="52" t="s">
        <v>26</v>
      </c>
      <c r="F4107" s="52" t="s">
        <v>81</v>
      </c>
      <c r="G4107" s="52" t="s">
        <v>82</v>
      </c>
      <c r="H4107" s="4">
        <v>1</v>
      </c>
      <c r="I4107" s="2">
        <v>14.65</v>
      </c>
      <c r="J4107" s="52" t="s">
        <v>9655</v>
      </c>
      <c r="K4107" s="71" t="s">
        <v>9656</v>
      </c>
      <c r="L4107" s="52" t="s">
        <v>2063</v>
      </c>
      <c r="M4107" s="72">
        <v>3389</v>
      </c>
      <c r="N4107" s="52" t="s">
        <v>2072</v>
      </c>
      <c r="O4107" s="52" t="s">
        <v>2073</v>
      </c>
      <c r="P4107" s="52"/>
      <c r="Q4107" s="52"/>
      <c r="R4107" s="52"/>
      <c r="S4107" s="52"/>
      <c r="T4107" s="52"/>
      <c r="U4107" s="52"/>
      <c r="V4107" s="52"/>
      <c r="W4107" s="52"/>
    </row>
    <row r="4108" spans="1:23" hidden="1" x14ac:dyDescent="0.35">
      <c r="A4108" s="52" t="s">
        <v>78</v>
      </c>
      <c r="B4108" s="52" t="s">
        <v>79</v>
      </c>
      <c r="C4108" s="3">
        <v>10</v>
      </c>
      <c r="D4108" s="52" t="s">
        <v>2020</v>
      </c>
      <c r="E4108" s="52" t="s">
        <v>26</v>
      </c>
      <c r="F4108" s="52" t="s">
        <v>81</v>
      </c>
      <c r="G4108" s="52" t="s">
        <v>82</v>
      </c>
      <c r="H4108" s="4">
        <v>1</v>
      </c>
      <c r="I4108" s="2">
        <v>14.65</v>
      </c>
      <c r="J4108" s="52" t="s">
        <v>9657</v>
      </c>
      <c r="K4108" s="71" t="s">
        <v>9658</v>
      </c>
      <c r="L4108" s="52" t="s">
        <v>2063</v>
      </c>
      <c r="M4108" s="72">
        <v>3610</v>
      </c>
      <c r="N4108" s="52" t="s">
        <v>2066</v>
      </c>
      <c r="O4108" s="52" t="s">
        <v>2067</v>
      </c>
      <c r="P4108" s="52"/>
      <c r="Q4108" s="52"/>
      <c r="R4108" s="52"/>
      <c r="S4108" s="52"/>
      <c r="T4108" s="52"/>
      <c r="U4108" s="52"/>
      <c r="V4108" s="52"/>
      <c r="W4108" s="52"/>
    </row>
    <row r="4109" spans="1:23" hidden="1" x14ac:dyDescent="0.35">
      <c r="A4109" s="52" t="s">
        <v>78</v>
      </c>
      <c r="B4109" s="52" t="s">
        <v>79</v>
      </c>
      <c r="C4109" s="3">
        <v>10</v>
      </c>
      <c r="D4109" s="52" t="s">
        <v>2024</v>
      </c>
      <c r="E4109" s="52" t="s">
        <v>26</v>
      </c>
      <c r="F4109" s="52" t="s">
        <v>81</v>
      </c>
      <c r="G4109" s="52" t="s">
        <v>82</v>
      </c>
      <c r="H4109" s="4">
        <v>1</v>
      </c>
      <c r="I4109" s="2">
        <v>14.65</v>
      </c>
      <c r="J4109" s="52" t="s">
        <v>8926</v>
      </c>
      <c r="K4109" s="71" t="s">
        <v>9659</v>
      </c>
      <c r="L4109" s="52" t="s">
        <v>2063</v>
      </c>
      <c r="M4109" s="72">
        <v>6735</v>
      </c>
      <c r="N4109" s="52" t="s">
        <v>2072</v>
      </c>
      <c r="O4109" s="52" t="s">
        <v>2073</v>
      </c>
      <c r="P4109" s="52"/>
      <c r="Q4109" s="52"/>
      <c r="R4109" s="52"/>
      <c r="S4109" s="52"/>
      <c r="T4109" s="52"/>
      <c r="U4109" s="52"/>
      <c r="V4109" s="52"/>
      <c r="W4109" s="52"/>
    </row>
    <row r="4110" spans="1:23" hidden="1" x14ac:dyDescent="0.35">
      <c r="A4110" s="52" t="s">
        <v>78</v>
      </c>
      <c r="B4110" s="52" t="s">
        <v>79</v>
      </c>
      <c r="C4110" s="3">
        <v>20</v>
      </c>
      <c r="D4110" s="52" t="s">
        <v>84</v>
      </c>
      <c r="E4110" s="52" t="s">
        <v>26</v>
      </c>
      <c r="F4110" s="52" t="s">
        <v>81</v>
      </c>
      <c r="G4110" s="52" t="s">
        <v>82</v>
      </c>
      <c r="H4110" s="4">
        <v>1</v>
      </c>
      <c r="I4110" s="2">
        <v>14.65</v>
      </c>
      <c r="J4110" s="52" t="s">
        <v>9660</v>
      </c>
      <c r="K4110" s="71" t="s">
        <v>9661</v>
      </c>
      <c r="L4110" s="52" t="s">
        <v>2063</v>
      </c>
      <c r="M4110" s="72">
        <v>3410</v>
      </c>
      <c r="N4110" s="52"/>
      <c r="O4110" s="52"/>
      <c r="P4110" s="52"/>
      <c r="Q4110" s="52"/>
      <c r="R4110" s="52"/>
      <c r="S4110" s="52"/>
      <c r="T4110" s="52"/>
      <c r="U4110" s="52"/>
      <c r="V4110" s="52"/>
      <c r="W4110" s="52"/>
    </row>
    <row r="4111" spans="1:23" x14ac:dyDescent="0.35">
      <c r="A4111" s="52" t="s">
        <v>78</v>
      </c>
      <c r="B4111" s="52" t="s">
        <v>79</v>
      </c>
      <c r="C4111" s="3">
        <v>10</v>
      </c>
      <c r="D4111" s="52" t="s">
        <v>80</v>
      </c>
      <c r="E4111" s="52" t="s">
        <v>26</v>
      </c>
      <c r="F4111" s="52" t="s">
        <v>81</v>
      </c>
      <c r="G4111" s="52" t="s">
        <v>82</v>
      </c>
      <c r="H4111" s="4">
        <v>1</v>
      </c>
      <c r="I4111" s="2">
        <v>14.65</v>
      </c>
      <c r="J4111" s="52" t="s">
        <v>9662</v>
      </c>
      <c r="K4111" s="71" t="s">
        <v>9663</v>
      </c>
      <c r="L4111" s="52" t="s">
        <v>2063</v>
      </c>
      <c r="M4111" s="72">
        <v>4637</v>
      </c>
      <c r="N4111" s="52" t="s">
        <v>2259</v>
      </c>
      <c r="O4111" s="52" t="s">
        <v>2260</v>
      </c>
      <c r="P4111" s="52"/>
      <c r="Q4111" s="52"/>
      <c r="R4111" s="52"/>
      <c r="S4111" s="52"/>
      <c r="T4111" s="52"/>
      <c r="U4111" s="52"/>
      <c r="V4111" s="52"/>
      <c r="W4111" s="52"/>
    </row>
    <row r="4112" spans="1:23" hidden="1" x14ac:dyDescent="0.35">
      <c r="A4112" s="52" t="s">
        <v>78</v>
      </c>
      <c r="B4112" s="52" t="s">
        <v>79</v>
      </c>
      <c r="C4112" s="3">
        <v>20</v>
      </c>
      <c r="D4112" s="52" t="s">
        <v>83</v>
      </c>
      <c r="E4112" s="52" t="s">
        <v>26</v>
      </c>
      <c r="F4112" s="52" t="s">
        <v>81</v>
      </c>
      <c r="G4112" s="52" t="s">
        <v>82</v>
      </c>
      <c r="H4112" s="4">
        <v>1</v>
      </c>
      <c r="I4112" s="2">
        <v>14.65</v>
      </c>
      <c r="J4112" s="52" t="s">
        <v>9664</v>
      </c>
      <c r="K4112" s="71" t="s">
        <v>9665</v>
      </c>
      <c r="L4112" s="52" t="s">
        <v>2063</v>
      </c>
      <c r="M4112" s="72">
        <v>6942</v>
      </c>
      <c r="N4112" s="52" t="s">
        <v>2158</v>
      </c>
      <c r="O4112" s="52" t="s">
        <v>2159</v>
      </c>
      <c r="P4112" s="52"/>
      <c r="Q4112" s="52"/>
      <c r="R4112" s="52"/>
      <c r="S4112" s="52"/>
      <c r="T4112" s="52"/>
      <c r="U4112" s="52"/>
      <c r="V4112" s="52"/>
      <c r="W4112" s="52"/>
    </row>
    <row r="4113" spans="1:23" x14ac:dyDescent="0.35">
      <c r="A4113" s="52" t="s">
        <v>78</v>
      </c>
      <c r="B4113" s="52" t="s">
        <v>79</v>
      </c>
      <c r="C4113" s="3">
        <v>10</v>
      </c>
      <c r="D4113" s="52" t="s">
        <v>80</v>
      </c>
      <c r="E4113" s="52" t="s">
        <v>26</v>
      </c>
      <c r="F4113" s="52" t="s">
        <v>81</v>
      </c>
      <c r="G4113" s="52" t="s">
        <v>82</v>
      </c>
      <c r="H4113" s="4">
        <v>1</v>
      </c>
      <c r="I4113" s="2">
        <v>14.65</v>
      </c>
      <c r="J4113" s="52" t="s">
        <v>9666</v>
      </c>
      <c r="K4113" s="71" t="s">
        <v>9667</v>
      </c>
      <c r="L4113" s="52" t="s">
        <v>2063</v>
      </c>
      <c r="M4113" s="72">
        <v>2892</v>
      </c>
      <c r="N4113" s="52" t="s">
        <v>2259</v>
      </c>
      <c r="O4113" s="52" t="s">
        <v>2260</v>
      </c>
      <c r="P4113" s="52"/>
      <c r="Q4113" s="52"/>
      <c r="R4113" s="52"/>
      <c r="S4113" s="52"/>
      <c r="T4113" s="52"/>
      <c r="U4113" s="52"/>
      <c r="V4113" s="52"/>
      <c r="W4113" s="52"/>
    </row>
    <row r="4114" spans="1:23" hidden="1" x14ac:dyDescent="0.35">
      <c r="A4114" s="52" t="s">
        <v>78</v>
      </c>
      <c r="B4114" s="52" t="s">
        <v>79</v>
      </c>
      <c r="C4114" s="3">
        <v>10</v>
      </c>
      <c r="D4114" s="52" t="s">
        <v>2024</v>
      </c>
      <c r="E4114" s="52" t="s">
        <v>26</v>
      </c>
      <c r="F4114" s="52" t="s">
        <v>81</v>
      </c>
      <c r="G4114" s="52" t="s">
        <v>82</v>
      </c>
      <c r="H4114" s="4">
        <v>1</v>
      </c>
      <c r="I4114" s="2">
        <v>14.65</v>
      </c>
      <c r="J4114" s="52" t="s">
        <v>9668</v>
      </c>
      <c r="K4114" s="71" t="s">
        <v>9669</v>
      </c>
      <c r="L4114" s="52" t="s">
        <v>2063</v>
      </c>
      <c r="M4114" s="72">
        <v>2279</v>
      </c>
      <c r="N4114" s="52"/>
      <c r="O4114" s="52"/>
      <c r="P4114" s="52"/>
      <c r="Q4114" s="52"/>
      <c r="R4114" s="52"/>
      <c r="S4114" s="52"/>
      <c r="T4114" s="52"/>
      <c r="U4114" s="52"/>
      <c r="V4114" s="52"/>
      <c r="W4114" s="52"/>
    </row>
    <row r="4115" spans="1:23" hidden="1" x14ac:dyDescent="0.35">
      <c r="A4115" s="52" t="s">
        <v>78</v>
      </c>
      <c r="B4115" s="52" t="s">
        <v>79</v>
      </c>
      <c r="C4115" s="3">
        <v>20</v>
      </c>
      <c r="D4115" s="52" t="s">
        <v>2023</v>
      </c>
      <c r="E4115" s="52" t="s">
        <v>26</v>
      </c>
      <c r="F4115" s="52" t="s">
        <v>81</v>
      </c>
      <c r="G4115" s="52" t="s">
        <v>82</v>
      </c>
      <c r="H4115" s="4">
        <v>1</v>
      </c>
      <c r="I4115" s="2">
        <v>14.65</v>
      </c>
      <c r="J4115" s="52" t="s">
        <v>9670</v>
      </c>
      <c r="K4115" s="71" t="s">
        <v>9671</v>
      </c>
      <c r="L4115" s="52" t="s">
        <v>2063</v>
      </c>
      <c r="M4115" s="72">
        <v>4012</v>
      </c>
      <c r="N4115" s="52" t="s">
        <v>2072</v>
      </c>
      <c r="O4115" s="52" t="s">
        <v>2073</v>
      </c>
      <c r="P4115" s="52"/>
      <c r="Q4115" s="52"/>
      <c r="R4115" s="52"/>
      <c r="S4115" s="52"/>
      <c r="T4115" s="52"/>
      <c r="U4115" s="52"/>
      <c r="V4115" s="52"/>
      <c r="W4115" s="52"/>
    </row>
    <row r="4116" spans="1:23" hidden="1" x14ac:dyDescent="0.35">
      <c r="A4116" s="52" t="s">
        <v>78</v>
      </c>
      <c r="B4116" s="52" t="s">
        <v>79</v>
      </c>
      <c r="C4116" s="3">
        <v>20</v>
      </c>
      <c r="D4116" s="52" t="s">
        <v>2022</v>
      </c>
      <c r="E4116" s="52" t="s">
        <v>26</v>
      </c>
      <c r="F4116" s="52" t="s">
        <v>81</v>
      </c>
      <c r="G4116" s="52" t="s">
        <v>82</v>
      </c>
      <c r="H4116" s="4">
        <v>1</v>
      </c>
      <c r="I4116" s="2">
        <v>14.65</v>
      </c>
      <c r="J4116" s="52" t="s">
        <v>9562</v>
      </c>
      <c r="K4116" s="71" t="s">
        <v>9672</v>
      </c>
      <c r="L4116" s="52" t="s">
        <v>2063</v>
      </c>
      <c r="M4116" s="72">
        <v>1925</v>
      </c>
      <c r="N4116" s="52"/>
      <c r="O4116" s="52"/>
      <c r="P4116" s="52"/>
      <c r="Q4116" s="52"/>
      <c r="R4116" s="52"/>
      <c r="S4116" s="52"/>
      <c r="T4116" s="52"/>
      <c r="U4116" s="52"/>
      <c r="V4116" s="52"/>
      <c r="W4116" s="52"/>
    </row>
    <row r="4117" spans="1:23" hidden="1" x14ac:dyDescent="0.35">
      <c r="A4117" s="52" t="s">
        <v>78</v>
      </c>
      <c r="B4117" s="52" t="s">
        <v>79</v>
      </c>
      <c r="C4117" s="3">
        <v>20</v>
      </c>
      <c r="D4117" s="52" t="s">
        <v>2019</v>
      </c>
      <c r="E4117" s="52" t="s">
        <v>26</v>
      </c>
      <c r="F4117" s="52" t="s">
        <v>81</v>
      </c>
      <c r="G4117" s="52" t="s">
        <v>82</v>
      </c>
      <c r="H4117" s="4">
        <v>1</v>
      </c>
      <c r="I4117" s="2">
        <v>14.65</v>
      </c>
      <c r="J4117" s="52" t="s">
        <v>9673</v>
      </c>
      <c r="K4117" s="71" t="s">
        <v>9674</v>
      </c>
      <c r="L4117" s="52" t="s">
        <v>2063</v>
      </c>
      <c r="M4117" s="72">
        <v>5266</v>
      </c>
      <c r="N4117" s="52" t="s">
        <v>2072</v>
      </c>
      <c r="O4117" s="52" t="s">
        <v>2073</v>
      </c>
      <c r="P4117" s="52"/>
      <c r="Q4117" s="52"/>
      <c r="R4117" s="52"/>
      <c r="S4117" s="52"/>
      <c r="T4117" s="52"/>
      <c r="U4117" s="52"/>
      <c r="V4117" s="52"/>
      <c r="W4117" s="52"/>
    </row>
    <row r="4118" spans="1:23" x14ac:dyDescent="0.35">
      <c r="A4118" s="52" t="s">
        <v>78</v>
      </c>
      <c r="B4118" s="52" t="s">
        <v>79</v>
      </c>
      <c r="C4118" s="3">
        <v>211</v>
      </c>
      <c r="D4118" s="52" t="s">
        <v>84</v>
      </c>
      <c r="E4118" s="52" t="s">
        <v>26</v>
      </c>
      <c r="F4118" s="52" t="s">
        <v>81</v>
      </c>
      <c r="G4118" s="52" t="s">
        <v>82</v>
      </c>
      <c r="H4118" s="4">
        <v>1</v>
      </c>
      <c r="I4118" s="2">
        <v>14.65</v>
      </c>
      <c r="J4118" s="52" t="s">
        <v>9675</v>
      </c>
      <c r="K4118" s="71" t="s">
        <v>9676</v>
      </c>
      <c r="L4118" s="52" t="s">
        <v>2095</v>
      </c>
      <c r="M4118" s="72">
        <v>3589</v>
      </c>
      <c r="N4118" s="52" t="s">
        <v>2076</v>
      </c>
      <c r="O4118" s="52" t="s">
        <v>2077</v>
      </c>
      <c r="P4118" s="52"/>
      <c r="Q4118" s="52"/>
      <c r="R4118" s="52"/>
      <c r="S4118" s="52"/>
      <c r="T4118" s="52"/>
      <c r="U4118" s="52"/>
      <c r="V4118" s="52"/>
      <c r="W4118" s="52"/>
    </row>
    <row r="4119" spans="1:23" hidden="1" x14ac:dyDescent="0.35">
      <c r="A4119" s="52" t="s">
        <v>78</v>
      </c>
      <c r="B4119" s="52" t="s">
        <v>79</v>
      </c>
      <c r="C4119" s="3">
        <v>20</v>
      </c>
      <c r="D4119" s="52" t="s">
        <v>80</v>
      </c>
      <c r="E4119" s="52" t="s">
        <v>26</v>
      </c>
      <c r="F4119" s="52" t="s">
        <v>81</v>
      </c>
      <c r="G4119" s="52" t="s">
        <v>82</v>
      </c>
      <c r="H4119" s="4">
        <v>1</v>
      </c>
      <c r="I4119" s="2">
        <v>14.65</v>
      </c>
      <c r="J4119" s="52" t="s">
        <v>9677</v>
      </c>
      <c r="K4119" s="71" t="s">
        <v>9678</v>
      </c>
      <c r="L4119" s="52" t="s">
        <v>2063</v>
      </c>
      <c r="M4119" s="72">
        <v>279</v>
      </c>
      <c r="N4119" s="52" t="s">
        <v>2072</v>
      </c>
      <c r="O4119" s="52" t="s">
        <v>2073</v>
      </c>
      <c r="P4119" s="52" t="s">
        <v>2072</v>
      </c>
      <c r="Q4119" s="52" t="s">
        <v>2073</v>
      </c>
      <c r="R4119" s="52"/>
      <c r="S4119" s="52"/>
      <c r="T4119" s="52"/>
      <c r="U4119" s="52"/>
      <c r="V4119" s="52"/>
      <c r="W4119" s="52"/>
    </row>
    <row r="4120" spans="1:23" hidden="1" x14ac:dyDescent="0.35">
      <c r="A4120" s="52" t="s">
        <v>78</v>
      </c>
      <c r="B4120" s="52" t="s">
        <v>79</v>
      </c>
      <c r="C4120" s="3">
        <v>10</v>
      </c>
      <c r="D4120" s="52" t="s">
        <v>2019</v>
      </c>
      <c r="E4120" s="52" t="s">
        <v>26</v>
      </c>
      <c r="F4120" s="52" t="s">
        <v>81</v>
      </c>
      <c r="G4120" s="52" t="s">
        <v>82</v>
      </c>
      <c r="H4120" s="4">
        <v>1</v>
      </c>
      <c r="I4120" s="2">
        <v>14.65</v>
      </c>
      <c r="J4120" s="52" t="s">
        <v>9679</v>
      </c>
      <c r="K4120" s="71" t="s">
        <v>9680</v>
      </c>
      <c r="L4120" s="52" t="s">
        <v>2063</v>
      </c>
      <c r="M4120" s="72">
        <v>229</v>
      </c>
      <c r="N4120" s="52" t="s">
        <v>2072</v>
      </c>
      <c r="O4120" s="52" t="s">
        <v>2073</v>
      </c>
      <c r="P4120" s="52"/>
      <c r="Q4120" s="52"/>
      <c r="R4120" s="52"/>
      <c r="S4120" s="52"/>
      <c r="T4120" s="52"/>
      <c r="U4120" s="52"/>
      <c r="V4120" s="52"/>
      <c r="W4120" s="52"/>
    </row>
    <row r="4121" spans="1:23" hidden="1" x14ac:dyDescent="0.35">
      <c r="A4121" s="52" t="s">
        <v>78</v>
      </c>
      <c r="B4121" s="52" t="s">
        <v>79</v>
      </c>
      <c r="C4121" s="3">
        <v>10</v>
      </c>
      <c r="D4121" s="52" t="s">
        <v>85</v>
      </c>
      <c r="E4121" s="52" t="s">
        <v>26</v>
      </c>
      <c r="F4121" s="52" t="s">
        <v>81</v>
      </c>
      <c r="G4121" s="52" t="s">
        <v>82</v>
      </c>
      <c r="H4121" s="4">
        <v>1</v>
      </c>
      <c r="I4121" s="2">
        <v>14.65</v>
      </c>
      <c r="J4121" s="52" t="s">
        <v>9681</v>
      </c>
      <c r="K4121" s="71" t="s">
        <v>9682</v>
      </c>
      <c r="L4121" s="52" t="s">
        <v>2063</v>
      </c>
      <c r="M4121" s="72">
        <v>4657</v>
      </c>
      <c r="N4121" s="52" t="s">
        <v>2072</v>
      </c>
      <c r="O4121" s="52" t="s">
        <v>2073</v>
      </c>
      <c r="P4121" s="52"/>
      <c r="Q4121" s="52"/>
      <c r="R4121" s="52"/>
      <c r="S4121" s="52"/>
      <c r="T4121" s="52"/>
      <c r="U4121" s="52"/>
      <c r="V4121" s="52"/>
      <c r="W4121" s="52"/>
    </row>
    <row r="4122" spans="1:23" hidden="1" x14ac:dyDescent="0.35">
      <c r="A4122" s="52" t="s">
        <v>78</v>
      </c>
      <c r="B4122" s="52" t="s">
        <v>79</v>
      </c>
      <c r="C4122" s="3">
        <v>10</v>
      </c>
      <c r="D4122" s="52" t="s">
        <v>2022</v>
      </c>
      <c r="E4122" s="52" t="s">
        <v>26</v>
      </c>
      <c r="F4122" s="52" t="s">
        <v>81</v>
      </c>
      <c r="G4122" s="52" t="s">
        <v>82</v>
      </c>
      <c r="H4122" s="4">
        <v>1</v>
      </c>
      <c r="I4122" s="2">
        <v>14.65</v>
      </c>
      <c r="J4122" s="52" t="s">
        <v>9683</v>
      </c>
      <c r="K4122" s="71" t="s">
        <v>9684</v>
      </c>
      <c r="L4122" s="52" t="s">
        <v>2063</v>
      </c>
      <c r="M4122" s="72">
        <v>6901</v>
      </c>
      <c r="N4122" s="52" t="s">
        <v>2072</v>
      </c>
      <c r="O4122" s="52" t="s">
        <v>2073</v>
      </c>
      <c r="P4122" s="52"/>
      <c r="Q4122" s="52"/>
      <c r="R4122" s="52"/>
      <c r="S4122" s="52"/>
      <c r="T4122" s="52"/>
      <c r="U4122" s="52"/>
      <c r="V4122" s="52"/>
      <c r="W4122" s="52"/>
    </row>
    <row r="4123" spans="1:23" hidden="1" x14ac:dyDescent="0.35">
      <c r="A4123" s="52" t="s">
        <v>78</v>
      </c>
      <c r="B4123" s="52" t="s">
        <v>79</v>
      </c>
      <c r="C4123" s="3">
        <v>10</v>
      </c>
      <c r="D4123" s="52" t="s">
        <v>83</v>
      </c>
      <c r="E4123" s="52" t="s">
        <v>26</v>
      </c>
      <c r="F4123" s="52" t="s">
        <v>81</v>
      </c>
      <c r="G4123" s="52" t="s">
        <v>82</v>
      </c>
      <c r="H4123" s="4">
        <v>1</v>
      </c>
      <c r="I4123" s="2">
        <v>14.65</v>
      </c>
      <c r="J4123" s="52" t="s">
        <v>8371</v>
      </c>
      <c r="K4123" s="71" t="s">
        <v>9685</v>
      </c>
      <c r="L4123" s="52" t="s">
        <v>2063</v>
      </c>
      <c r="M4123" s="72">
        <v>6733</v>
      </c>
      <c r="N4123" s="52" t="s">
        <v>2072</v>
      </c>
      <c r="O4123" s="52" t="s">
        <v>2073</v>
      </c>
      <c r="P4123" s="52"/>
      <c r="Q4123" s="52"/>
      <c r="R4123" s="52"/>
      <c r="S4123" s="52"/>
      <c r="T4123" s="52"/>
      <c r="U4123" s="52"/>
      <c r="V4123" s="52"/>
      <c r="W4123" s="52"/>
    </row>
    <row r="4124" spans="1:23" hidden="1" x14ac:dyDescent="0.35">
      <c r="A4124" s="52" t="s">
        <v>78</v>
      </c>
      <c r="B4124" s="52" t="s">
        <v>79</v>
      </c>
      <c r="C4124" s="3">
        <v>20</v>
      </c>
      <c r="D4124" s="52" t="s">
        <v>86</v>
      </c>
      <c r="E4124" s="52" t="s">
        <v>26</v>
      </c>
      <c r="F4124" s="52" t="s">
        <v>81</v>
      </c>
      <c r="G4124" s="52" t="s">
        <v>82</v>
      </c>
      <c r="H4124" s="4">
        <v>1</v>
      </c>
      <c r="I4124" s="2">
        <v>14.65</v>
      </c>
      <c r="J4124" s="52" t="s">
        <v>8837</v>
      </c>
      <c r="K4124" s="71" t="s">
        <v>9686</v>
      </c>
      <c r="L4124" s="52" t="s">
        <v>2063</v>
      </c>
      <c r="M4124" s="72">
        <v>2749</v>
      </c>
      <c r="N4124" s="52" t="s">
        <v>2072</v>
      </c>
      <c r="O4124" s="52" t="s">
        <v>2073</v>
      </c>
      <c r="P4124" s="52"/>
      <c r="Q4124" s="52"/>
      <c r="R4124" s="52"/>
      <c r="S4124" s="52"/>
      <c r="T4124" s="52"/>
      <c r="U4124" s="52"/>
      <c r="V4124" s="52"/>
      <c r="W4124" s="52"/>
    </row>
    <row r="4125" spans="1:23" hidden="1" x14ac:dyDescent="0.35">
      <c r="A4125" s="52" t="s">
        <v>78</v>
      </c>
      <c r="B4125" s="52" t="s">
        <v>79</v>
      </c>
      <c r="C4125" s="3">
        <v>10</v>
      </c>
      <c r="D4125" s="52" t="s">
        <v>87</v>
      </c>
      <c r="E4125" s="52" t="s">
        <v>26</v>
      </c>
      <c r="F4125" s="52" t="s">
        <v>81</v>
      </c>
      <c r="G4125" s="52" t="s">
        <v>82</v>
      </c>
      <c r="H4125" s="4">
        <v>1</v>
      </c>
      <c r="I4125" s="2">
        <v>14.65</v>
      </c>
      <c r="J4125" s="52" t="s">
        <v>9687</v>
      </c>
      <c r="K4125" s="71" t="s">
        <v>9688</v>
      </c>
      <c r="L4125" s="52" t="s">
        <v>2063</v>
      </c>
      <c r="M4125" s="72">
        <v>1452</v>
      </c>
      <c r="N4125" s="52"/>
      <c r="O4125" s="52"/>
      <c r="P4125" s="52"/>
      <c r="Q4125" s="52"/>
      <c r="R4125" s="52"/>
      <c r="S4125" s="52"/>
      <c r="T4125" s="52"/>
      <c r="U4125" s="52"/>
      <c r="V4125" s="52"/>
      <c r="W4125" s="52"/>
    </row>
    <row r="4126" spans="1:23" hidden="1" x14ac:dyDescent="0.35">
      <c r="A4126" s="52" t="s">
        <v>78</v>
      </c>
      <c r="B4126" s="52" t="s">
        <v>79</v>
      </c>
      <c r="C4126" s="3">
        <v>20</v>
      </c>
      <c r="D4126" s="52" t="s">
        <v>2022</v>
      </c>
      <c r="E4126" s="52" t="s">
        <v>26</v>
      </c>
      <c r="F4126" s="52" t="s">
        <v>81</v>
      </c>
      <c r="G4126" s="52" t="s">
        <v>82</v>
      </c>
      <c r="H4126" s="4">
        <v>1</v>
      </c>
      <c r="I4126" s="2">
        <v>14.65</v>
      </c>
      <c r="J4126" s="52" t="s">
        <v>9689</v>
      </c>
      <c r="K4126" s="71" t="s">
        <v>9690</v>
      </c>
      <c r="L4126" s="52" t="s">
        <v>2063</v>
      </c>
      <c r="M4126" s="72">
        <v>5732</v>
      </c>
      <c r="N4126" s="52" t="s">
        <v>2072</v>
      </c>
      <c r="O4126" s="52" t="s">
        <v>2073</v>
      </c>
      <c r="P4126" s="52"/>
      <c r="Q4126" s="52"/>
      <c r="R4126" s="52"/>
      <c r="S4126" s="52"/>
      <c r="T4126" s="52"/>
      <c r="U4126" s="52"/>
      <c r="V4126" s="52"/>
      <c r="W4126" s="52"/>
    </row>
    <row r="4127" spans="1:23" hidden="1" x14ac:dyDescent="0.35">
      <c r="A4127" s="52" t="s">
        <v>78</v>
      </c>
      <c r="B4127" s="52" t="s">
        <v>79</v>
      </c>
      <c r="C4127" s="3">
        <v>20</v>
      </c>
      <c r="D4127" s="52" t="s">
        <v>83</v>
      </c>
      <c r="E4127" s="52" t="s">
        <v>26</v>
      </c>
      <c r="F4127" s="52" t="s">
        <v>81</v>
      </c>
      <c r="G4127" s="52" t="s">
        <v>82</v>
      </c>
      <c r="H4127" s="4">
        <v>1</v>
      </c>
      <c r="I4127" s="2">
        <v>14.65</v>
      </c>
      <c r="J4127" s="52" t="s">
        <v>9691</v>
      </c>
      <c r="K4127" s="71" t="s">
        <v>9692</v>
      </c>
      <c r="L4127" s="52" t="s">
        <v>2063</v>
      </c>
      <c r="M4127" s="72">
        <v>4007</v>
      </c>
      <c r="N4127" s="52"/>
      <c r="O4127" s="52"/>
      <c r="P4127" s="52"/>
      <c r="Q4127" s="52"/>
      <c r="R4127" s="52"/>
      <c r="S4127" s="52"/>
      <c r="T4127" s="52"/>
      <c r="U4127" s="52"/>
      <c r="V4127" s="52"/>
      <c r="W4127" s="52"/>
    </row>
    <row r="4128" spans="1:23" hidden="1" x14ac:dyDescent="0.35">
      <c r="A4128" s="52" t="s">
        <v>78</v>
      </c>
      <c r="B4128" s="52" t="s">
        <v>79</v>
      </c>
      <c r="C4128" s="3">
        <v>20</v>
      </c>
      <c r="D4128" s="52" t="s">
        <v>2023</v>
      </c>
      <c r="E4128" s="52" t="s">
        <v>26</v>
      </c>
      <c r="F4128" s="52" t="s">
        <v>81</v>
      </c>
      <c r="G4128" s="52" t="s">
        <v>82</v>
      </c>
      <c r="H4128" s="4">
        <v>1</v>
      </c>
      <c r="I4128" s="2">
        <v>14.65</v>
      </c>
      <c r="J4128" s="52" t="s">
        <v>9693</v>
      </c>
      <c r="K4128" s="71" t="s">
        <v>9694</v>
      </c>
      <c r="L4128" s="52" t="s">
        <v>2063</v>
      </c>
      <c r="M4128" s="72">
        <v>8808</v>
      </c>
      <c r="N4128" s="52" t="s">
        <v>2066</v>
      </c>
      <c r="O4128" s="52" t="s">
        <v>2067</v>
      </c>
      <c r="P4128" s="52"/>
      <c r="Q4128" s="52"/>
      <c r="R4128" s="52"/>
      <c r="S4128" s="52"/>
      <c r="T4128" s="52"/>
      <c r="U4128" s="52"/>
      <c r="V4128" s="52"/>
      <c r="W4128" s="52"/>
    </row>
    <row r="4129" spans="1:23" hidden="1" x14ac:dyDescent="0.35">
      <c r="A4129" s="52" t="s">
        <v>78</v>
      </c>
      <c r="B4129" s="52" t="s">
        <v>79</v>
      </c>
      <c r="C4129" s="3">
        <v>212</v>
      </c>
      <c r="D4129" s="52" t="s">
        <v>2022</v>
      </c>
      <c r="E4129" s="52" t="s">
        <v>26</v>
      </c>
      <c r="F4129" s="52" t="s">
        <v>81</v>
      </c>
      <c r="G4129" s="52" t="s">
        <v>82</v>
      </c>
      <c r="H4129" s="4">
        <v>1</v>
      </c>
      <c r="I4129" s="2">
        <v>14.65</v>
      </c>
      <c r="J4129" s="52" t="s">
        <v>9695</v>
      </c>
      <c r="K4129" s="71" t="s">
        <v>9696</v>
      </c>
      <c r="L4129" s="52" t="s">
        <v>2063</v>
      </c>
      <c r="M4129" s="72">
        <v>7334</v>
      </c>
      <c r="N4129" s="52" t="s">
        <v>2066</v>
      </c>
      <c r="O4129" s="52" t="s">
        <v>2067</v>
      </c>
      <c r="P4129" s="52"/>
      <c r="Q4129" s="52"/>
      <c r="R4129" s="52"/>
      <c r="S4129" s="52"/>
      <c r="T4129" s="52"/>
      <c r="U4129" s="52"/>
      <c r="V4129" s="52"/>
      <c r="W4129" s="52"/>
    </row>
    <row r="4130" spans="1:23" hidden="1" x14ac:dyDescent="0.35">
      <c r="A4130" s="52" t="s">
        <v>78</v>
      </c>
      <c r="B4130" s="52" t="s">
        <v>79</v>
      </c>
      <c r="C4130" s="3">
        <v>20</v>
      </c>
      <c r="D4130" s="52" t="s">
        <v>2022</v>
      </c>
      <c r="E4130" s="52" t="s">
        <v>26</v>
      </c>
      <c r="F4130" s="52" t="s">
        <v>81</v>
      </c>
      <c r="G4130" s="52" t="s">
        <v>82</v>
      </c>
      <c r="H4130" s="4">
        <v>1</v>
      </c>
      <c r="I4130" s="2">
        <v>14.65</v>
      </c>
      <c r="J4130" s="52" t="s">
        <v>9697</v>
      </c>
      <c r="K4130" s="71" t="s">
        <v>9698</v>
      </c>
      <c r="L4130" s="52" t="s">
        <v>2063</v>
      </c>
      <c r="M4130" s="72">
        <v>5165</v>
      </c>
      <c r="N4130" s="52"/>
      <c r="O4130" s="52"/>
      <c r="P4130" s="52"/>
      <c r="Q4130" s="52"/>
      <c r="R4130" s="52"/>
      <c r="S4130" s="52"/>
      <c r="T4130" s="52"/>
      <c r="U4130" s="52"/>
      <c r="V4130" s="52"/>
      <c r="W4130" s="52"/>
    </row>
    <row r="4131" spans="1:23" x14ac:dyDescent="0.35">
      <c r="A4131" s="52" t="s">
        <v>78</v>
      </c>
      <c r="B4131" s="52" t="s">
        <v>79</v>
      </c>
      <c r="C4131" s="3">
        <v>20</v>
      </c>
      <c r="D4131" s="52" t="s">
        <v>2022</v>
      </c>
      <c r="E4131" s="52" t="s">
        <v>26</v>
      </c>
      <c r="F4131" s="52" t="s">
        <v>81</v>
      </c>
      <c r="G4131" s="52" t="s">
        <v>82</v>
      </c>
      <c r="H4131" s="4">
        <v>1</v>
      </c>
      <c r="I4131" s="2">
        <v>14.65</v>
      </c>
      <c r="J4131" s="52" t="s">
        <v>9699</v>
      </c>
      <c r="K4131" s="71" t="s">
        <v>9700</v>
      </c>
      <c r="L4131" s="52" t="s">
        <v>2063</v>
      </c>
      <c r="M4131" s="72">
        <v>8234</v>
      </c>
      <c r="N4131" s="52" t="s">
        <v>2259</v>
      </c>
      <c r="O4131" s="52" t="s">
        <v>2260</v>
      </c>
      <c r="P4131" s="52" t="s">
        <v>2259</v>
      </c>
      <c r="Q4131" s="52" t="s">
        <v>2260</v>
      </c>
      <c r="R4131" s="52"/>
      <c r="S4131" s="52"/>
      <c r="T4131" s="52"/>
      <c r="U4131" s="52"/>
      <c r="V4131" s="52"/>
      <c r="W4131" s="52"/>
    </row>
    <row r="4132" spans="1:23" hidden="1" x14ac:dyDescent="0.35">
      <c r="A4132" s="52" t="s">
        <v>78</v>
      </c>
      <c r="B4132" s="52" t="s">
        <v>79</v>
      </c>
      <c r="C4132" s="3">
        <v>20</v>
      </c>
      <c r="D4132" s="52" t="s">
        <v>83</v>
      </c>
      <c r="E4132" s="52" t="s">
        <v>26</v>
      </c>
      <c r="F4132" s="52" t="s">
        <v>81</v>
      </c>
      <c r="G4132" s="52" t="s">
        <v>82</v>
      </c>
      <c r="H4132" s="4">
        <v>1</v>
      </c>
      <c r="I4132" s="2">
        <v>14.65</v>
      </c>
      <c r="J4132" s="52" t="s">
        <v>9203</v>
      </c>
      <c r="K4132" s="71" t="s">
        <v>9701</v>
      </c>
      <c r="L4132" s="52" t="s">
        <v>2063</v>
      </c>
      <c r="M4132" s="72">
        <v>2183</v>
      </c>
      <c r="N4132" s="52" t="s">
        <v>2072</v>
      </c>
      <c r="O4132" s="52" t="s">
        <v>2073</v>
      </c>
      <c r="P4132" s="52"/>
      <c r="Q4132" s="52"/>
      <c r="R4132" s="52"/>
      <c r="S4132" s="52"/>
      <c r="T4132" s="52"/>
      <c r="U4132" s="52"/>
      <c r="V4132" s="52"/>
      <c r="W4132" s="52"/>
    </row>
    <row r="4133" spans="1:23" hidden="1" x14ac:dyDescent="0.35">
      <c r="A4133" s="52" t="s">
        <v>78</v>
      </c>
      <c r="B4133" s="52" t="s">
        <v>79</v>
      </c>
      <c r="C4133" s="3">
        <v>20</v>
      </c>
      <c r="D4133" s="52" t="s">
        <v>2022</v>
      </c>
      <c r="E4133" s="52" t="s">
        <v>26</v>
      </c>
      <c r="F4133" s="52" t="s">
        <v>81</v>
      </c>
      <c r="G4133" s="52" t="s">
        <v>82</v>
      </c>
      <c r="H4133" s="4">
        <v>1</v>
      </c>
      <c r="I4133" s="2">
        <v>14.65</v>
      </c>
      <c r="J4133" s="52" t="s">
        <v>8490</v>
      </c>
      <c r="K4133" s="71" t="s">
        <v>9702</v>
      </c>
      <c r="L4133" s="52" t="s">
        <v>2063</v>
      </c>
      <c r="M4133" s="72">
        <v>579</v>
      </c>
      <c r="N4133" s="52" t="s">
        <v>2072</v>
      </c>
      <c r="O4133" s="52" t="s">
        <v>2073</v>
      </c>
      <c r="P4133" s="52"/>
      <c r="Q4133" s="52"/>
      <c r="R4133" s="52"/>
      <c r="S4133" s="52"/>
      <c r="T4133" s="52"/>
      <c r="U4133" s="52"/>
      <c r="V4133" s="52"/>
      <c r="W4133" s="52"/>
    </row>
    <row r="4134" spans="1:23" hidden="1" x14ac:dyDescent="0.35">
      <c r="A4134" s="52" t="s">
        <v>78</v>
      </c>
      <c r="B4134" s="52" t="s">
        <v>79</v>
      </c>
      <c r="C4134" s="3">
        <v>10</v>
      </c>
      <c r="D4134" s="52" t="s">
        <v>84</v>
      </c>
      <c r="E4134" s="52" t="s">
        <v>26</v>
      </c>
      <c r="F4134" s="52" t="s">
        <v>81</v>
      </c>
      <c r="G4134" s="52" t="s">
        <v>82</v>
      </c>
      <c r="H4134" s="4">
        <v>1</v>
      </c>
      <c r="I4134" s="2">
        <v>14.65</v>
      </c>
      <c r="J4134" s="52" t="s">
        <v>8383</v>
      </c>
      <c r="K4134" s="71" t="s">
        <v>9703</v>
      </c>
      <c r="L4134" s="52" t="s">
        <v>2063</v>
      </c>
      <c r="M4134" s="72">
        <v>9325</v>
      </c>
      <c r="N4134" s="52" t="s">
        <v>2072</v>
      </c>
      <c r="O4134" s="52" t="s">
        <v>2073</v>
      </c>
      <c r="P4134" s="52"/>
      <c r="Q4134" s="52"/>
      <c r="R4134" s="52"/>
      <c r="S4134" s="52"/>
      <c r="T4134" s="52"/>
      <c r="U4134" s="52"/>
      <c r="V4134" s="52"/>
      <c r="W4134" s="52"/>
    </row>
    <row r="4135" spans="1:23" x14ac:dyDescent="0.35">
      <c r="A4135" s="52" t="s">
        <v>78</v>
      </c>
      <c r="B4135" s="52" t="s">
        <v>79</v>
      </c>
      <c r="C4135" s="3">
        <v>10</v>
      </c>
      <c r="D4135" s="52" t="s">
        <v>2021</v>
      </c>
      <c r="E4135" s="52" t="s">
        <v>26</v>
      </c>
      <c r="F4135" s="52" t="s">
        <v>81</v>
      </c>
      <c r="G4135" s="52" t="s">
        <v>82</v>
      </c>
      <c r="H4135" s="4">
        <v>1</v>
      </c>
      <c r="I4135" s="2">
        <v>14.65</v>
      </c>
      <c r="J4135" s="52" t="s">
        <v>9704</v>
      </c>
      <c r="K4135" s="71" t="s">
        <v>9705</v>
      </c>
      <c r="L4135" s="52" t="s">
        <v>2063</v>
      </c>
      <c r="M4135" s="72">
        <v>1479</v>
      </c>
      <c r="N4135" s="52" t="s">
        <v>2076</v>
      </c>
      <c r="O4135" s="52" t="s">
        <v>2077</v>
      </c>
      <c r="P4135" s="52"/>
      <c r="Q4135" s="52"/>
      <c r="R4135" s="52"/>
      <c r="S4135" s="52"/>
      <c r="T4135" s="52"/>
      <c r="U4135" s="52"/>
      <c r="V4135" s="52"/>
      <c r="W4135" s="52"/>
    </row>
    <row r="4136" spans="1:23" hidden="1" x14ac:dyDescent="0.35">
      <c r="A4136" s="52" t="s">
        <v>78</v>
      </c>
      <c r="B4136" s="52" t="s">
        <v>79</v>
      </c>
      <c r="C4136" s="3">
        <v>10</v>
      </c>
      <c r="D4136" s="52" t="s">
        <v>86</v>
      </c>
      <c r="E4136" s="52" t="s">
        <v>26</v>
      </c>
      <c r="F4136" s="52" t="s">
        <v>81</v>
      </c>
      <c r="G4136" s="52" t="s">
        <v>82</v>
      </c>
      <c r="H4136" s="4">
        <v>1</v>
      </c>
      <c r="I4136" s="2">
        <v>14.65</v>
      </c>
      <c r="J4136" s="52" t="s">
        <v>9706</v>
      </c>
      <c r="K4136" s="71" t="s">
        <v>9707</v>
      </c>
      <c r="L4136" s="52" t="s">
        <v>2063</v>
      </c>
      <c r="M4136" s="72">
        <v>3344</v>
      </c>
      <c r="N4136" s="52" t="s">
        <v>2072</v>
      </c>
      <c r="O4136" s="52" t="s">
        <v>2073</v>
      </c>
      <c r="P4136" s="52"/>
      <c r="Q4136" s="52"/>
      <c r="R4136" s="52"/>
      <c r="S4136" s="52"/>
      <c r="T4136" s="52"/>
      <c r="U4136" s="52"/>
      <c r="V4136" s="52"/>
      <c r="W4136" s="52"/>
    </row>
    <row r="4137" spans="1:23" hidden="1" x14ac:dyDescent="0.35">
      <c r="A4137" s="52" t="s">
        <v>78</v>
      </c>
      <c r="B4137" s="52" t="s">
        <v>79</v>
      </c>
      <c r="C4137" s="3">
        <v>20</v>
      </c>
      <c r="D4137" s="52" t="s">
        <v>2021</v>
      </c>
      <c r="E4137" s="52" t="s">
        <v>26</v>
      </c>
      <c r="F4137" s="52" t="s">
        <v>81</v>
      </c>
      <c r="G4137" s="52" t="s">
        <v>82</v>
      </c>
      <c r="H4137" s="4">
        <v>1</v>
      </c>
      <c r="I4137" s="2">
        <v>14.65</v>
      </c>
      <c r="J4137" s="52" t="s">
        <v>9708</v>
      </c>
      <c r="K4137" s="71" t="s">
        <v>9709</v>
      </c>
      <c r="L4137" s="52" t="s">
        <v>2063</v>
      </c>
      <c r="M4137" s="72">
        <v>2792</v>
      </c>
      <c r="N4137" s="52" t="s">
        <v>2072</v>
      </c>
      <c r="O4137" s="52" t="s">
        <v>2073</v>
      </c>
      <c r="P4137" s="52"/>
      <c r="Q4137" s="52"/>
      <c r="R4137" s="52"/>
      <c r="S4137" s="52"/>
      <c r="T4137" s="52"/>
      <c r="U4137" s="52"/>
      <c r="V4137" s="52"/>
      <c r="W4137" s="52"/>
    </row>
    <row r="4138" spans="1:23" hidden="1" x14ac:dyDescent="0.35">
      <c r="A4138" s="52" t="s">
        <v>78</v>
      </c>
      <c r="B4138" s="52" t="s">
        <v>79</v>
      </c>
      <c r="C4138" s="3">
        <v>10</v>
      </c>
      <c r="D4138" s="52" t="s">
        <v>2021</v>
      </c>
      <c r="E4138" s="52" t="s">
        <v>26</v>
      </c>
      <c r="F4138" s="52" t="s">
        <v>81</v>
      </c>
      <c r="G4138" s="52" t="s">
        <v>82</v>
      </c>
      <c r="H4138" s="4">
        <v>1</v>
      </c>
      <c r="I4138" s="2">
        <v>14.65</v>
      </c>
      <c r="J4138" s="52" t="s">
        <v>9710</v>
      </c>
      <c r="K4138" s="71" t="s">
        <v>9711</v>
      </c>
      <c r="L4138" s="52" t="s">
        <v>2063</v>
      </c>
      <c r="M4138" s="72">
        <v>1025</v>
      </c>
      <c r="N4138" s="52" t="s">
        <v>2072</v>
      </c>
      <c r="O4138" s="52" t="s">
        <v>2073</v>
      </c>
      <c r="P4138" s="52"/>
      <c r="Q4138" s="52"/>
      <c r="R4138" s="52"/>
      <c r="S4138" s="52"/>
      <c r="T4138" s="52"/>
      <c r="U4138" s="52"/>
      <c r="V4138" s="52"/>
      <c r="W4138" s="52"/>
    </row>
    <row r="4139" spans="1:23" hidden="1" x14ac:dyDescent="0.35">
      <c r="A4139" s="52" t="s">
        <v>78</v>
      </c>
      <c r="B4139" s="52" t="s">
        <v>79</v>
      </c>
      <c r="C4139" s="3">
        <v>20</v>
      </c>
      <c r="D4139" s="52" t="s">
        <v>83</v>
      </c>
      <c r="E4139" s="52" t="s">
        <v>26</v>
      </c>
      <c r="F4139" s="52" t="s">
        <v>81</v>
      </c>
      <c r="G4139" s="52" t="s">
        <v>82</v>
      </c>
      <c r="H4139" s="4">
        <v>1</v>
      </c>
      <c r="I4139" s="2">
        <v>14.65</v>
      </c>
      <c r="J4139" s="52" t="s">
        <v>9712</v>
      </c>
      <c r="K4139" s="71" t="s">
        <v>9713</v>
      </c>
      <c r="L4139" s="52" t="s">
        <v>2063</v>
      </c>
      <c r="M4139" s="72">
        <v>2382</v>
      </c>
      <c r="N4139" s="52" t="s">
        <v>2066</v>
      </c>
      <c r="O4139" s="52" t="s">
        <v>2067</v>
      </c>
      <c r="P4139" s="52"/>
      <c r="Q4139" s="52"/>
      <c r="R4139" s="52"/>
      <c r="S4139" s="52"/>
      <c r="T4139" s="52"/>
      <c r="U4139" s="52"/>
      <c r="V4139" s="52"/>
      <c r="W4139" s="52"/>
    </row>
    <row r="4140" spans="1:23" hidden="1" x14ac:dyDescent="0.35">
      <c r="A4140" s="52" t="s">
        <v>78</v>
      </c>
      <c r="B4140" s="52" t="s">
        <v>79</v>
      </c>
      <c r="C4140" s="3">
        <v>20</v>
      </c>
      <c r="D4140" s="52" t="s">
        <v>87</v>
      </c>
      <c r="E4140" s="52" t="s">
        <v>26</v>
      </c>
      <c r="F4140" s="52" t="s">
        <v>81</v>
      </c>
      <c r="G4140" s="52" t="s">
        <v>82</v>
      </c>
      <c r="H4140" s="4">
        <v>1</v>
      </c>
      <c r="I4140" s="2">
        <v>14.65</v>
      </c>
      <c r="J4140" s="52" t="s">
        <v>9714</v>
      </c>
      <c r="K4140" s="71" t="s">
        <v>9715</v>
      </c>
      <c r="L4140" s="52" t="s">
        <v>2063</v>
      </c>
      <c r="M4140" s="72">
        <v>8322</v>
      </c>
      <c r="N4140" s="52" t="s">
        <v>2072</v>
      </c>
      <c r="O4140" s="52" t="s">
        <v>2073</v>
      </c>
      <c r="P4140" s="52"/>
      <c r="Q4140" s="52"/>
      <c r="R4140" s="52"/>
      <c r="S4140" s="52"/>
      <c r="T4140" s="52"/>
      <c r="U4140" s="52"/>
      <c r="V4140" s="52"/>
      <c r="W4140" s="52"/>
    </row>
    <row r="4141" spans="1:23" hidden="1" x14ac:dyDescent="0.35">
      <c r="A4141" s="52" t="s">
        <v>78</v>
      </c>
      <c r="B4141" s="52" t="s">
        <v>79</v>
      </c>
      <c r="C4141" s="3">
        <v>20</v>
      </c>
      <c r="D4141" s="52" t="s">
        <v>85</v>
      </c>
      <c r="E4141" s="52" t="s">
        <v>26</v>
      </c>
      <c r="F4141" s="52" t="s">
        <v>81</v>
      </c>
      <c r="G4141" s="52" t="s">
        <v>82</v>
      </c>
      <c r="H4141" s="4">
        <v>1</v>
      </c>
      <c r="I4141" s="2">
        <v>14.65</v>
      </c>
      <c r="J4141" s="52" t="s">
        <v>9716</v>
      </c>
      <c r="K4141" s="71" t="s">
        <v>9717</v>
      </c>
      <c r="L4141" s="52" t="s">
        <v>2063</v>
      </c>
      <c r="M4141" s="72">
        <v>1397</v>
      </c>
      <c r="N4141" s="52"/>
      <c r="O4141" s="52"/>
      <c r="P4141" s="52"/>
      <c r="Q4141" s="52"/>
      <c r="R4141" s="52"/>
      <c r="S4141" s="52"/>
      <c r="T4141" s="52"/>
      <c r="U4141" s="52"/>
      <c r="V4141" s="52"/>
      <c r="W4141" s="52"/>
    </row>
    <row r="4142" spans="1:23" hidden="1" x14ac:dyDescent="0.35">
      <c r="A4142" s="52" t="s">
        <v>78</v>
      </c>
      <c r="B4142" s="52" t="s">
        <v>79</v>
      </c>
      <c r="C4142" s="3">
        <v>20</v>
      </c>
      <c r="D4142" s="52" t="s">
        <v>2022</v>
      </c>
      <c r="E4142" s="52" t="s">
        <v>26</v>
      </c>
      <c r="F4142" s="52" t="s">
        <v>81</v>
      </c>
      <c r="G4142" s="52" t="s">
        <v>82</v>
      </c>
      <c r="H4142" s="4">
        <v>1</v>
      </c>
      <c r="I4142" s="2">
        <v>14.65</v>
      </c>
      <c r="J4142" s="52" t="s">
        <v>9718</v>
      </c>
      <c r="K4142" s="71" t="s">
        <v>9719</v>
      </c>
      <c r="L4142" s="52" t="s">
        <v>2063</v>
      </c>
      <c r="M4142" s="72">
        <v>6793</v>
      </c>
      <c r="N4142" s="52" t="s">
        <v>2158</v>
      </c>
      <c r="O4142" s="52" t="s">
        <v>2159</v>
      </c>
      <c r="P4142" s="52"/>
      <c r="Q4142" s="52"/>
      <c r="R4142" s="52"/>
      <c r="S4142" s="52"/>
      <c r="T4142" s="52"/>
      <c r="U4142" s="52"/>
      <c r="V4142" s="52"/>
      <c r="W4142" s="52"/>
    </row>
    <row r="4143" spans="1:23" x14ac:dyDescent="0.35">
      <c r="A4143" s="52" t="s">
        <v>78</v>
      </c>
      <c r="B4143" s="52" t="s">
        <v>79</v>
      </c>
      <c r="C4143" s="3">
        <v>20</v>
      </c>
      <c r="D4143" s="52" t="s">
        <v>84</v>
      </c>
      <c r="E4143" s="52" t="s">
        <v>26</v>
      </c>
      <c r="F4143" s="52" t="s">
        <v>81</v>
      </c>
      <c r="G4143" s="52" t="s">
        <v>82</v>
      </c>
      <c r="H4143" s="4">
        <v>1</v>
      </c>
      <c r="I4143" s="2">
        <v>14.65</v>
      </c>
      <c r="J4143" s="52" t="s">
        <v>9596</v>
      </c>
      <c r="K4143" s="71" t="s">
        <v>9720</v>
      </c>
      <c r="L4143" s="52" t="s">
        <v>2063</v>
      </c>
      <c r="M4143" s="72">
        <v>5330</v>
      </c>
      <c r="N4143" s="52" t="s">
        <v>2259</v>
      </c>
      <c r="O4143" s="52" t="s">
        <v>2260</v>
      </c>
      <c r="P4143" s="52"/>
      <c r="Q4143" s="52"/>
      <c r="R4143" s="52"/>
      <c r="S4143" s="52"/>
      <c r="T4143" s="52"/>
      <c r="U4143" s="52"/>
      <c r="V4143" s="52"/>
      <c r="W4143" s="52"/>
    </row>
    <row r="4144" spans="1:23" hidden="1" x14ac:dyDescent="0.35">
      <c r="A4144" s="52" t="s">
        <v>78</v>
      </c>
      <c r="B4144" s="52" t="s">
        <v>79</v>
      </c>
      <c r="C4144" s="3">
        <v>211</v>
      </c>
      <c r="D4144" s="52" t="s">
        <v>2022</v>
      </c>
      <c r="E4144" s="52" t="s">
        <v>26</v>
      </c>
      <c r="F4144" s="52" t="s">
        <v>81</v>
      </c>
      <c r="G4144" s="52" t="s">
        <v>82</v>
      </c>
      <c r="H4144" s="4">
        <v>1</v>
      </c>
      <c r="I4144" s="2">
        <v>14.65</v>
      </c>
      <c r="J4144" s="52" t="s">
        <v>9721</v>
      </c>
      <c r="K4144" s="71" t="s">
        <v>9722</v>
      </c>
      <c r="L4144" s="52" t="s">
        <v>2063</v>
      </c>
      <c r="M4144" s="72">
        <v>9432</v>
      </c>
      <c r="N4144" s="52" t="s">
        <v>2158</v>
      </c>
      <c r="O4144" s="52" t="s">
        <v>2159</v>
      </c>
      <c r="P4144" s="52"/>
      <c r="Q4144" s="52"/>
      <c r="R4144" s="52"/>
      <c r="S4144" s="52"/>
      <c r="T4144" s="52"/>
      <c r="U4144" s="52"/>
      <c r="V4144" s="52"/>
      <c r="W4144" s="52"/>
    </row>
    <row r="4145" spans="1:23" hidden="1" x14ac:dyDescent="0.35">
      <c r="A4145" s="52" t="s">
        <v>78</v>
      </c>
      <c r="B4145" s="52" t="s">
        <v>79</v>
      </c>
      <c r="C4145" s="3">
        <v>10</v>
      </c>
      <c r="D4145" s="52" t="s">
        <v>2023</v>
      </c>
      <c r="E4145" s="52" t="s">
        <v>26</v>
      </c>
      <c r="F4145" s="52" t="s">
        <v>81</v>
      </c>
      <c r="G4145" s="52" t="s">
        <v>82</v>
      </c>
      <c r="H4145" s="4">
        <v>1</v>
      </c>
      <c r="I4145" s="2">
        <v>14.65</v>
      </c>
      <c r="J4145" s="52" t="s">
        <v>8314</v>
      </c>
      <c r="K4145" s="71" t="s">
        <v>9723</v>
      </c>
      <c r="L4145" s="52" t="s">
        <v>2063</v>
      </c>
      <c r="M4145" s="72">
        <v>282</v>
      </c>
      <c r="N4145" s="52" t="s">
        <v>2066</v>
      </c>
      <c r="O4145" s="52" t="s">
        <v>2067</v>
      </c>
      <c r="P4145" s="52"/>
      <c r="Q4145" s="52"/>
      <c r="R4145" s="52"/>
      <c r="S4145" s="52"/>
      <c r="T4145" s="52"/>
      <c r="U4145" s="52"/>
      <c r="V4145" s="52"/>
      <c r="W4145" s="52"/>
    </row>
    <row r="4146" spans="1:23" hidden="1" x14ac:dyDescent="0.35">
      <c r="A4146" s="52" t="s">
        <v>78</v>
      </c>
      <c r="B4146" s="52" t="s">
        <v>79</v>
      </c>
      <c r="C4146" s="3">
        <v>20</v>
      </c>
      <c r="D4146" s="52" t="s">
        <v>2022</v>
      </c>
      <c r="E4146" s="52" t="s">
        <v>26</v>
      </c>
      <c r="F4146" s="52" t="s">
        <v>81</v>
      </c>
      <c r="G4146" s="52" t="s">
        <v>82</v>
      </c>
      <c r="H4146" s="4">
        <v>1</v>
      </c>
      <c r="I4146" s="2">
        <v>14.65</v>
      </c>
      <c r="J4146" s="52" t="s">
        <v>9340</v>
      </c>
      <c r="K4146" s="71" t="s">
        <v>9724</v>
      </c>
      <c r="L4146" s="52" t="s">
        <v>2063</v>
      </c>
      <c r="M4146" s="72">
        <v>8489</v>
      </c>
      <c r="N4146" s="52"/>
      <c r="O4146" s="52"/>
      <c r="P4146" s="52"/>
      <c r="Q4146" s="52"/>
      <c r="R4146" s="52"/>
      <c r="S4146" s="52"/>
      <c r="T4146" s="52"/>
      <c r="U4146" s="52"/>
      <c r="V4146" s="52"/>
      <c r="W4146" s="52"/>
    </row>
    <row r="4147" spans="1:23" hidden="1" x14ac:dyDescent="0.35">
      <c r="A4147" s="52" t="s">
        <v>78</v>
      </c>
      <c r="B4147" s="52" t="s">
        <v>79</v>
      </c>
      <c r="C4147" s="3">
        <v>10</v>
      </c>
      <c r="D4147" s="52" t="s">
        <v>2024</v>
      </c>
      <c r="E4147" s="52" t="s">
        <v>26</v>
      </c>
      <c r="F4147" s="52" t="s">
        <v>81</v>
      </c>
      <c r="G4147" s="52" t="s">
        <v>82</v>
      </c>
      <c r="H4147" s="4">
        <v>1</v>
      </c>
      <c r="I4147" s="2">
        <v>14.65</v>
      </c>
      <c r="J4147" s="52" t="s">
        <v>9725</v>
      </c>
      <c r="K4147" s="71" t="s">
        <v>9726</v>
      </c>
      <c r="L4147" s="52" t="s">
        <v>2063</v>
      </c>
      <c r="M4147" s="72">
        <v>7855</v>
      </c>
      <c r="N4147" s="52" t="s">
        <v>2072</v>
      </c>
      <c r="O4147" s="52" t="s">
        <v>2073</v>
      </c>
      <c r="P4147" s="52"/>
      <c r="Q4147" s="52"/>
      <c r="R4147" s="52"/>
      <c r="S4147" s="52"/>
      <c r="T4147" s="52"/>
      <c r="U4147" s="52"/>
      <c r="V4147" s="52"/>
      <c r="W4147" s="52"/>
    </row>
    <row r="4148" spans="1:23" hidden="1" x14ac:dyDescent="0.35">
      <c r="A4148" s="52" t="s">
        <v>78</v>
      </c>
      <c r="B4148" s="52" t="s">
        <v>79</v>
      </c>
      <c r="C4148" s="3">
        <v>20</v>
      </c>
      <c r="D4148" s="52" t="s">
        <v>2019</v>
      </c>
      <c r="E4148" s="52" t="s">
        <v>26</v>
      </c>
      <c r="F4148" s="52" t="s">
        <v>81</v>
      </c>
      <c r="G4148" s="52" t="s">
        <v>82</v>
      </c>
      <c r="H4148" s="4">
        <v>1</v>
      </c>
      <c r="I4148" s="2">
        <v>14.65</v>
      </c>
      <c r="J4148" s="52" t="s">
        <v>9727</v>
      </c>
      <c r="K4148" s="71" t="s">
        <v>9728</v>
      </c>
      <c r="L4148" s="52" t="s">
        <v>2063</v>
      </c>
      <c r="M4148" s="72">
        <v>1312</v>
      </c>
      <c r="N4148" s="52"/>
      <c r="O4148" s="52"/>
      <c r="P4148" s="52"/>
      <c r="Q4148" s="52"/>
      <c r="R4148" s="52"/>
      <c r="S4148" s="52"/>
      <c r="T4148" s="52"/>
      <c r="U4148" s="52"/>
      <c r="V4148" s="52"/>
      <c r="W4148" s="52"/>
    </row>
    <row r="4149" spans="1:23" hidden="1" x14ac:dyDescent="0.35">
      <c r="A4149" s="52" t="s">
        <v>78</v>
      </c>
      <c r="B4149" s="52" t="s">
        <v>79</v>
      </c>
      <c r="C4149" s="3">
        <v>20</v>
      </c>
      <c r="D4149" s="52" t="s">
        <v>2021</v>
      </c>
      <c r="E4149" s="52" t="s">
        <v>26</v>
      </c>
      <c r="F4149" s="52" t="s">
        <v>81</v>
      </c>
      <c r="G4149" s="52" t="s">
        <v>82</v>
      </c>
      <c r="H4149" s="4">
        <v>1</v>
      </c>
      <c r="I4149" s="2">
        <v>14.65</v>
      </c>
      <c r="J4149" s="52" t="s">
        <v>9729</v>
      </c>
      <c r="K4149" s="71" t="s">
        <v>9730</v>
      </c>
      <c r="L4149" s="52" t="s">
        <v>2063</v>
      </c>
      <c r="M4149" s="72">
        <v>1465</v>
      </c>
      <c r="N4149" s="52"/>
      <c r="O4149" s="52"/>
      <c r="P4149" s="52"/>
      <c r="Q4149" s="52"/>
      <c r="R4149" s="52"/>
      <c r="S4149" s="52"/>
      <c r="T4149" s="52"/>
      <c r="U4149" s="52"/>
      <c r="V4149" s="52"/>
      <c r="W4149" s="52"/>
    </row>
    <row r="4150" spans="1:23" hidden="1" x14ac:dyDescent="0.35">
      <c r="A4150" s="52" t="s">
        <v>78</v>
      </c>
      <c r="B4150" s="52" t="s">
        <v>79</v>
      </c>
      <c r="C4150" s="3">
        <v>10</v>
      </c>
      <c r="D4150" s="52" t="s">
        <v>85</v>
      </c>
      <c r="E4150" s="52" t="s">
        <v>26</v>
      </c>
      <c r="F4150" s="52" t="s">
        <v>81</v>
      </c>
      <c r="G4150" s="52" t="s">
        <v>82</v>
      </c>
      <c r="H4150" s="4">
        <v>1</v>
      </c>
      <c r="I4150" s="2">
        <v>14.65</v>
      </c>
      <c r="J4150" s="52" t="s">
        <v>8966</v>
      </c>
      <c r="K4150" s="71" t="s">
        <v>9731</v>
      </c>
      <c r="L4150" s="52" t="s">
        <v>2063</v>
      </c>
      <c r="M4150" s="72">
        <v>5313</v>
      </c>
      <c r="N4150" s="52"/>
      <c r="O4150" s="52"/>
      <c r="P4150" s="52"/>
      <c r="Q4150" s="52"/>
      <c r="R4150" s="52"/>
      <c r="S4150" s="52"/>
      <c r="T4150" s="52"/>
      <c r="U4150" s="52"/>
      <c r="V4150" s="52"/>
      <c r="W4150" s="52"/>
    </row>
    <row r="4151" spans="1:23" hidden="1" x14ac:dyDescent="0.35">
      <c r="A4151" s="52" t="s">
        <v>78</v>
      </c>
      <c r="B4151" s="52" t="s">
        <v>79</v>
      </c>
      <c r="C4151" s="3">
        <v>20</v>
      </c>
      <c r="D4151" s="52" t="s">
        <v>2020</v>
      </c>
      <c r="E4151" s="52" t="s">
        <v>26</v>
      </c>
      <c r="F4151" s="52" t="s">
        <v>81</v>
      </c>
      <c r="G4151" s="52" t="s">
        <v>82</v>
      </c>
      <c r="H4151" s="4">
        <v>1</v>
      </c>
      <c r="I4151" s="2">
        <v>14.65</v>
      </c>
      <c r="J4151" s="52" t="s">
        <v>9732</v>
      </c>
      <c r="K4151" s="71" t="s">
        <v>9733</v>
      </c>
      <c r="L4151" s="52" t="s">
        <v>2063</v>
      </c>
      <c r="M4151" s="72">
        <v>2705</v>
      </c>
      <c r="N4151" s="52"/>
      <c r="O4151" s="52"/>
      <c r="P4151" s="52"/>
      <c r="Q4151" s="52"/>
      <c r="R4151" s="52"/>
      <c r="S4151" s="52"/>
      <c r="T4151" s="52"/>
      <c r="U4151" s="52"/>
      <c r="V4151" s="52"/>
      <c r="W4151" s="52"/>
    </row>
    <row r="4152" spans="1:23" hidden="1" x14ac:dyDescent="0.35">
      <c r="A4152" s="52" t="s">
        <v>78</v>
      </c>
      <c r="B4152" s="52" t="s">
        <v>79</v>
      </c>
      <c r="C4152" s="3">
        <v>20</v>
      </c>
      <c r="D4152" s="52" t="s">
        <v>2019</v>
      </c>
      <c r="E4152" s="52" t="s">
        <v>26</v>
      </c>
      <c r="F4152" s="52" t="s">
        <v>81</v>
      </c>
      <c r="G4152" s="52" t="s">
        <v>82</v>
      </c>
      <c r="H4152" s="4">
        <v>1</v>
      </c>
      <c r="I4152" s="2">
        <v>14.65</v>
      </c>
      <c r="J4152" s="52" t="s">
        <v>9734</v>
      </c>
      <c r="K4152" s="71" t="s">
        <v>9735</v>
      </c>
      <c r="L4152" s="52" t="s">
        <v>2063</v>
      </c>
      <c r="M4152" s="72">
        <v>8122</v>
      </c>
      <c r="N4152" s="52"/>
      <c r="O4152" s="52"/>
      <c r="P4152" s="52"/>
      <c r="Q4152" s="52"/>
      <c r="R4152" s="52"/>
      <c r="S4152" s="52"/>
      <c r="T4152" s="52"/>
      <c r="U4152" s="52"/>
      <c r="V4152" s="52"/>
      <c r="W4152" s="52"/>
    </row>
    <row r="4153" spans="1:23" hidden="1" x14ac:dyDescent="0.35">
      <c r="A4153" s="52" t="s">
        <v>78</v>
      </c>
      <c r="B4153" s="52" t="s">
        <v>79</v>
      </c>
      <c r="C4153" s="3">
        <v>20</v>
      </c>
      <c r="D4153" s="52" t="s">
        <v>84</v>
      </c>
      <c r="E4153" s="52" t="s">
        <v>26</v>
      </c>
      <c r="F4153" s="52" t="s">
        <v>81</v>
      </c>
      <c r="G4153" s="52" t="s">
        <v>82</v>
      </c>
      <c r="H4153" s="4">
        <v>1</v>
      </c>
      <c r="I4153" s="2">
        <v>14.65</v>
      </c>
      <c r="J4153" s="52" t="s">
        <v>9736</v>
      </c>
      <c r="K4153" s="71" t="s">
        <v>9737</v>
      </c>
      <c r="L4153" s="52" t="s">
        <v>2063</v>
      </c>
      <c r="M4153" s="72">
        <v>4817</v>
      </c>
      <c r="N4153" s="52" t="s">
        <v>2158</v>
      </c>
      <c r="O4153" s="52" t="s">
        <v>2159</v>
      </c>
      <c r="P4153" s="52"/>
      <c r="Q4153" s="52"/>
      <c r="R4153" s="52"/>
      <c r="S4153" s="52"/>
      <c r="T4153" s="52"/>
      <c r="U4153" s="52"/>
      <c r="V4153" s="52"/>
      <c r="W4153" s="52"/>
    </row>
    <row r="4154" spans="1:23" x14ac:dyDescent="0.35">
      <c r="A4154" s="52" t="s">
        <v>78</v>
      </c>
      <c r="B4154" s="52" t="s">
        <v>79</v>
      </c>
      <c r="C4154" s="3">
        <v>10</v>
      </c>
      <c r="D4154" s="52" t="s">
        <v>83</v>
      </c>
      <c r="E4154" s="52" t="s">
        <v>26</v>
      </c>
      <c r="F4154" s="52" t="s">
        <v>81</v>
      </c>
      <c r="G4154" s="52" t="s">
        <v>82</v>
      </c>
      <c r="H4154" s="4">
        <v>1</v>
      </c>
      <c r="I4154" s="2">
        <v>14.65</v>
      </c>
      <c r="J4154" s="52" t="s">
        <v>9666</v>
      </c>
      <c r="K4154" s="71" t="s">
        <v>9738</v>
      </c>
      <c r="L4154" s="52" t="s">
        <v>2063</v>
      </c>
      <c r="M4154" s="72">
        <v>4141</v>
      </c>
      <c r="N4154" s="52" t="s">
        <v>2259</v>
      </c>
      <c r="O4154" s="52" t="s">
        <v>2260</v>
      </c>
      <c r="P4154" s="52"/>
      <c r="Q4154" s="52"/>
      <c r="R4154" s="52"/>
      <c r="S4154" s="52"/>
      <c r="T4154" s="52"/>
      <c r="U4154" s="52"/>
      <c r="V4154" s="52"/>
      <c r="W4154" s="52"/>
    </row>
    <row r="4155" spans="1:23" hidden="1" x14ac:dyDescent="0.35">
      <c r="A4155" s="52" t="s">
        <v>78</v>
      </c>
      <c r="B4155" s="52" t="s">
        <v>79</v>
      </c>
      <c r="C4155" s="3">
        <v>20</v>
      </c>
      <c r="D4155" s="52" t="s">
        <v>84</v>
      </c>
      <c r="E4155" s="52" t="s">
        <v>26</v>
      </c>
      <c r="F4155" s="52" t="s">
        <v>81</v>
      </c>
      <c r="G4155" s="52" t="s">
        <v>82</v>
      </c>
      <c r="H4155" s="4">
        <v>1</v>
      </c>
      <c r="I4155" s="2">
        <v>14.65</v>
      </c>
      <c r="J4155" s="52" t="s">
        <v>9739</v>
      </c>
      <c r="K4155" s="71" t="s">
        <v>9740</v>
      </c>
      <c r="L4155" s="52" t="s">
        <v>2063</v>
      </c>
      <c r="M4155" s="72">
        <v>5722</v>
      </c>
      <c r="N4155" s="52" t="s">
        <v>2066</v>
      </c>
      <c r="O4155" s="52" t="s">
        <v>2067</v>
      </c>
      <c r="P4155" s="52" t="s">
        <v>2066</v>
      </c>
      <c r="Q4155" s="52" t="s">
        <v>2067</v>
      </c>
      <c r="R4155" s="52"/>
      <c r="S4155" s="52"/>
      <c r="T4155" s="52"/>
      <c r="U4155" s="52"/>
      <c r="V4155" s="52"/>
      <c r="W4155" s="52"/>
    </row>
    <row r="4156" spans="1:23" hidden="1" x14ac:dyDescent="0.35">
      <c r="A4156" s="52" t="s">
        <v>78</v>
      </c>
      <c r="B4156" s="52" t="s">
        <v>79</v>
      </c>
      <c r="C4156" s="3">
        <v>20</v>
      </c>
      <c r="D4156" s="52" t="s">
        <v>80</v>
      </c>
      <c r="E4156" s="52" t="s">
        <v>26</v>
      </c>
      <c r="F4156" s="52" t="s">
        <v>81</v>
      </c>
      <c r="G4156" s="52" t="s">
        <v>82</v>
      </c>
      <c r="H4156" s="4">
        <v>1</v>
      </c>
      <c r="I4156" s="2">
        <v>14.65</v>
      </c>
      <c r="J4156" s="52" t="s">
        <v>8562</v>
      </c>
      <c r="K4156" s="71" t="s">
        <v>9741</v>
      </c>
      <c r="L4156" s="52" t="s">
        <v>2063</v>
      </c>
      <c r="M4156" s="72">
        <v>3094</v>
      </c>
      <c r="N4156" s="52"/>
      <c r="O4156" s="52"/>
      <c r="P4156" s="52"/>
      <c r="Q4156" s="52"/>
      <c r="R4156" s="52"/>
      <c r="S4156" s="52"/>
      <c r="T4156" s="52"/>
      <c r="U4156" s="52"/>
      <c r="V4156" s="52"/>
      <c r="W4156" s="52"/>
    </row>
    <row r="4157" spans="1:23" hidden="1" x14ac:dyDescent="0.35">
      <c r="A4157" s="52" t="s">
        <v>78</v>
      </c>
      <c r="B4157" s="52" t="s">
        <v>79</v>
      </c>
      <c r="C4157" s="3">
        <v>20</v>
      </c>
      <c r="D4157" s="52" t="s">
        <v>2021</v>
      </c>
      <c r="E4157" s="52" t="s">
        <v>26</v>
      </c>
      <c r="F4157" s="52" t="s">
        <v>81</v>
      </c>
      <c r="G4157" s="52" t="s">
        <v>82</v>
      </c>
      <c r="H4157" s="4">
        <v>1</v>
      </c>
      <c r="I4157" s="2">
        <v>14.65</v>
      </c>
      <c r="J4157" s="52" t="s">
        <v>8711</v>
      </c>
      <c r="K4157" s="71" t="s">
        <v>9742</v>
      </c>
      <c r="L4157" s="52" t="s">
        <v>2063</v>
      </c>
      <c r="M4157" s="72">
        <v>5769</v>
      </c>
      <c r="N4157" s="52" t="s">
        <v>2072</v>
      </c>
      <c r="O4157" s="52" t="s">
        <v>2073</v>
      </c>
      <c r="P4157" s="52"/>
      <c r="Q4157" s="52"/>
      <c r="R4157" s="52"/>
      <c r="S4157" s="52"/>
      <c r="T4157" s="52"/>
      <c r="U4157" s="52"/>
      <c r="V4157" s="52"/>
      <c r="W4157" s="52"/>
    </row>
    <row r="4158" spans="1:23" hidden="1" x14ac:dyDescent="0.35">
      <c r="A4158" s="52" t="s">
        <v>78</v>
      </c>
      <c r="B4158" s="52" t="s">
        <v>79</v>
      </c>
      <c r="C4158" s="3">
        <v>20</v>
      </c>
      <c r="D4158" s="52" t="s">
        <v>2022</v>
      </c>
      <c r="E4158" s="52" t="s">
        <v>26</v>
      </c>
      <c r="F4158" s="52" t="s">
        <v>81</v>
      </c>
      <c r="G4158" s="52" t="s">
        <v>82</v>
      </c>
      <c r="H4158" s="4">
        <v>1</v>
      </c>
      <c r="I4158" s="2">
        <v>14.65</v>
      </c>
      <c r="J4158" s="52" t="s">
        <v>9144</v>
      </c>
      <c r="K4158" s="71" t="s">
        <v>9743</v>
      </c>
      <c r="L4158" s="52" t="s">
        <v>2063</v>
      </c>
      <c r="M4158" s="72">
        <v>6862</v>
      </c>
      <c r="N4158" s="52"/>
      <c r="O4158" s="52"/>
      <c r="P4158" s="52"/>
      <c r="Q4158" s="52"/>
      <c r="R4158" s="52"/>
      <c r="S4158" s="52"/>
      <c r="T4158" s="52"/>
      <c r="U4158" s="52"/>
      <c r="V4158" s="52"/>
      <c r="W4158" s="52"/>
    </row>
    <row r="4159" spans="1:23" hidden="1" x14ac:dyDescent="0.35">
      <c r="A4159" s="52" t="s">
        <v>78</v>
      </c>
      <c r="B4159" s="52" t="s">
        <v>79</v>
      </c>
      <c r="C4159" s="3">
        <v>10</v>
      </c>
      <c r="D4159" s="52" t="s">
        <v>2023</v>
      </c>
      <c r="E4159" s="52" t="s">
        <v>26</v>
      </c>
      <c r="F4159" s="52" t="s">
        <v>81</v>
      </c>
      <c r="G4159" s="52" t="s">
        <v>82</v>
      </c>
      <c r="H4159" s="4">
        <v>1</v>
      </c>
      <c r="I4159" s="2">
        <v>14.65</v>
      </c>
      <c r="J4159" s="52" t="s">
        <v>8993</v>
      </c>
      <c r="K4159" s="71" t="s">
        <v>9744</v>
      </c>
      <c r="L4159" s="52" t="s">
        <v>2063</v>
      </c>
      <c r="M4159" s="72">
        <v>2863</v>
      </c>
      <c r="N4159" s="52" t="s">
        <v>2066</v>
      </c>
      <c r="O4159" s="52" t="s">
        <v>2067</v>
      </c>
      <c r="P4159" s="52"/>
      <c r="Q4159" s="52"/>
      <c r="R4159" s="52"/>
      <c r="S4159" s="52"/>
      <c r="T4159" s="52"/>
      <c r="U4159" s="52"/>
      <c r="V4159" s="52"/>
      <c r="W4159" s="52"/>
    </row>
    <row r="4160" spans="1:23" hidden="1" x14ac:dyDescent="0.35">
      <c r="A4160" s="52" t="s">
        <v>78</v>
      </c>
      <c r="B4160" s="52" t="s">
        <v>79</v>
      </c>
      <c r="C4160" s="3">
        <v>10</v>
      </c>
      <c r="D4160" s="52" t="s">
        <v>83</v>
      </c>
      <c r="E4160" s="52" t="s">
        <v>26</v>
      </c>
      <c r="F4160" s="52" t="s">
        <v>81</v>
      </c>
      <c r="G4160" s="52" t="s">
        <v>82</v>
      </c>
      <c r="H4160" s="4">
        <v>1</v>
      </c>
      <c r="I4160" s="2">
        <v>14.65</v>
      </c>
      <c r="J4160" s="52" t="s">
        <v>9745</v>
      </c>
      <c r="K4160" s="71" t="s">
        <v>9746</v>
      </c>
      <c r="L4160" s="52" t="s">
        <v>2063</v>
      </c>
      <c r="M4160" s="72">
        <v>6242</v>
      </c>
      <c r="N4160" s="52" t="s">
        <v>2072</v>
      </c>
      <c r="O4160" s="52" t="s">
        <v>2073</v>
      </c>
      <c r="P4160" s="52"/>
      <c r="Q4160" s="52"/>
      <c r="R4160" s="52"/>
      <c r="S4160" s="52"/>
      <c r="T4160" s="52"/>
      <c r="U4160" s="52"/>
      <c r="V4160" s="52"/>
      <c r="W4160" s="52"/>
    </row>
    <row r="4161" spans="1:23" hidden="1" x14ac:dyDescent="0.35">
      <c r="A4161" s="52" t="s">
        <v>78</v>
      </c>
      <c r="B4161" s="52" t="s">
        <v>79</v>
      </c>
      <c r="C4161" s="3">
        <v>20</v>
      </c>
      <c r="D4161" s="52" t="s">
        <v>2019</v>
      </c>
      <c r="E4161" s="52" t="s">
        <v>26</v>
      </c>
      <c r="F4161" s="52" t="s">
        <v>81</v>
      </c>
      <c r="G4161" s="52" t="s">
        <v>82</v>
      </c>
      <c r="H4161" s="4">
        <v>1</v>
      </c>
      <c r="I4161" s="2">
        <v>14.65</v>
      </c>
      <c r="J4161" s="52" t="s">
        <v>8545</v>
      </c>
      <c r="K4161" s="71" t="s">
        <v>9747</v>
      </c>
      <c r="L4161" s="52" t="s">
        <v>2063</v>
      </c>
      <c r="M4161" s="72">
        <v>4878</v>
      </c>
      <c r="N4161" s="52" t="s">
        <v>2072</v>
      </c>
      <c r="O4161" s="52" t="s">
        <v>2073</v>
      </c>
      <c r="P4161" s="52"/>
      <c r="Q4161" s="52"/>
      <c r="R4161" s="52"/>
      <c r="S4161" s="52"/>
      <c r="T4161" s="52"/>
      <c r="U4161" s="52"/>
      <c r="V4161" s="52"/>
      <c r="W4161" s="52"/>
    </row>
    <row r="4162" spans="1:23" hidden="1" x14ac:dyDescent="0.35">
      <c r="A4162" s="52" t="s">
        <v>78</v>
      </c>
      <c r="B4162" s="52" t="s">
        <v>79</v>
      </c>
      <c r="C4162" s="3">
        <v>20</v>
      </c>
      <c r="D4162" s="52" t="s">
        <v>84</v>
      </c>
      <c r="E4162" s="52" t="s">
        <v>26</v>
      </c>
      <c r="F4162" s="52" t="s">
        <v>81</v>
      </c>
      <c r="G4162" s="52" t="s">
        <v>82</v>
      </c>
      <c r="H4162" s="4">
        <v>1</v>
      </c>
      <c r="I4162" s="2">
        <v>14.65</v>
      </c>
      <c r="J4162" s="52" t="s">
        <v>9336</v>
      </c>
      <c r="K4162" s="71" t="s">
        <v>9748</v>
      </c>
      <c r="L4162" s="52" t="s">
        <v>2063</v>
      </c>
      <c r="M4162" s="72">
        <v>4116</v>
      </c>
      <c r="N4162" s="52" t="s">
        <v>2072</v>
      </c>
      <c r="O4162" s="52" t="s">
        <v>2073</v>
      </c>
      <c r="P4162" s="52"/>
      <c r="Q4162" s="52"/>
      <c r="R4162" s="52"/>
      <c r="S4162" s="52"/>
      <c r="T4162" s="52"/>
      <c r="U4162" s="52"/>
      <c r="V4162" s="52"/>
      <c r="W4162" s="52"/>
    </row>
    <row r="4163" spans="1:23" x14ac:dyDescent="0.35">
      <c r="A4163" s="52" t="s">
        <v>78</v>
      </c>
      <c r="B4163" s="52" t="s">
        <v>79</v>
      </c>
      <c r="C4163" s="3">
        <v>20</v>
      </c>
      <c r="D4163" s="52" t="s">
        <v>85</v>
      </c>
      <c r="E4163" s="52" t="s">
        <v>26</v>
      </c>
      <c r="F4163" s="52" t="s">
        <v>81</v>
      </c>
      <c r="G4163" s="52" t="s">
        <v>82</v>
      </c>
      <c r="H4163" s="4">
        <v>1</v>
      </c>
      <c r="I4163" s="2">
        <v>14.65</v>
      </c>
      <c r="J4163" s="52" t="s">
        <v>7363</v>
      </c>
      <c r="K4163" s="71" t="s">
        <v>9749</v>
      </c>
      <c r="L4163" s="52" t="s">
        <v>2063</v>
      </c>
      <c r="M4163" s="72">
        <v>9626</v>
      </c>
      <c r="N4163" s="52" t="s">
        <v>2259</v>
      </c>
      <c r="O4163" s="52" t="s">
        <v>2260</v>
      </c>
      <c r="P4163" s="52"/>
      <c r="Q4163" s="52"/>
      <c r="R4163" s="52"/>
      <c r="S4163" s="52"/>
      <c r="T4163" s="52"/>
      <c r="U4163" s="52"/>
      <c r="V4163" s="52"/>
      <c r="W4163" s="52"/>
    </row>
    <row r="4164" spans="1:23" hidden="1" x14ac:dyDescent="0.35">
      <c r="A4164" s="52" t="s">
        <v>78</v>
      </c>
      <c r="B4164" s="52" t="s">
        <v>79</v>
      </c>
      <c r="C4164" s="3">
        <v>20</v>
      </c>
      <c r="D4164" s="52" t="s">
        <v>85</v>
      </c>
      <c r="E4164" s="52" t="s">
        <v>26</v>
      </c>
      <c r="F4164" s="52" t="s">
        <v>81</v>
      </c>
      <c r="G4164" s="52" t="s">
        <v>82</v>
      </c>
      <c r="H4164" s="4">
        <v>1</v>
      </c>
      <c r="I4164" s="2">
        <v>14.65</v>
      </c>
      <c r="J4164" s="52" t="s">
        <v>9750</v>
      </c>
      <c r="K4164" s="71" t="s">
        <v>9751</v>
      </c>
      <c r="L4164" s="52" t="s">
        <v>2063</v>
      </c>
      <c r="M4164" s="72">
        <v>3713</v>
      </c>
      <c r="N4164" s="52" t="s">
        <v>2072</v>
      </c>
      <c r="O4164" s="52" t="s">
        <v>2073</v>
      </c>
      <c r="P4164" s="52"/>
      <c r="Q4164" s="52"/>
      <c r="R4164" s="52"/>
      <c r="S4164" s="52"/>
      <c r="T4164" s="52"/>
      <c r="U4164" s="52"/>
      <c r="V4164" s="52"/>
      <c r="W4164" s="52"/>
    </row>
    <row r="4165" spans="1:23" x14ac:dyDescent="0.35">
      <c r="A4165" s="52" t="s">
        <v>78</v>
      </c>
      <c r="B4165" s="52" t="s">
        <v>79</v>
      </c>
      <c r="C4165" s="3">
        <v>10</v>
      </c>
      <c r="D4165" s="52" t="s">
        <v>2019</v>
      </c>
      <c r="E4165" s="52" t="s">
        <v>26</v>
      </c>
      <c r="F4165" s="52" t="s">
        <v>81</v>
      </c>
      <c r="G4165" s="52" t="s">
        <v>82</v>
      </c>
      <c r="H4165" s="4">
        <v>1</v>
      </c>
      <c r="I4165" s="2">
        <v>14.65</v>
      </c>
      <c r="J4165" s="52" t="s">
        <v>9752</v>
      </c>
      <c r="K4165" s="71" t="s">
        <v>9753</v>
      </c>
      <c r="L4165" s="52" t="s">
        <v>2063</v>
      </c>
      <c r="M4165" s="72">
        <v>330</v>
      </c>
      <c r="N4165" s="52" t="s">
        <v>2076</v>
      </c>
      <c r="O4165" s="52" t="s">
        <v>2077</v>
      </c>
      <c r="P4165" s="52"/>
      <c r="Q4165" s="52"/>
      <c r="R4165" s="52"/>
      <c r="S4165" s="52"/>
      <c r="T4165" s="52"/>
      <c r="U4165" s="52"/>
      <c r="V4165" s="52"/>
      <c r="W4165" s="52"/>
    </row>
    <row r="4166" spans="1:23" hidden="1" x14ac:dyDescent="0.35">
      <c r="A4166" s="52" t="s">
        <v>78</v>
      </c>
      <c r="B4166" s="52" t="s">
        <v>79</v>
      </c>
      <c r="C4166" s="3">
        <v>10</v>
      </c>
      <c r="D4166" s="52" t="s">
        <v>2021</v>
      </c>
      <c r="E4166" s="52" t="s">
        <v>26</v>
      </c>
      <c r="F4166" s="52" t="s">
        <v>81</v>
      </c>
      <c r="G4166" s="52" t="s">
        <v>82</v>
      </c>
      <c r="H4166" s="4">
        <v>1</v>
      </c>
      <c r="I4166" s="2">
        <v>14.65</v>
      </c>
      <c r="J4166" s="52" t="s">
        <v>9754</v>
      </c>
      <c r="K4166" s="71" t="s">
        <v>9755</v>
      </c>
      <c r="L4166" s="52" t="s">
        <v>2063</v>
      </c>
      <c r="M4166" s="72">
        <v>2420</v>
      </c>
      <c r="N4166" s="52" t="s">
        <v>2072</v>
      </c>
      <c r="O4166" s="52" t="s">
        <v>2073</v>
      </c>
      <c r="P4166" s="52" t="s">
        <v>2072</v>
      </c>
      <c r="Q4166" s="52" t="s">
        <v>2073</v>
      </c>
      <c r="R4166" s="52"/>
      <c r="S4166" s="52"/>
      <c r="T4166" s="52"/>
      <c r="U4166" s="52"/>
      <c r="V4166" s="52"/>
      <c r="W4166" s="52"/>
    </row>
    <row r="4167" spans="1:23" hidden="1" x14ac:dyDescent="0.35">
      <c r="A4167" s="52" t="s">
        <v>78</v>
      </c>
      <c r="B4167" s="52" t="s">
        <v>79</v>
      </c>
      <c r="C4167" s="3">
        <v>20</v>
      </c>
      <c r="D4167" s="52" t="s">
        <v>83</v>
      </c>
      <c r="E4167" s="52" t="s">
        <v>26</v>
      </c>
      <c r="F4167" s="52" t="s">
        <v>81</v>
      </c>
      <c r="G4167" s="52" t="s">
        <v>82</v>
      </c>
      <c r="H4167" s="4">
        <v>1</v>
      </c>
      <c r="I4167" s="2">
        <v>14.65</v>
      </c>
      <c r="J4167" s="52" t="s">
        <v>9273</v>
      </c>
      <c r="K4167" s="71" t="s">
        <v>9756</v>
      </c>
      <c r="L4167" s="52" t="s">
        <v>2063</v>
      </c>
      <c r="M4167" s="72">
        <v>2047</v>
      </c>
      <c r="N4167" s="52"/>
      <c r="O4167" s="52"/>
      <c r="P4167" s="52"/>
      <c r="Q4167" s="52"/>
      <c r="R4167" s="52"/>
      <c r="S4167" s="52"/>
      <c r="T4167" s="52"/>
      <c r="U4167" s="52"/>
      <c r="V4167" s="52"/>
      <c r="W4167" s="52"/>
    </row>
    <row r="4168" spans="1:23" hidden="1" x14ac:dyDescent="0.35">
      <c r="A4168" s="52" t="s">
        <v>78</v>
      </c>
      <c r="B4168" s="52" t="s">
        <v>79</v>
      </c>
      <c r="C4168" s="3">
        <v>20</v>
      </c>
      <c r="D4168" s="52" t="s">
        <v>87</v>
      </c>
      <c r="E4168" s="52" t="s">
        <v>26</v>
      </c>
      <c r="F4168" s="52" t="s">
        <v>81</v>
      </c>
      <c r="G4168" s="52" t="s">
        <v>82</v>
      </c>
      <c r="H4168" s="4">
        <v>1</v>
      </c>
      <c r="I4168" s="2">
        <v>14.65</v>
      </c>
      <c r="J4168" s="52" t="s">
        <v>9757</v>
      </c>
      <c r="K4168" s="71" t="s">
        <v>9758</v>
      </c>
      <c r="L4168" s="52" t="s">
        <v>2063</v>
      </c>
      <c r="M4168" s="72">
        <v>1343</v>
      </c>
      <c r="N4168" s="52" t="s">
        <v>2072</v>
      </c>
      <c r="O4168" s="52" t="s">
        <v>2073</v>
      </c>
      <c r="P4168" s="52"/>
      <c r="Q4168" s="52"/>
      <c r="R4168" s="52"/>
      <c r="S4168" s="52"/>
      <c r="T4168" s="52"/>
      <c r="U4168" s="52"/>
      <c r="V4168" s="52"/>
      <c r="W4168" s="52"/>
    </row>
    <row r="4169" spans="1:23" hidden="1" x14ac:dyDescent="0.35">
      <c r="A4169" s="52" t="s">
        <v>78</v>
      </c>
      <c r="B4169" s="52" t="s">
        <v>79</v>
      </c>
      <c r="C4169" s="3">
        <v>211</v>
      </c>
      <c r="D4169" s="52" t="s">
        <v>2019</v>
      </c>
      <c r="E4169" s="52" t="s">
        <v>26</v>
      </c>
      <c r="F4169" s="52" t="s">
        <v>81</v>
      </c>
      <c r="G4169" s="52" t="s">
        <v>82</v>
      </c>
      <c r="H4169" s="4">
        <v>1</v>
      </c>
      <c r="I4169" s="2">
        <v>14.65</v>
      </c>
      <c r="J4169" s="52" t="s">
        <v>9759</v>
      </c>
      <c r="K4169" s="71" t="s">
        <v>9760</v>
      </c>
      <c r="L4169" s="52" t="s">
        <v>2063</v>
      </c>
      <c r="M4169" s="72">
        <v>6965</v>
      </c>
      <c r="N4169" s="52" t="s">
        <v>2072</v>
      </c>
      <c r="O4169" s="52" t="s">
        <v>2073</v>
      </c>
      <c r="P4169" s="52"/>
      <c r="Q4169" s="52"/>
      <c r="R4169" s="52"/>
      <c r="S4169" s="52"/>
      <c r="T4169" s="52"/>
      <c r="U4169" s="52"/>
      <c r="V4169" s="52"/>
      <c r="W4169" s="52"/>
    </row>
    <row r="4170" spans="1:23" hidden="1" x14ac:dyDescent="0.35">
      <c r="A4170" s="52" t="s">
        <v>78</v>
      </c>
      <c r="B4170" s="52" t="s">
        <v>79</v>
      </c>
      <c r="C4170" s="3">
        <v>10</v>
      </c>
      <c r="D4170" s="52" t="s">
        <v>2019</v>
      </c>
      <c r="E4170" s="52" t="s">
        <v>26</v>
      </c>
      <c r="F4170" s="52" t="s">
        <v>81</v>
      </c>
      <c r="G4170" s="52" t="s">
        <v>82</v>
      </c>
      <c r="H4170" s="4">
        <v>1</v>
      </c>
      <c r="I4170" s="2">
        <v>14.65</v>
      </c>
      <c r="J4170" s="52" t="s">
        <v>9761</v>
      </c>
      <c r="K4170" s="71" t="s">
        <v>9762</v>
      </c>
      <c r="L4170" s="52" t="s">
        <v>2063</v>
      </c>
      <c r="M4170" s="72">
        <v>7314</v>
      </c>
      <c r="N4170" s="52" t="s">
        <v>2072</v>
      </c>
      <c r="O4170" s="52" t="s">
        <v>2073</v>
      </c>
      <c r="P4170" s="52"/>
      <c r="Q4170" s="52"/>
      <c r="R4170" s="52"/>
      <c r="S4170" s="52"/>
      <c r="T4170" s="52"/>
      <c r="U4170" s="52"/>
      <c r="V4170" s="52"/>
      <c r="W4170" s="52"/>
    </row>
    <row r="4171" spans="1:23" hidden="1" x14ac:dyDescent="0.35">
      <c r="A4171" s="52" t="s">
        <v>78</v>
      </c>
      <c r="B4171" s="52" t="s">
        <v>79</v>
      </c>
      <c r="C4171" s="3">
        <v>10</v>
      </c>
      <c r="D4171" s="52" t="s">
        <v>87</v>
      </c>
      <c r="E4171" s="52" t="s">
        <v>26</v>
      </c>
      <c r="F4171" s="52" t="s">
        <v>81</v>
      </c>
      <c r="G4171" s="52" t="s">
        <v>82</v>
      </c>
      <c r="H4171" s="4">
        <v>1</v>
      </c>
      <c r="I4171" s="2">
        <v>14.65</v>
      </c>
      <c r="J4171" s="52" t="s">
        <v>9763</v>
      </c>
      <c r="K4171" s="71" t="s">
        <v>9764</v>
      </c>
      <c r="L4171" s="52" t="s">
        <v>2063</v>
      </c>
      <c r="M4171" s="72">
        <v>1797</v>
      </c>
      <c r="N4171" s="52" t="s">
        <v>2158</v>
      </c>
      <c r="O4171" s="52" t="s">
        <v>2159</v>
      </c>
      <c r="P4171" s="52"/>
      <c r="Q4171" s="52"/>
      <c r="R4171" s="52"/>
      <c r="S4171" s="52"/>
      <c r="T4171" s="52"/>
      <c r="U4171" s="52"/>
      <c r="V4171" s="52"/>
      <c r="W4171" s="52"/>
    </row>
    <row r="4172" spans="1:23" hidden="1" x14ac:dyDescent="0.35">
      <c r="A4172" s="52" t="s">
        <v>78</v>
      </c>
      <c r="B4172" s="52" t="s">
        <v>79</v>
      </c>
      <c r="C4172" s="3">
        <v>10</v>
      </c>
      <c r="D4172" s="52" t="s">
        <v>2024</v>
      </c>
      <c r="E4172" s="52" t="s">
        <v>26</v>
      </c>
      <c r="F4172" s="52" t="s">
        <v>81</v>
      </c>
      <c r="G4172" s="52" t="s">
        <v>82</v>
      </c>
      <c r="H4172" s="4">
        <v>1</v>
      </c>
      <c r="I4172" s="2">
        <v>14.65</v>
      </c>
      <c r="J4172" s="52" t="s">
        <v>9765</v>
      </c>
      <c r="K4172" s="71" t="s">
        <v>9766</v>
      </c>
      <c r="L4172" s="52" t="s">
        <v>2063</v>
      </c>
      <c r="M4172" s="72">
        <v>1373</v>
      </c>
      <c r="N4172" s="52" t="s">
        <v>2072</v>
      </c>
      <c r="O4172" s="52" t="s">
        <v>2073</v>
      </c>
      <c r="P4172" s="52"/>
      <c r="Q4172" s="52"/>
      <c r="R4172" s="52"/>
      <c r="S4172" s="52"/>
      <c r="T4172" s="52"/>
      <c r="U4172" s="52"/>
      <c r="V4172" s="52"/>
      <c r="W4172" s="52"/>
    </row>
    <row r="4173" spans="1:23" x14ac:dyDescent="0.35">
      <c r="A4173" s="52" t="s">
        <v>78</v>
      </c>
      <c r="B4173" s="52" t="s">
        <v>79</v>
      </c>
      <c r="C4173" s="3">
        <v>20</v>
      </c>
      <c r="D4173" s="52" t="s">
        <v>86</v>
      </c>
      <c r="E4173" s="52" t="s">
        <v>26</v>
      </c>
      <c r="F4173" s="52" t="s">
        <v>81</v>
      </c>
      <c r="G4173" s="52" t="s">
        <v>82</v>
      </c>
      <c r="H4173" s="4">
        <v>1</v>
      </c>
      <c r="I4173" s="2">
        <v>14.65</v>
      </c>
      <c r="J4173" s="52" t="s">
        <v>9767</v>
      </c>
      <c r="K4173" s="71" t="s">
        <v>9768</v>
      </c>
      <c r="L4173" s="52" t="s">
        <v>2063</v>
      </c>
      <c r="M4173" s="72">
        <v>4427</v>
      </c>
      <c r="N4173" s="52" t="s">
        <v>2076</v>
      </c>
      <c r="O4173" s="52" t="s">
        <v>2077</v>
      </c>
      <c r="P4173" s="52"/>
      <c r="Q4173" s="52"/>
      <c r="R4173" s="52"/>
      <c r="S4173" s="52"/>
      <c r="T4173" s="52"/>
      <c r="U4173" s="52"/>
      <c r="V4173" s="52"/>
      <c r="W4173" s="52"/>
    </row>
    <row r="4174" spans="1:23" hidden="1" x14ac:dyDescent="0.35">
      <c r="A4174" s="52" t="s">
        <v>78</v>
      </c>
      <c r="B4174" s="52" t="s">
        <v>79</v>
      </c>
      <c r="C4174" s="3">
        <v>10</v>
      </c>
      <c r="D4174" s="52" t="s">
        <v>80</v>
      </c>
      <c r="E4174" s="52" t="s">
        <v>26</v>
      </c>
      <c r="F4174" s="52" t="s">
        <v>81</v>
      </c>
      <c r="G4174" s="52" t="s">
        <v>82</v>
      </c>
      <c r="H4174" s="4">
        <v>1</v>
      </c>
      <c r="I4174" s="2">
        <v>14.65</v>
      </c>
      <c r="J4174" s="52" t="s">
        <v>9769</v>
      </c>
      <c r="K4174" s="71" t="s">
        <v>9770</v>
      </c>
      <c r="L4174" s="52" t="s">
        <v>2063</v>
      </c>
      <c r="M4174" s="72">
        <v>5457</v>
      </c>
      <c r="N4174" s="52"/>
      <c r="O4174" s="52"/>
      <c r="P4174" s="52"/>
      <c r="Q4174" s="52"/>
      <c r="R4174" s="52"/>
      <c r="S4174" s="52"/>
      <c r="T4174" s="52"/>
      <c r="U4174" s="52"/>
      <c r="V4174" s="52"/>
      <c r="W4174" s="52"/>
    </row>
    <row r="4175" spans="1:23" hidden="1" x14ac:dyDescent="0.35">
      <c r="A4175" s="52" t="s">
        <v>78</v>
      </c>
      <c r="B4175" s="52" t="s">
        <v>79</v>
      </c>
      <c r="C4175" s="3">
        <v>20</v>
      </c>
      <c r="D4175" s="52" t="s">
        <v>80</v>
      </c>
      <c r="E4175" s="52" t="s">
        <v>26</v>
      </c>
      <c r="F4175" s="52" t="s">
        <v>81</v>
      </c>
      <c r="G4175" s="52" t="s">
        <v>82</v>
      </c>
      <c r="H4175" s="4">
        <v>1</v>
      </c>
      <c r="I4175" s="2">
        <v>14.65</v>
      </c>
      <c r="J4175" s="52" t="s">
        <v>9771</v>
      </c>
      <c r="K4175" s="71" t="s">
        <v>9772</v>
      </c>
      <c r="L4175" s="52" t="s">
        <v>2063</v>
      </c>
      <c r="M4175" s="72">
        <v>567</v>
      </c>
      <c r="N4175" s="52" t="s">
        <v>2066</v>
      </c>
      <c r="O4175" s="52" t="s">
        <v>2067</v>
      </c>
      <c r="P4175" s="52"/>
      <c r="Q4175" s="52"/>
      <c r="R4175" s="52"/>
      <c r="S4175" s="52"/>
      <c r="T4175" s="52"/>
      <c r="U4175" s="52"/>
      <c r="V4175" s="52"/>
      <c r="W4175" s="52"/>
    </row>
    <row r="4176" spans="1:23" hidden="1" x14ac:dyDescent="0.35">
      <c r="A4176" s="52" t="s">
        <v>78</v>
      </c>
      <c r="B4176" s="52" t="s">
        <v>79</v>
      </c>
      <c r="C4176" s="3">
        <v>20</v>
      </c>
      <c r="D4176" s="52" t="s">
        <v>85</v>
      </c>
      <c r="E4176" s="52" t="s">
        <v>26</v>
      </c>
      <c r="F4176" s="52" t="s">
        <v>81</v>
      </c>
      <c r="G4176" s="52" t="s">
        <v>82</v>
      </c>
      <c r="H4176" s="4">
        <v>1</v>
      </c>
      <c r="I4176" s="2">
        <v>14.65</v>
      </c>
      <c r="J4176" s="52" t="s">
        <v>9773</v>
      </c>
      <c r="K4176" s="71" t="s">
        <v>9774</v>
      </c>
      <c r="L4176" s="52" t="s">
        <v>2063</v>
      </c>
      <c r="M4176" s="72">
        <v>1862</v>
      </c>
      <c r="N4176" s="52"/>
      <c r="O4176" s="52"/>
      <c r="P4176" s="52"/>
      <c r="Q4176" s="52"/>
      <c r="R4176" s="52"/>
      <c r="S4176" s="52"/>
      <c r="T4176" s="52"/>
      <c r="U4176" s="52"/>
      <c r="V4176" s="52"/>
      <c r="W4176" s="52"/>
    </row>
    <row r="4177" spans="1:23" hidden="1" x14ac:dyDescent="0.35">
      <c r="A4177" s="52" t="s">
        <v>78</v>
      </c>
      <c r="B4177" s="52" t="s">
        <v>79</v>
      </c>
      <c r="C4177" s="3">
        <v>20</v>
      </c>
      <c r="D4177" s="52" t="s">
        <v>87</v>
      </c>
      <c r="E4177" s="52" t="s">
        <v>26</v>
      </c>
      <c r="F4177" s="52" t="s">
        <v>81</v>
      </c>
      <c r="G4177" s="52" t="s">
        <v>82</v>
      </c>
      <c r="H4177" s="4">
        <v>1</v>
      </c>
      <c r="I4177" s="2">
        <v>14.65</v>
      </c>
      <c r="J4177" s="52" t="s">
        <v>9632</v>
      </c>
      <c r="K4177" s="71" t="s">
        <v>9775</v>
      </c>
      <c r="L4177" s="52" t="s">
        <v>2063</v>
      </c>
      <c r="M4177" s="72">
        <v>1090</v>
      </c>
      <c r="N4177" s="52" t="s">
        <v>2072</v>
      </c>
      <c r="O4177" s="52" t="s">
        <v>2073</v>
      </c>
      <c r="P4177" s="52"/>
      <c r="Q4177" s="52"/>
      <c r="R4177" s="52"/>
      <c r="S4177" s="52"/>
      <c r="T4177" s="52"/>
      <c r="U4177" s="52"/>
      <c r="V4177" s="52"/>
      <c r="W4177" s="52"/>
    </row>
    <row r="4178" spans="1:23" hidden="1" x14ac:dyDescent="0.35">
      <c r="A4178" s="52" t="s">
        <v>78</v>
      </c>
      <c r="B4178" s="52" t="s">
        <v>79</v>
      </c>
      <c r="C4178" s="3">
        <v>10</v>
      </c>
      <c r="D4178" s="52" t="s">
        <v>84</v>
      </c>
      <c r="E4178" s="52" t="s">
        <v>26</v>
      </c>
      <c r="F4178" s="52" t="s">
        <v>81</v>
      </c>
      <c r="G4178" s="52" t="s">
        <v>82</v>
      </c>
      <c r="H4178" s="4">
        <v>1</v>
      </c>
      <c r="I4178" s="2">
        <v>14.65</v>
      </c>
      <c r="J4178" s="52" t="s">
        <v>9776</v>
      </c>
      <c r="K4178" s="71" t="s">
        <v>9777</v>
      </c>
      <c r="L4178" s="52" t="s">
        <v>2095</v>
      </c>
      <c r="M4178" s="72">
        <v>8316</v>
      </c>
      <c r="N4178" s="52" t="s">
        <v>2066</v>
      </c>
      <c r="O4178" s="52" t="s">
        <v>2067</v>
      </c>
      <c r="P4178" s="52"/>
      <c r="Q4178" s="52"/>
      <c r="R4178" s="52"/>
      <c r="S4178" s="52"/>
      <c r="T4178" s="52"/>
      <c r="U4178" s="52"/>
      <c r="V4178" s="52"/>
      <c r="W4178" s="52"/>
    </row>
    <row r="4179" spans="1:23" hidden="1" x14ac:dyDescent="0.35">
      <c r="A4179" s="52" t="s">
        <v>78</v>
      </c>
      <c r="B4179" s="52" t="s">
        <v>79</v>
      </c>
      <c r="C4179" s="3">
        <v>10</v>
      </c>
      <c r="D4179" s="52" t="s">
        <v>85</v>
      </c>
      <c r="E4179" s="52" t="s">
        <v>26</v>
      </c>
      <c r="F4179" s="52" t="s">
        <v>81</v>
      </c>
      <c r="G4179" s="52" t="s">
        <v>82</v>
      </c>
      <c r="H4179" s="4">
        <v>1</v>
      </c>
      <c r="I4179" s="2">
        <v>14.65</v>
      </c>
      <c r="J4179" s="52" t="s">
        <v>9778</v>
      </c>
      <c r="K4179" s="71" t="s">
        <v>9779</v>
      </c>
      <c r="L4179" s="52" t="s">
        <v>2063</v>
      </c>
      <c r="M4179" s="72">
        <v>7133</v>
      </c>
      <c r="N4179" s="52"/>
      <c r="O4179" s="52"/>
      <c r="P4179" s="52"/>
      <c r="Q4179" s="52"/>
      <c r="R4179" s="52"/>
      <c r="S4179" s="52"/>
      <c r="T4179" s="52"/>
      <c r="U4179" s="52"/>
      <c r="V4179" s="52"/>
      <c r="W4179" s="52"/>
    </row>
    <row r="4180" spans="1:23" hidden="1" x14ac:dyDescent="0.35">
      <c r="A4180" s="52" t="s">
        <v>78</v>
      </c>
      <c r="B4180" s="52" t="s">
        <v>79</v>
      </c>
      <c r="C4180" s="3">
        <v>10</v>
      </c>
      <c r="D4180" s="52" t="s">
        <v>2022</v>
      </c>
      <c r="E4180" s="52" t="s">
        <v>26</v>
      </c>
      <c r="F4180" s="52" t="s">
        <v>81</v>
      </c>
      <c r="G4180" s="52" t="s">
        <v>82</v>
      </c>
      <c r="H4180" s="4">
        <v>1</v>
      </c>
      <c r="I4180" s="2">
        <v>14.65</v>
      </c>
      <c r="J4180" s="52" t="s">
        <v>9780</v>
      </c>
      <c r="K4180" s="71" t="s">
        <v>9781</v>
      </c>
      <c r="L4180" s="52" t="s">
        <v>2063</v>
      </c>
      <c r="M4180" s="72">
        <v>1111</v>
      </c>
      <c r="N4180" s="52" t="s">
        <v>2072</v>
      </c>
      <c r="O4180" s="52" t="s">
        <v>2073</v>
      </c>
      <c r="P4180" s="52"/>
      <c r="Q4180" s="52"/>
      <c r="R4180" s="52"/>
      <c r="S4180" s="52"/>
      <c r="T4180" s="52"/>
      <c r="U4180" s="52"/>
      <c r="V4180" s="52"/>
      <c r="W4180" s="52"/>
    </row>
    <row r="4181" spans="1:23" hidden="1" x14ac:dyDescent="0.35">
      <c r="A4181" s="52" t="s">
        <v>78</v>
      </c>
      <c r="B4181" s="52" t="s">
        <v>79</v>
      </c>
      <c r="C4181" s="3">
        <v>10</v>
      </c>
      <c r="D4181" s="52" t="s">
        <v>2023</v>
      </c>
      <c r="E4181" s="52" t="s">
        <v>26</v>
      </c>
      <c r="F4181" s="52" t="s">
        <v>81</v>
      </c>
      <c r="G4181" s="52" t="s">
        <v>82</v>
      </c>
      <c r="H4181" s="4">
        <v>1</v>
      </c>
      <c r="I4181" s="2">
        <v>14.65</v>
      </c>
      <c r="J4181" s="52" t="s">
        <v>9782</v>
      </c>
      <c r="K4181" s="71" t="s">
        <v>9783</v>
      </c>
      <c r="L4181" s="52" t="s">
        <v>2063</v>
      </c>
      <c r="M4181" s="72">
        <v>5221</v>
      </c>
      <c r="N4181" s="52" t="s">
        <v>2072</v>
      </c>
      <c r="O4181" s="52" t="s">
        <v>2073</v>
      </c>
      <c r="P4181" s="52"/>
      <c r="Q4181" s="52"/>
      <c r="R4181" s="52"/>
      <c r="S4181" s="52"/>
      <c r="T4181" s="52"/>
      <c r="U4181" s="52"/>
      <c r="V4181" s="52"/>
      <c r="W4181" s="52"/>
    </row>
    <row r="4182" spans="1:23" hidden="1" x14ac:dyDescent="0.35">
      <c r="A4182" s="52" t="s">
        <v>78</v>
      </c>
      <c r="B4182" s="52" t="s">
        <v>79</v>
      </c>
      <c r="C4182" s="3">
        <v>20</v>
      </c>
      <c r="D4182" s="52" t="s">
        <v>2020</v>
      </c>
      <c r="E4182" s="52" t="s">
        <v>26</v>
      </c>
      <c r="F4182" s="52" t="s">
        <v>81</v>
      </c>
      <c r="G4182" s="52" t="s">
        <v>82</v>
      </c>
      <c r="H4182" s="4">
        <v>1</v>
      </c>
      <c r="I4182" s="2">
        <v>14.65</v>
      </c>
      <c r="J4182" s="52" t="s">
        <v>9784</v>
      </c>
      <c r="K4182" s="71" t="s">
        <v>9785</v>
      </c>
      <c r="L4182" s="52" t="s">
        <v>2063</v>
      </c>
      <c r="M4182" s="72">
        <v>1509</v>
      </c>
      <c r="N4182" s="52" t="s">
        <v>2072</v>
      </c>
      <c r="O4182" s="52" t="s">
        <v>2073</v>
      </c>
      <c r="P4182" s="52"/>
      <c r="Q4182" s="52"/>
      <c r="R4182" s="52"/>
      <c r="S4182" s="52"/>
      <c r="T4182" s="52"/>
      <c r="U4182" s="52"/>
      <c r="V4182" s="52"/>
      <c r="W4182" s="52"/>
    </row>
    <row r="4183" spans="1:23" x14ac:dyDescent="0.35">
      <c r="A4183" s="52" t="s">
        <v>78</v>
      </c>
      <c r="B4183" s="52" t="s">
        <v>79</v>
      </c>
      <c r="C4183" s="3">
        <v>20</v>
      </c>
      <c r="D4183" s="52" t="s">
        <v>87</v>
      </c>
      <c r="E4183" s="52" t="s">
        <v>26</v>
      </c>
      <c r="F4183" s="52" t="s">
        <v>81</v>
      </c>
      <c r="G4183" s="52" t="s">
        <v>82</v>
      </c>
      <c r="H4183" s="4">
        <v>1</v>
      </c>
      <c r="I4183" s="2">
        <v>14.65</v>
      </c>
      <c r="J4183" s="52" t="s">
        <v>9786</v>
      </c>
      <c r="K4183" s="71" t="s">
        <v>9787</v>
      </c>
      <c r="L4183" s="52" t="s">
        <v>2063</v>
      </c>
      <c r="M4183" s="72">
        <v>7475</v>
      </c>
      <c r="N4183" s="52" t="s">
        <v>2259</v>
      </c>
      <c r="O4183" s="52" t="s">
        <v>2260</v>
      </c>
      <c r="P4183" s="52"/>
      <c r="Q4183" s="52"/>
      <c r="R4183" s="52"/>
      <c r="S4183" s="52"/>
      <c r="T4183" s="52"/>
      <c r="U4183" s="52"/>
      <c r="V4183" s="52"/>
      <c r="W4183" s="52"/>
    </row>
    <row r="4184" spans="1:23" hidden="1" x14ac:dyDescent="0.35">
      <c r="A4184" s="52" t="s">
        <v>78</v>
      </c>
      <c r="B4184" s="52" t="s">
        <v>79</v>
      </c>
      <c r="C4184" s="3">
        <v>20</v>
      </c>
      <c r="D4184" s="52" t="s">
        <v>85</v>
      </c>
      <c r="E4184" s="52" t="s">
        <v>26</v>
      </c>
      <c r="F4184" s="52" t="s">
        <v>81</v>
      </c>
      <c r="G4184" s="52" t="s">
        <v>82</v>
      </c>
      <c r="H4184" s="4">
        <v>1</v>
      </c>
      <c r="I4184" s="2">
        <v>14.65</v>
      </c>
      <c r="J4184" s="52" t="s">
        <v>9788</v>
      </c>
      <c r="K4184" s="71" t="s">
        <v>9789</v>
      </c>
      <c r="L4184" s="52" t="s">
        <v>2063</v>
      </c>
      <c r="M4184" s="72">
        <v>4488</v>
      </c>
      <c r="N4184" s="52"/>
      <c r="O4184" s="52"/>
      <c r="P4184" s="52"/>
      <c r="Q4184" s="52"/>
      <c r="R4184" s="52"/>
      <c r="S4184" s="52"/>
      <c r="T4184" s="52"/>
      <c r="U4184" s="52"/>
      <c r="V4184" s="52"/>
      <c r="W4184" s="52"/>
    </row>
    <row r="4185" spans="1:23" hidden="1" x14ac:dyDescent="0.35">
      <c r="A4185" s="52" t="s">
        <v>78</v>
      </c>
      <c r="B4185" s="52" t="s">
        <v>79</v>
      </c>
      <c r="C4185" s="3">
        <v>20</v>
      </c>
      <c r="D4185" s="52" t="s">
        <v>2024</v>
      </c>
      <c r="E4185" s="52" t="s">
        <v>26</v>
      </c>
      <c r="F4185" s="52" t="s">
        <v>81</v>
      </c>
      <c r="G4185" s="52" t="s">
        <v>82</v>
      </c>
      <c r="H4185" s="4">
        <v>1</v>
      </c>
      <c r="I4185" s="2">
        <v>14.65</v>
      </c>
      <c r="J4185" s="52" t="s">
        <v>9127</v>
      </c>
      <c r="K4185" s="71" t="s">
        <v>9790</v>
      </c>
      <c r="L4185" s="52" t="s">
        <v>2063</v>
      </c>
      <c r="M4185" s="72">
        <v>6392</v>
      </c>
      <c r="N4185" s="52" t="s">
        <v>2072</v>
      </c>
      <c r="O4185" s="52" t="s">
        <v>2073</v>
      </c>
      <c r="P4185" s="52"/>
      <c r="Q4185" s="52"/>
      <c r="R4185" s="52"/>
      <c r="S4185" s="52"/>
      <c r="T4185" s="52"/>
      <c r="U4185" s="52"/>
      <c r="V4185" s="52"/>
      <c r="W4185" s="52"/>
    </row>
    <row r="4186" spans="1:23" hidden="1" x14ac:dyDescent="0.35">
      <c r="A4186" s="52" t="s">
        <v>78</v>
      </c>
      <c r="B4186" s="52" t="s">
        <v>79</v>
      </c>
      <c r="C4186" s="3">
        <v>20</v>
      </c>
      <c r="D4186" s="52" t="s">
        <v>2023</v>
      </c>
      <c r="E4186" s="52" t="s">
        <v>26</v>
      </c>
      <c r="F4186" s="52" t="s">
        <v>81</v>
      </c>
      <c r="G4186" s="52" t="s">
        <v>82</v>
      </c>
      <c r="H4186" s="4">
        <v>1</v>
      </c>
      <c r="I4186" s="2">
        <v>14.65</v>
      </c>
      <c r="J4186" s="52" t="s">
        <v>9791</v>
      </c>
      <c r="K4186" s="71" t="s">
        <v>9792</v>
      </c>
      <c r="L4186" s="52" t="s">
        <v>2063</v>
      </c>
      <c r="M4186" s="72">
        <v>679</v>
      </c>
      <c r="N4186" s="52" t="s">
        <v>2066</v>
      </c>
      <c r="O4186" s="52" t="s">
        <v>2067</v>
      </c>
      <c r="P4186" s="52"/>
      <c r="Q4186" s="52"/>
      <c r="R4186" s="52"/>
      <c r="S4186" s="52"/>
      <c r="T4186" s="52"/>
      <c r="U4186" s="52"/>
      <c r="V4186" s="52"/>
      <c r="W4186" s="52"/>
    </row>
    <row r="4187" spans="1:23" x14ac:dyDescent="0.35">
      <c r="A4187" s="52" t="s">
        <v>78</v>
      </c>
      <c r="B4187" s="52" t="s">
        <v>79</v>
      </c>
      <c r="C4187" s="3">
        <v>20</v>
      </c>
      <c r="D4187" s="52" t="s">
        <v>87</v>
      </c>
      <c r="E4187" s="52" t="s">
        <v>26</v>
      </c>
      <c r="F4187" s="52" t="s">
        <v>81</v>
      </c>
      <c r="G4187" s="52" t="s">
        <v>82</v>
      </c>
      <c r="H4187" s="4">
        <v>1</v>
      </c>
      <c r="I4187" s="2">
        <v>14.65</v>
      </c>
      <c r="J4187" s="52" t="s">
        <v>9793</v>
      </c>
      <c r="K4187" s="71" t="s">
        <v>9794</v>
      </c>
      <c r="L4187" s="52" t="s">
        <v>2063</v>
      </c>
      <c r="M4187" s="72">
        <v>6266</v>
      </c>
      <c r="N4187" s="52" t="s">
        <v>2259</v>
      </c>
      <c r="O4187" s="52" t="s">
        <v>2260</v>
      </c>
      <c r="P4187" s="52"/>
      <c r="Q4187" s="52"/>
      <c r="R4187" s="52"/>
      <c r="S4187" s="52"/>
      <c r="T4187" s="52"/>
      <c r="U4187" s="52"/>
      <c r="V4187" s="52"/>
      <c r="W4187" s="52"/>
    </row>
    <row r="4188" spans="1:23" hidden="1" x14ac:dyDescent="0.35">
      <c r="A4188" s="52" t="s">
        <v>78</v>
      </c>
      <c r="B4188" s="52" t="s">
        <v>79</v>
      </c>
      <c r="C4188" s="3">
        <v>20</v>
      </c>
      <c r="D4188" s="52" t="s">
        <v>87</v>
      </c>
      <c r="E4188" s="52" t="s">
        <v>26</v>
      </c>
      <c r="F4188" s="52" t="s">
        <v>81</v>
      </c>
      <c r="G4188" s="52" t="s">
        <v>82</v>
      </c>
      <c r="H4188" s="4">
        <v>1</v>
      </c>
      <c r="I4188" s="2">
        <v>14.65</v>
      </c>
      <c r="J4188" s="52" t="s">
        <v>9795</v>
      </c>
      <c r="K4188" s="71" t="s">
        <v>9796</v>
      </c>
      <c r="L4188" s="52" t="s">
        <v>2063</v>
      </c>
      <c r="M4188" s="72">
        <v>8386</v>
      </c>
      <c r="N4188" s="52"/>
      <c r="O4188" s="52"/>
      <c r="P4188" s="52"/>
      <c r="Q4188" s="52"/>
      <c r="R4188" s="52"/>
      <c r="S4188" s="52"/>
      <c r="T4188" s="52"/>
      <c r="U4188" s="52"/>
      <c r="V4188" s="52"/>
      <c r="W4188" s="52"/>
    </row>
    <row r="4189" spans="1:23" hidden="1" x14ac:dyDescent="0.35">
      <c r="A4189" s="52" t="s">
        <v>78</v>
      </c>
      <c r="B4189" s="52" t="s">
        <v>79</v>
      </c>
      <c r="C4189" s="3">
        <v>20</v>
      </c>
      <c r="D4189" s="52" t="s">
        <v>86</v>
      </c>
      <c r="E4189" s="52" t="s">
        <v>26</v>
      </c>
      <c r="F4189" s="52" t="s">
        <v>81</v>
      </c>
      <c r="G4189" s="52" t="s">
        <v>82</v>
      </c>
      <c r="H4189" s="4">
        <v>1</v>
      </c>
      <c r="I4189" s="2">
        <v>14.65</v>
      </c>
      <c r="J4189" s="52" t="s">
        <v>9797</v>
      </c>
      <c r="K4189" s="71" t="s">
        <v>9798</v>
      </c>
      <c r="L4189" s="52" t="s">
        <v>2063</v>
      </c>
      <c r="M4189" s="72">
        <v>2148</v>
      </c>
      <c r="N4189" s="52" t="s">
        <v>2066</v>
      </c>
      <c r="O4189" s="52" t="s">
        <v>2067</v>
      </c>
      <c r="P4189" s="52"/>
      <c r="Q4189" s="52"/>
      <c r="R4189" s="52"/>
      <c r="S4189" s="52"/>
      <c r="T4189" s="52"/>
      <c r="U4189" s="52"/>
      <c r="V4189" s="52"/>
      <c r="W4189" s="52"/>
    </row>
    <row r="4190" spans="1:23" hidden="1" x14ac:dyDescent="0.35">
      <c r="A4190" s="52" t="s">
        <v>78</v>
      </c>
      <c r="B4190" s="52" t="s">
        <v>79</v>
      </c>
      <c r="C4190" s="3">
        <v>10</v>
      </c>
      <c r="D4190" s="52" t="s">
        <v>2022</v>
      </c>
      <c r="E4190" s="52" t="s">
        <v>26</v>
      </c>
      <c r="F4190" s="52" t="s">
        <v>81</v>
      </c>
      <c r="G4190" s="52" t="s">
        <v>82</v>
      </c>
      <c r="H4190" s="4">
        <v>1</v>
      </c>
      <c r="I4190" s="2">
        <v>14.65</v>
      </c>
      <c r="J4190" s="52" t="s">
        <v>9016</v>
      </c>
      <c r="K4190" s="71" t="s">
        <v>9799</v>
      </c>
      <c r="L4190" s="52" t="s">
        <v>2063</v>
      </c>
      <c r="M4190" s="72">
        <v>4901</v>
      </c>
      <c r="N4190" s="52" t="s">
        <v>2072</v>
      </c>
      <c r="O4190" s="52" t="s">
        <v>2073</v>
      </c>
      <c r="P4190" s="52"/>
      <c r="Q4190" s="52"/>
      <c r="R4190" s="52"/>
      <c r="S4190" s="52"/>
      <c r="T4190" s="52"/>
      <c r="U4190" s="52"/>
      <c r="V4190" s="52"/>
      <c r="W4190" s="52"/>
    </row>
    <row r="4191" spans="1:23" hidden="1" x14ac:dyDescent="0.35">
      <c r="A4191" s="52" t="s">
        <v>78</v>
      </c>
      <c r="B4191" s="52" t="s">
        <v>79</v>
      </c>
      <c r="C4191" s="3">
        <v>10</v>
      </c>
      <c r="D4191" s="52" t="s">
        <v>86</v>
      </c>
      <c r="E4191" s="52" t="s">
        <v>26</v>
      </c>
      <c r="F4191" s="52" t="s">
        <v>81</v>
      </c>
      <c r="G4191" s="52" t="s">
        <v>82</v>
      </c>
      <c r="H4191" s="4">
        <v>1</v>
      </c>
      <c r="I4191" s="2">
        <v>14.65</v>
      </c>
      <c r="J4191" s="52" t="s">
        <v>9800</v>
      </c>
      <c r="K4191" s="71" t="s">
        <v>9801</v>
      </c>
      <c r="L4191" s="52" t="s">
        <v>2063</v>
      </c>
      <c r="M4191" s="72">
        <v>9577</v>
      </c>
      <c r="N4191" s="52"/>
      <c r="O4191" s="52"/>
      <c r="P4191" s="52"/>
      <c r="Q4191" s="52"/>
      <c r="R4191" s="52"/>
      <c r="S4191" s="52"/>
      <c r="T4191" s="52"/>
      <c r="U4191" s="52"/>
      <c r="V4191" s="52"/>
      <c r="W4191" s="52"/>
    </row>
    <row r="4192" spans="1:23" hidden="1" x14ac:dyDescent="0.35">
      <c r="A4192" s="52" t="s">
        <v>78</v>
      </c>
      <c r="B4192" s="52" t="s">
        <v>79</v>
      </c>
      <c r="C4192" s="3">
        <v>20</v>
      </c>
      <c r="D4192" s="52" t="s">
        <v>2022</v>
      </c>
      <c r="E4192" s="52" t="s">
        <v>26</v>
      </c>
      <c r="F4192" s="52" t="s">
        <v>81</v>
      </c>
      <c r="G4192" s="52" t="s">
        <v>82</v>
      </c>
      <c r="H4192" s="4">
        <v>1</v>
      </c>
      <c r="I4192" s="2">
        <v>14.65</v>
      </c>
      <c r="J4192" s="52" t="s">
        <v>9802</v>
      </c>
      <c r="K4192" s="71" t="s">
        <v>9803</v>
      </c>
      <c r="L4192" s="52" t="s">
        <v>2063</v>
      </c>
      <c r="M4192" s="72">
        <v>3248</v>
      </c>
      <c r="N4192" s="52" t="s">
        <v>2066</v>
      </c>
      <c r="O4192" s="52" t="s">
        <v>2067</v>
      </c>
      <c r="P4192" s="52"/>
      <c r="Q4192" s="52"/>
      <c r="R4192" s="52"/>
      <c r="S4192" s="52"/>
      <c r="T4192" s="52"/>
      <c r="U4192" s="52"/>
      <c r="V4192" s="52"/>
      <c r="W4192" s="52"/>
    </row>
    <row r="4193" spans="1:23" hidden="1" x14ac:dyDescent="0.35">
      <c r="A4193" s="52" t="s">
        <v>78</v>
      </c>
      <c r="B4193" s="52" t="s">
        <v>79</v>
      </c>
      <c r="C4193" s="3">
        <v>20</v>
      </c>
      <c r="D4193" s="52" t="s">
        <v>2019</v>
      </c>
      <c r="E4193" s="52" t="s">
        <v>26</v>
      </c>
      <c r="F4193" s="52" t="s">
        <v>81</v>
      </c>
      <c r="G4193" s="52" t="s">
        <v>82</v>
      </c>
      <c r="H4193" s="4">
        <v>1</v>
      </c>
      <c r="I4193" s="2">
        <v>14.65</v>
      </c>
      <c r="J4193" s="52" t="s">
        <v>8442</v>
      </c>
      <c r="K4193" s="71" t="s">
        <v>9804</v>
      </c>
      <c r="L4193" s="52" t="s">
        <v>2063</v>
      </c>
      <c r="M4193" s="72">
        <v>9704</v>
      </c>
      <c r="N4193" s="52" t="s">
        <v>2066</v>
      </c>
      <c r="O4193" s="52" t="s">
        <v>2067</v>
      </c>
      <c r="P4193" s="52"/>
      <c r="Q4193" s="52"/>
      <c r="R4193" s="52"/>
      <c r="S4193" s="52"/>
      <c r="T4193" s="52"/>
      <c r="U4193" s="52"/>
      <c r="V4193" s="52"/>
      <c r="W4193" s="52"/>
    </row>
    <row r="4194" spans="1:23" hidden="1" x14ac:dyDescent="0.35">
      <c r="A4194" s="52" t="s">
        <v>78</v>
      </c>
      <c r="B4194" s="52" t="s">
        <v>79</v>
      </c>
      <c r="C4194" s="3">
        <v>10</v>
      </c>
      <c r="D4194" s="52" t="s">
        <v>80</v>
      </c>
      <c r="E4194" s="52" t="s">
        <v>26</v>
      </c>
      <c r="F4194" s="52" t="s">
        <v>81</v>
      </c>
      <c r="G4194" s="52" t="s">
        <v>82</v>
      </c>
      <c r="H4194" s="4">
        <v>1</v>
      </c>
      <c r="I4194" s="2">
        <v>14.65</v>
      </c>
      <c r="J4194" s="52" t="s">
        <v>9805</v>
      </c>
      <c r="K4194" s="71" t="s">
        <v>9806</v>
      </c>
      <c r="L4194" s="52" t="s">
        <v>2063</v>
      </c>
      <c r="M4194" s="72">
        <v>9153</v>
      </c>
      <c r="N4194" s="52"/>
      <c r="O4194" s="52"/>
      <c r="P4194" s="52"/>
      <c r="Q4194" s="52"/>
      <c r="R4194" s="52"/>
      <c r="S4194" s="52"/>
      <c r="T4194" s="52"/>
      <c r="U4194" s="52"/>
      <c r="V4194" s="52"/>
      <c r="W4194" s="52"/>
    </row>
    <row r="4195" spans="1:23" hidden="1" x14ac:dyDescent="0.35">
      <c r="A4195" s="52" t="s">
        <v>78</v>
      </c>
      <c r="B4195" s="52" t="s">
        <v>79</v>
      </c>
      <c r="C4195" s="3">
        <v>20</v>
      </c>
      <c r="D4195" s="52" t="s">
        <v>2022</v>
      </c>
      <c r="E4195" s="52" t="s">
        <v>26</v>
      </c>
      <c r="F4195" s="52" t="s">
        <v>81</v>
      </c>
      <c r="G4195" s="52" t="s">
        <v>82</v>
      </c>
      <c r="H4195" s="4">
        <v>1</v>
      </c>
      <c r="I4195" s="2">
        <v>14.65</v>
      </c>
      <c r="J4195" s="52" t="s">
        <v>9404</v>
      </c>
      <c r="K4195" s="71" t="s">
        <v>9807</v>
      </c>
      <c r="L4195" s="52" t="s">
        <v>2063</v>
      </c>
      <c r="M4195" s="72">
        <v>4229</v>
      </c>
      <c r="N4195" s="52" t="s">
        <v>2072</v>
      </c>
      <c r="O4195" s="52" t="s">
        <v>2073</v>
      </c>
      <c r="P4195" s="52"/>
      <c r="Q4195" s="52"/>
      <c r="R4195" s="52"/>
      <c r="S4195" s="52"/>
      <c r="T4195" s="52"/>
      <c r="U4195" s="52"/>
      <c r="V4195" s="52"/>
      <c r="W4195" s="52"/>
    </row>
    <row r="4196" spans="1:23" hidden="1" x14ac:dyDescent="0.35">
      <c r="A4196" s="52" t="s">
        <v>78</v>
      </c>
      <c r="B4196" s="52" t="s">
        <v>79</v>
      </c>
      <c r="C4196" s="3">
        <v>10</v>
      </c>
      <c r="D4196" s="52" t="s">
        <v>2024</v>
      </c>
      <c r="E4196" s="52" t="s">
        <v>26</v>
      </c>
      <c r="F4196" s="52" t="s">
        <v>81</v>
      </c>
      <c r="G4196" s="52" t="s">
        <v>82</v>
      </c>
      <c r="H4196" s="4">
        <v>1</v>
      </c>
      <c r="I4196" s="2">
        <v>14.65</v>
      </c>
      <c r="J4196" s="52" t="s">
        <v>9808</v>
      </c>
      <c r="K4196" s="71" t="s">
        <v>9809</v>
      </c>
      <c r="L4196" s="52" t="s">
        <v>2063</v>
      </c>
      <c r="M4196" s="72">
        <v>739</v>
      </c>
      <c r="N4196" s="52" t="s">
        <v>2066</v>
      </c>
      <c r="O4196" s="52" t="s">
        <v>2067</v>
      </c>
      <c r="P4196" s="52"/>
      <c r="Q4196" s="52"/>
      <c r="R4196" s="52"/>
      <c r="S4196" s="52"/>
      <c r="T4196" s="52"/>
      <c r="U4196" s="52"/>
      <c r="V4196" s="52"/>
      <c r="W4196" s="52"/>
    </row>
    <row r="4197" spans="1:23" hidden="1" x14ac:dyDescent="0.35">
      <c r="A4197" s="52" t="s">
        <v>78</v>
      </c>
      <c r="B4197" s="52" t="s">
        <v>79</v>
      </c>
      <c r="C4197" s="3">
        <v>20</v>
      </c>
      <c r="D4197" s="52" t="s">
        <v>2022</v>
      </c>
      <c r="E4197" s="52" t="s">
        <v>26</v>
      </c>
      <c r="F4197" s="52" t="s">
        <v>81</v>
      </c>
      <c r="G4197" s="52" t="s">
        <v>82</v>
      </c>
      <c r="H4197" s="4">
        <v>1</v>
      </c>
      <c r="I4197" s="2">
        <v>14.65</v>
      </c>
      <c r="J4197" s="52" t="s">
        <v>9810</v>
      </c>
      <c r="K4197" s="71" t="s">
        <v>9811</v>
      </c>
      <c r="L4197" s="52" t="s">
        <v>2063</v>
      </c>
      <c r="M4197" s="72">
        <v>891</v>
      </c>
      <c r="N4197" s="52" t="s">
        <v>2066</v>
      </c>
      <c r="O4197" s="52" t="s">
        <v>2067</v>
      </c>
      <c r="P4197" s="52"/>
      <c r="Q4197" s="52"/>
      <c r="R4197" s="52"/>
      <c r="S4197" s="52"/>
      <c r="T4197" s="52"/>
      <c r="U4197" s="52"/>
      <c r="V4197" s="52"/>
      <c r="W4197" s="52"/>
    </row>
    <row r="4198" spans="1:23" hidden="1" x14ac:dyDescent="0.35">
      <c r="A4198" s="52" t="s">
        <v>78</v>
      </c>
      <c r="B4198" s="52" t="s">
        <v>79</v>
      </c>
      <c r="C4198" s="3">
        <v>20</v>
      </c>
      <c r="D4198" s="52" t="s">
        <v>83</v>
      </c>
      <c r="E4198" s="52" t="s">
        <v>26</v>
      </c>
      <c r="F4198" s="52" t="s">
        <v>81</v>
      </c>
      <c r="G4198" s="52" t="s">
        <v>82</v>
      </c>
      <c r="H4198" s="4">
        <v>1</v>
      </c>
      <c r="I4198" s="2">
        <v>14.65</v>
      </c>
      <c r="J4198" s="52" t="s">
        <v>8578</v>
      </c>
      <c r="K4198" s="71" t="s">
        <v>9812</v>
      </c>
      <c r="L4198" s="52" t="s">
        <v>2063</v>
      </c>
      <c r="M4198" s="72">
        <v>9219</v>
      </c>
      <c r="N4198" s="52" t="s">
        <v>2066</v>
      </c>
      <c r="O4198" s="52" t="s">
        <v>2067</v>
      </c>
      <c r="P4198" s="52"/>
      <c r="Q4198" s="52"/>
      <c r="R4198" s="52"/>
      <c r="S4198" s="52"/>
      <c r="T4198" s="52"/>
      <c r="U4198" s="52"/>
      <c r="V4198" s="52"/>
      <c r="W4198" s="52"/>
    </row>
    <row r="4199" spans="1:23" hidden="1" x14ac:dyDescent="0.35">
      <c r="A4199" s="52" t="s">
        <v>78</v>
      </c>
      <c r="B4199" s="52" t="s">
        <v>79</v>
      </c>
      <c r="C4199" s="3">
        <v>212</v>
      </c>
      <c r="D4199" s="52" t="s">
        <v>2024</v>
      </c>
      <c r="E4199" s="52" t="s">
        <v>26</v>
      </c>
      <c r="F4199" s="52" t="s">
        <v>81</v>
      </c>
      <c r="G4199" s="52" t="s">
        <v>82</v>
      </c>
      <c r="H4199" s="4">
        <v>1</v>
      </c>
      <c r="I4199" s="2">
        <v>14.65</v>
      </c>
      <c r="J4199" s="52" t="s">
        <v>8329</v>
      </c>
      <c r="K4199" s="71" t="s">
        <v>9813</v>
      </c>
      <c r="L4199" s="52" t="s">
        <v>2063</v>
      </c>
      <c r="M4199" s="72">
        <v>1239</v>
      </c>
      <c r="N4199" s="52"/>
      <c r="O4199" s="52"/>
      <c r="P4199" s="52"/>
      <c r="Q4199" s="52"/>
      <c r="R4199" s="52"/>
      <c r="S4199" s="52"/>
      <c r="T4199" s="52"/>
      <c r="U4199" s="52"/>
      <c r="V4199" s="52"/>
      <c r="W4199" s="52"/>
    </row>
    <row r="4200" spans="1:23" hidden="1" x14ac:dyDescent="0.35">
      <c r="A4200" s="52" t="s">
        <v>78</v>
      </c>
      <c r="B4200" s="52" t="s">
        <v>79</v>
      </c>
      <c r="C4200" s="3">
        <v>10</v>
      </c>
      <c r="D4200" s="52" t="s">
        <v>84</v>
      </c>
      <c r="E4200" s="52" t="s">
        <v>26</v>
      </c>
      <c r="F4200" s="52" t="s">
        <v>81</v>
      </c>
      <c r="G4200" s="52" t="s">
        <v>82</v>
      </c>
      <c r="H4200" s="4">
        <v>1</v>
      </c>
      <c r="I4200" s="2">
        <v>14.65</v>
      </c>
      <c r="J4200" s="52" t="s">
        <v>9763</v>
      </c>
      <c r="K4200" s="71" t="s">
        <v>9814</v>
      </c>
      <c r="L4200" s="52" t="s">
        <v>2063</v>
      </c>
      <c r="M4200" s="72">
        <v>8092</v>
      </c>
      <c r="N4200" s="52" t="s">
        <v>2158</v>
      </c>
      <c r="O4200" s="52" t="s">
        <v>2159</v>
      </c>
      <c r="P4200" s="52"/>
      <c r="Q4200" s="52"/>
      <c r="R4200" s="52"/>
      <c r="S4200" s="52"/>
      <c r="T4200" s="52"/>
      <c r="U4200" s="52"/>
      <c r="V4200" s="52"/>
      <c r="W4200" s="52"/>
    </row>
    <row r="4201" spans="1:23" hidden="1" x14ac:dyDescent="0.35">
      <c r="A4201" s="52" t="s">
        <v>78</v>
      </c>
      <c r="B4201" s="52" t="s">
        <v>79</v>
      </c>
      <c r="C4201" s="3">
        <v>20</v>
      </c>
      <c r="D4201" s="52" t="s">
        <v>84</v>
      </c>
      <c r="E4201" s="52" t="s">
        <v>26</v>
      </c>
      <c r="F4201" s="52" t="s">
        <v>81</v>
      </c>
      <c r="G4201" s="52" t="s">
        <v>82</v>
      </c>
      <c r="H4201" s="4">
        <v>1</v>
      </c>
      <c r="I4201" s="2">
        <v>14.65</v>
      </c>
      <c r="J4201" s="52" t="s">
        <v>9815</v>
      </c>
      <c r="K4201" s="71" t="s">
        <v>9816</v>
      </c>
      <c r="L4201" s="52" t="s">
        <v>2063</v>
      </c>
      <c r="M4201" s="72">
        <v>2368</v>
      </c>
      <c r="N4201" s="52" t="s">
        <v>2072</v>
      </c>
      <c r="O4201" s="52" t="s">
        <v>2073</v>
      </c>
      <c r="P4201" s="52"/>
      <c r="Q4201" s="52"/>
      <c r="R4201" s="52"/>
      <c r="S4201" s="52"/>
      <c r="T4201" s="52"/>
      <c r="U4201" s="52"/>
      <c r="V4201" s="52"/>
      <c r="W4201" s="52"/>
    </row>
    <row r="4202" spans="1:23" hidden="1" x14ac:dyDescent="0.35">
      <c r="A4202" s="52" t="s">
        <v>78</v>
      </c>
      <c r="B4202" s="52" t="s">
        <v>79</v>
      </c>
      <c r="C4202" s="3">
        <v>20</v>
      </c>
      <c r="D4202" s="52" t="s">
        <v>2020</v>
      </c>
      <c r="E4202" s="52" t="s">
        <v>26</v>
      </c>
      <c r="F4202" s="52" t="s">
        <v>81</v>
      </c>
      <c r="G4202" s="52" t="s">
        <v>82</v>
      </c>
      <c r="H4202" s="4">
        <v>1</v>
      </c>
      <c r="I4202" s="2">
        <v>14.65</v>
      </c>
      <c r="J4202" s="52" t="s">
        <v>8299</v>
      </c>
      <c r="K4202" s="71" t="s">
        <v>9817</v>
      </c>
      <c r="L4202" s="52" t="s">
        <v>2063</v>
      </c>
      <c r="M4202" s="72">
        <v>9682</v>
      </c>
      <c r="N4202" s="52" t="s">
        <v>2072</v>
      </c>
      <c r="O4202" s="52" t="s">
        <v>2073</v>
      </c>
      <c r="P4202" s="52"/>
      <c r="Q4202" s="52"/>
      <c r="R4202" s="52"/>
      <c r="S4202" s="52"/>
      <c r="T4202" s="52"/>
      <c r="U4202" s="52"/>
      <c r="V4202" s="52"/>
      <c r="W4202" s="52"/>
    </row>
    <row r="4203" spans="1:23" x14ac:dyDescent="0.35">
      <c r="A4203" s="52" t="s">
        <v>78</v>
      </c>
      <c r="B4203" s="52" t="s">
        <v>79</v>
      </c>
      <c r="C4203" s="3">
        <v>20</v>
      </c>
      <c r="D4203" s="52" t="s">
        <v>87</v>
      </c>
      <c r="E4203" s="52" t="s">
        <v>26</v>
      </c>
      <c r="F4203" s="52" t="s">
        <v>81</v>
      </c>
      <c r="G4203" s="52" t="s">
        <v>82</v>
      </c>
      <c r="H4203" s="4">
        <v>1</v>
      </c>
      <c r="I4203" s="2">
        <v>14.65</v>
      </c>
      <c r="J4203" s="52" t="s">
        <v>9818</v>
      </c>
      <c r="K4203" s="71" t="s">
        <v>9819</v>
      </c>
      <c r="L4203" s="52" t="s">
        <v>2063</v>
      </c>
      <c r="M4203" s="72">
        <v>8623</v>
      </c>
      <c r="N4203" s="52" t="s">
        <v>2076</v>
      </c>
      <c r="O4203" s="52" t="s">
        <v>2077</v>
      </c>
      <c r="P4203" s="52"/>
      <c r="Q4203" s="52"/>
      <c r="R4203" s="52"/>
      <c r="S4203" s="52"/>
      <c r="T4203" s="52"/>
      <c r="U4203" s="52"/>
      <c r="V4203" s="52"/>
      <c r="W4203" s="52"/>
    </row>
    <row r="4204" spans="1:23" hidden="1" x14ac:dyDescent="0.35">
      <c r="A4204" s="52" t="s">
        <v>78</v>
      </c>
      <c r="B4204" s="52" t="s">
        <v>79</v>
      </c>
      <c r="C4204" s="3">
        <v>10</v>
      </c>
      <c r="D4204" s="52" t="s">
        <v>2019</v>
      </c>
      <c r="E4204" s="52" t="s">
        <v>26</v>
      </c>
      <c r="F4204" s="52" t="s">
        <v>81</v>
      </c>
      <c r="G4204" s="52" t="s">
        <v>82</v>
      </c>
      <c r="H4204" s="4">
        <v>1</v>
      </c>
      <c r="I4204" s="2">
        <v>14.65</v>
      </c>
      <c r="J4204" s="52" t="s">
        <v>9820</v>
      </c>
      <c r="K4204" s="71" t="s">
        <v>9821</v>
      </c>
      <c r="L4204" s="52" t="s">
        <v>2063</v>
      </c>
      <c r="M4204" s="72">
        <v>3821</v>
      </c>
      <c r="N4204" s="52" t="s">
        <v>2072</v>
      </c>
      <c r="O4204" s="52" t="s">
        <v>2073</v>
      </c>
      <c r="P4204" s="52"/>
      <c r="Q4204" s="52"/>
      <c r="R4204" s="52"/>
      <c r="S4204" s="52"/>
      <c r="T4204" s="52"/>
      <c r="U4204" s="52"/>
      <c r="V4204" s="52"/>
      <c r="W4204" s="52"/>
    </row>
    <row r="4205" spans="1:23" hidden="1" x14ac:dyDescent="0.35">
      <c r="A4205" s="52" t="s">
        <v>78</v>
      </c>
      <c r="B4205" s="52" t="s">
        <v>79</v>
      </c>
      <c r="C4205" s="3">
        <v>10</v>
      </c>
      <c r="D4205" s="52" t="s">
        <v>80</v>
      </c>
      <c r="E4205" s="52" t="s">
        <v>26</v>
      </c>
      <c r="F4205" s="52" t="s">
        <v>81</v>
      </c>
      <c r="G4205" s="52" t="s">
        <v>82</v>
      </c>
      <c r="H4205" s="4">
        <v>1</v>
      </c>
      <c r="I4205" s="2">
        <v>14.65</v>
      </c>
      <c r="J4205" s="52" t="s">
        <v>9822</v>
      </c>
      <c r="K4205" s="71" t="s">
        <v>9823</v>
      </c>
      <c r="L4205" s="52" t="s">
        <v>2063</v>
      </c>
      <c r="M4205" s="72">
        <v>8855</v>
      </c>
      <c r="N4205" s="52" t="s">
        <v>2066</v>
      </c>
      <c r="O4205" s="52" t="s">
        <v>2067</v>
      </c>
      <c r="P4205" s="52"/>
      <c r="Q4205" s="52"/>
      <c r="R4205" s="52"/>
      <c r="S4205" s="52"/>
      <c r="T4205" s="52"/>
      <c r="U4205" s="52"/>
      <c r="V4205" s="52"/>
      <c r="W4205" s="52"/>
    </row>
    <row r="4206" spans="1:23" hidden="1" x14ac:dyDescent="0.35">
      <c r="A4206" s="52" t="s">
        <v>78</v>
      </c>
      <c r="B4206" s="52" t="s">
        <v>79</v>
      </c>
      <c r="C4206" s="3">
        <v>212</v>
      </c>
      <c r="D4206" s="52" t="s">
        <v>2023</v>
      </c>
      <c r="E4206" s="52" t="s">
        <v>26</v>
      </c>
      <c r="F4206" s="52" t="s">
        <v>81</v>
      </c>
      <c r="G4206" s="52" t="s">
        <v>82</v>
      </c>
      <c r="H4206" s="4">
        <v>1</v>
      </c>
      <c r="I4206" s="2">
        <v>14.65</v>
      </c>
      <c r="J4206" s="52" t="s">
        <v>9824</v>
      </c>
      <c r="K4206" s="71" t="s">
        <v>9825</v>
      </c>
      <c r="L4206" s="52" t="s">
        <v>2063</v>
      </c>
      <c r="M4206" s="72">
        <v>3498</v>
      </c>
      <c r="N4206" s="52" t="s">
        <v>2072</v>
      </c>
      <c r="O4206" s="52" t="s">
        <v>2073</v>
      </c>
      <c r="P4206" s="52"/>
      <c r="Q4206" s="52"/>
      <c r="R4206" s="52"/>
      <c r="S4206" s="52"/>
      <c r="T4206" s="52"/>
      <c r="U4206" s="52"/>
      <c r="V4206" s="52"/>
      <c r="W4206" s="52"/>
    </row>
    <row r="4207" spans="1:23" hidden="1" x14ac:dyDescent="0.35">
      <c r="A4207" s="52" t="s">
        <v>78</v>
      </c>
      <c r="B4207" s="52" t="s">
        <v>79</v>
      </c>
      <c r="C4207" s="3">
        <v>20</v>
      </c>
      <c r="D4207" s="52" t="s">
        <v>2019</v>
      </c>
      <c r="E4207" s="52" t="s">
        <v>26</v>
      </c>
      <c r="F4207" s="52" t="s">
        <v>81</v>
      </c>
      <c r="G4207" s="52" t="s">
        <v>82</v>
      </c>
      <c r="H4207" s="4">
        <v>1</v>
      </c>
      <c r="I4207" s="2">
        <v>14.65</v>
      </c>
      <c r="J4207" s="52" t="s">
        <v>9826</v>
      </c>
      <c r="K4207" s="71" t="s">
        <v>9827</v>
      </c>
      <c r="L4207" s="52" t="s">
        <v>2063</v>
      </c>
      <c r="M4207" s="72">
        <v>3178</v>
      </c>
      <c r="N4207" s="52" t="s">
        <v>2066</v>
      </c>
      <c r="O4207" s="52" t="s">
        <v>2067</v>
      </c>
      <c r="P4207" s="52"/>
      <c r="Q4207" s="52"/>
      <c r="R4207" s="52"/>
      <c r="S4207" s="52"/>
      <c r="T4207" s="52"/>
      <c r="U4207" s="52"/>
      <c r="V4207" s="52"/>
      <c r="W4207" s="52"/>
    </row>
    <row r="4208" spans="1:23" hidden="1" x14ac:dyDescent="0.35">
      <c r="A4208" s="52" t="s">
        <v>78</v>
      </c>
      <c r="B4208" s="52" t="s">
        <v>79</v>
      </c>
      <c r="C4208" s="3">
        <v>10</v>
      </c>
      <c r="D4208" s="52" t="s">
        <v>86</v>
      </c>
      <c r="E4208" s="52" t="s">
        <v>26</v>
      </c>
      <c r="F4208" s="52" t="s">
        <v>81</v>
      </c>
      <c r="G4208" s="52" t="s">
        <v>82</v>
      </c>
      <c r="H4208" s="4">
        <v>1</v>
      </c>
      <c r="I4208" s="2">
        <v>14.65</v>
      </c>
      <c r="J4208" s="52" t="s">
        <v>9828</v>
      </c>
      <c r="K4208" s="71" t="s">
        <v>9829</v>
      </c>
      <c r="L4208" s="52" t="s">
        <v>2063</v>
      </c>
      <c r="M4208" s="72">
        <v>7169</v>
      </c>
      <c r="N4208" s="52" t="s">
        <v>2066</v>
      </c>
      <c r="O4208" s="52" t="s">
        <v>2067</v>
      </c>
      <c r="P4208" s="52"/>
      <c r="Q4208" s="52"/>
      <c r="R4208" s="52"/>
      <c r="S4208" s="52"/>
      <c r="T4208" s="52"/>
      <c r="U4208" s="52"/>
      <c r="V4208" s="52"/>
      <c r="W4208" s="52"/>
    </row>
    <row r="4209" spans="1:23" hidden="1" x14ac:dyDescent="0.35">
      <c r="A4209" s="52" t="s">
        <v>78</v>
      </c>
      <c r="B4209" s="52" t="s">
        <v>79</v>
      </c>
      <c r="C4209" s="3">
        <v>20</v>
      </c>
      <c r="D4209" s="52" t="s">
        <v>2019</v>
      </c>
      <c r="E4209" s="52" t="s">
        <v>26</v>
      </c>
      <c r="F4209" s="52" t="s">
        <v>81</v>
      </c>
      <c r="G4209" s="52" t="s">
        <v>82</v>
      </c>
      <c r="H4209" s="4">
        <v>1</v>
      </c>
      <c r="I4209" s="2">
        <v>14.65</v>
      </c>
      <c r="J4209" s="52" t="s">
        <v>9830</v>
      </c>
      <c r="K4209" s="71" t="s">
        <v>9831</v>
      </c>
      <c r="L4209" s="52" t="s">
        <v>2063</v>
      </c>
      <c r="M4209" s="72">
        <v>6660</v>
      </c>
      <c r="N4209" s="52" t="s">
        <v>2072</v>
      </c>
      <c r="O4209" s="52" t="s">
        <v>2073</v>
      </c>
      <c r="P4209" s="52"/>
      <c r="Q4209" s="52"/>
      <c r="R4209" s="52"/>
      <c r="S4209" s="52"/>
      <c r="T4209" s="52"/>
      <c r="U4209" s="52"/>
      <c r="V4209" s="52"/>
      <c r="W4209" s="52"/>
    </row>
    <row r="4210" spans="1:23" hidden="1" x14ac:dyDescent="0.35">
      <c r="A4210" s="52" t="s">
        <v>78</v>
      </c>
      <c r="B4210" s="52" t="s">
        <v>79</v>
      </c>
      <c r="C4210" s="3">
        <v>10</v>
      </c>
      <c r="D4210" s="52" t="s">
        <v>2022</v>
      </c>
      <c r="E4210" s="52" t="s">
        <v>26</v>
      </c>
      <c r="F4210" s="52" t="s">
        <v>81</v>
      </c>
      <c r="G4210" s="52" t="s">
        <v>82</v>
      </c>
      <c r="H4210" s="4">
        <v>1</v>
      </c>
      <c r="I4210" s="2">
        <v>14.65</v>
      </c>
      <c r="J4210" s="52" t="s">
        <v>9832</v>
      </c>
      <c r="K4210" s="71" t="s">
        <v>9833</v>
      </c>
      <c r="L4210" s="52" t="s">
        <v>2063</v>
      </c>
      <c r="M4210" s="72">
        <v>4710</v>
      </c>
      <c r="N4210" s="52" t="s">
        <v>2154</v>
      </c>
      <c r="O4210" s="52" t="s">
        <v>2155</v>
      </c>
      <c r="P4210" s="52"/>
      <c r="Q4210" s="52"/>
      <c r="R4210" s="52"/>
      <c r="S4210" s="52"/>
      <c r="T4210" s="52"/>
      <c r="U4210" s="52"/>
      <c r="V4210" s="52"/>
      <c r="W4210" s="52"/>
    </row>
    <row r="4211" spans="1:23" hidden="1" x14ac:dyDescent="0.35">
      <c r="A4211" s="52" t="s">
        <v>78</v>
      </c>
      <c r="B4211" s="52" t="s">
        <v>79</v>
      </c>
      <c r="C4211" s="3">
        <v>10</v>
      </c>
      <c r="D4211" s="52" t="s">
        <v>85</v>
      </c>
      <c r="E4211" s="52" t="s">
        <v>26</v>
      </c>
      <c r="F4211" s="52" t="s">
        <v>81</v>
      </c>
      <c r="G4211" s="52" t="s">
        <v>82</v>
      </c>
      <c r="H4211" s="4">
        <v>1</v>
      </c>
      <c r="I4211" s="2">
        <v>14.65</v>
      </c>
      <c r="J4211" s="52" t="s">
        <v>9834</v>
      </c>
      <c r="K4211" s="71" t="s">
        <v>9835</v>
      </c>
      <c r="L4211" s="52" t="s">
        <v>2063</v>
      </c>
      <c r="M4211" s="72">
        <v>9659</v>
      </c>
      <c r="N4211" s="52"/>
      <c r="O4211" s="52"/>
      <c r="P4211" s="52"/>
      <c r="Q4211" s="52"/>
      <c r="R4211" s="52"/>
      <c r="S4211" s="52"/>
      <c r="T4211" s="52"/>
      <c r="U4211" s="52"/>
      <c r="V4211" s="52"/>
      <c r="W4211" s="52"/>
    </row>
    <row r="4212" spans="1:23" hidden="1" x14ac:dyDescent="0.35">
      <c r="A4212" s="52" t="s">
        <v>78</v>
      </c>
      <c r="B4212" s="52" t="s">
        <v>79</v>
      </c>
      <c r="C4212" s="3">
        <v>20</v>
      </c>
      <c r="D4212" s="52" t="s">
        <v>2022</v>
      </c>
      <c r="E4212" s="52" t="s">
        <v>26</v>
      </c>
      <c r="F4212" s="52" t="s">
        <v>81</v>
      </c>
      <c r="G4212" s="52" t="s">
        <v>82</v>
      </c>
      <c r="H4212" s="4">
        <v>1</v>
      </c>
      <c r="I4212" s="2">
        <v>14.65</v>
      </c>
      <c r="J4212" s="52" t="s">
        <v>8281</v>
      </c>
      <c r="K4212" s="71" t="s">
        <v>9836</v>
      </c>
      <c r="L4212" s="52" t="s">
        <v>2063</v>
      </c>
      <c r="M4212" s="72">
        <v>5641</v>
      </c>
      <c r="N4212" s="52"/>
      <c r="O4212" s="52"/>
      <c r="P4212" s="52"/>
      <c r="Q4212" s="52"/>
      <c r="R4212" s="52"/>
      <c r="S4212" s="52"/>
      <c r="T4212" s="52"/>
      <c r="U4212" s="52"/>
      <c r="V4212" s="52"/>
      <c r="W4212" s="52"/>
    </row>
    <row r="4213" spans="1:23" hidden="1" x14ac:dyDescent="0.35">
      <c r="A4213" s="52" t="s">
        <v>78</v>
      </c>
      <c r="B4213" s="52" t="s">
        <v>79</v>
      </c>
      <c r="C4213" s="3">
        <v>10</v>
      </c>
      <c r="D4213" s="52" t="s">
        <v>86</v>
      </c>
      <c r="E4213" s="52" t="s">
        <v>26</v>
      </c>
      <c r="F4213" s="52" t="s">
        <v>81</v>
      </c>
      <c r="G4213" s="52" t="s">
        <v>82</v>
      </c>
      <c r="H4213" s="4">
        <v>1</v>
      </c>
      <c r="I4213" s="2">
        <v>14.65</v>
      </c>
      <c r="J4213" s="52" t="s">
        <v>9837</v>
      </c>
      <c r="K4213" s="71" t="s">
        <v>9838</v>
      </c>
      <c r="L4213" s="52" t="s">
        <v>2063</v>
      </c>
      <c r="M4213" s="72">
        <v>3461</v>
      </c>
      <c r="N4213" s="52" t="s">
        <v>2072</v>
      </c>
      <c r="O4213" s="52" t="s">
        <v>2073</v>
      </c>
      <c r="P4213" s="52"/>
      <c r="Q4213" s="52"/>
      <c r="R4213" s="52"/>
      <c r="S4213" s="52"/>
      <c r="T4213" s="52"/>
      <c r="U4213" s="52"/>
      <c r="V4213" s="52"/>
      <c r="W4213" s="52"/>
    </row>
    <row r="4214" spans="1:23" hidden="1" x14ac:dyDescent="0.35">
      <c r="A4214" s="52" t="s">
        <v>78</v>
      </c>
      <c r="B4214" s="52" t="s">
        <v>79</v>
      </c>
      <c r="C4214" s="3">
        <v>20</v>
      </c>
      <c r="D4214" s="52" t="s">
        <v>2024</v>
      </c>
      <c r="E4214" s="52" t="s">
        <v>26</v>
      </c>
      <c r="F4214" s="52" t="s">
        <v>81</v>
      </c>
      <c r="G4214" s="52" t="s">
        <v>82</v>
      </c>
      <c r="H4214" s="4">
        <v>1</v>
      </c>
      <c r="I4214" s="2">
        <v>14.65</v>
      </c>
      <c r="J4214" s="52" t="s">
        <v>9839</v>
      </c>
      <c r="K4214" s="71" t="s">
        <v>9840</v>
      </c>
      <c r="L4214" s="52" t="s">
        <v>2063</v>
      </c>
      <c r="M4214" s="72">
        <v>2330</v>
      </c>
      <c r="N4214" s="52" t="s">
        <v>2072</v>
      </c>
      <c r="O4214" s="52" t="s">
        <v>2073</v>
      </c>
      <c r="P4214" s="52"/>
      <c r="Q4214" s="52"/>
      <c r="R4214" s="52"/>
      <c r="S4214" s="52"/>
      <c r="T4214" s="52"/>
      <c r="U4214" s="52"/>
      <c r="V4214" s="52"/>
      <c r="W4214" s="52"/>
    </row>
    <row r="4215" spans="1:23" hidden="1" x14ac:dyDescent="0.35">
      <c r="A4215" s="52" t="s">
        <v>78</v>
      </c>
      <c r="B4215" s="52" t="s">
        <v>79</v>
      </c>
      <c r="C4215" s="3">
        <v>10</v>
      </c>
      <c r="D4215" s="52" t="s">
        <v>87</v>
      </c>
      <c r="E4215" s="52" t="s">
        <v>26</v>
      </c>
      <c r="F4215" s="52" t="s">
        <v>81</v>
      </c>
      <c r="G4215" s="52" t="s">
        <v>82</v>
      </c>
      <c r="H4215" s="4">
        <v>1</v>
      </c>
      <c r="I4215" s="2">
        <v>14.65</v>
      </c>
      <c r="J4215" s="52" t="s">
        <v>9841</v>
      </c>
      <c r="K4215" s="71" t="s">
        <v>9842</v>
      </c>
      <c r="L4215" s="52" t="s">
        <v>2063</v>
      </c>
      <c r="M4215" s="72">
        <v>9819</v>
      </c>
      <c r="N4215" s="52" t="s">
        <v>2072</v>
      </c>
      <c r="O4215" s="52" t="s">
        <v>2073</v>
      </c>
      <c r="P4215" s="52"/>
      <c r="Q4215" s="52"/>
      <c r="R4215" s="52"/>
      <c r="S4215" s="52"/>
      <c r="T4215" s="52"/>
      <c r="U4215" s="52"/>
      <c r="V4215" s="52"/>
      <c r="W4215" s="52"/>
    </row>
    <row r="4216" spans="1:23" hidden="1" x14ac:dyDescent="0.35">
      <c r="A4216" s="52" t="s">
        <v>78</v>
      </c>
      <c r="B4216" s="52" t="s">
        <v>79</v>
      </c>
      <c r="C4216" s="3">
        <v>10</v>
      </c>
      <c r="D4216" s="52" t="s">
        <v>83</v>
      </c>
      <c r="E4216" s="52" t="s">
        <v>26</v>
      </c>
      <c r="F4216" s="52" t="s">
        <v>81</v>
      </c>
      <c r="G4216" s="52" t="s">
        <v>82</v>
      </c>
      <c r="H4216" s="4">
        <v>1</v>
      </c>
      <c r="I4216" s="2">
        <v>14.65</v>
      </c>
      <c r="J4216" s="52" t="s">
        <v>8335</v>
      </c>
      <c r="K4216" s="71" t="s">
        <v>9843</v>
      </c>
      <c r="L4216" s="52" t="s">
        <v>2063</v>
      </c>
      <c r="M4216" s="72">
        <v>6351</v>
      </c>
      <c r="N4216" s="52"/>
      <c r="O4216" s="52"/>
      <c r="P4216" s="52"/>
      <c r="Q4216" s="52"/>
      <c r="R4216" s="52"/>
      <c r="S4216" s="52"/>
      <c r="T4216" s="52"/>
      <c r="U4216" s="52"/>
      <c r="V4216" s="52"/>
      <c r="W4216" s="52"/>
    </row>
    <row r="4217" spans="1:23" hidden="1" x14ac:dyDescent="0.35">
      <c r="A4217" s="52" t="s">
        <v>78</v>
      </c>
      <c r="B4217" s="52" t="s">
        <v>79</v>
      </c>
      <c r="C4217" s="3">
        <v>10</v>
      </c>
      <c r="D4217" s="52" t="s">
        <v>2023</v>
      </c>
      <c r="E4217" s="52" t="s">
        <v>26</v>
      </c>
      <c r="F4217" s="52" t="s">
        <v>81</v>
      </c>
      <c r="G4217" s="52" t="s">
        <v>82</v>
      </c>
      <c r="H4217" s="4">
        <v>1</v>
      </c>
      <c r="I4217" s="2">
        <v>14.65</v>
      </c>
      <c r="J4217" s="52" t="s">
        <v>9844</v>
      </c>
      <c r="K4217" s="71" t="s">
        <v>9845</v>
      </c>
      <c r="L4217" s="52" t="s">
        <v>2063</v>
      </c>
      <c r="M4217" s="72">
        <v>1972</v>
      </c>
      <c r="N4217" s="52" t="s">
        <v>2072</v>
      </c>
      <c r="O4217" s="52" t="s">
        <v>2073</v>
      </c>
      <c r="P4217" s="52"/>
      <c r="Q4217" s="52"/>
      <c r="R4217" s="52"/>
      <c r="S4217" s="52"/>
      <c r="T4217" s="52"/>
      <c r="U4217" s="52"/>
      <c r="V4217" s="52"/>
      <c r="W4217" s="52"/>
    </row>
    <row r="4218" spans="1:23" hidden="1" x14ac:dyDescent="0.35">
      <c r="A4218" s="52" t="s">
        <v>78</v>
      </c>
      <c r="B4218" s="52" t="s">
        <v>79</v>
      </c>
      <c r="C4218" s="3">
        <v>20</v>
      </c>
      <c r="D4218" s="52" t="s">
        <v>2024</v>
      </c>
      <c r="E4218" s="52" t="s">
        <v>26</v>
      </c>
      <c r="F4218" s="52" t="s">
        <v>81</v>
      </c>
      <c r="G4218" s="52" t="s">
        <v>82</v>
      </c>
      <c r="H4218" s="4">
        <v>1</v>
      </c>
      <c r="I4218" s="2">
        <v>14.65</v>
      </c>
      <c r="J4218" s="52" t="s">
        <v>9136</v>
      </c>
      <c r="K4218" s="71" t="s">
        <v>9846</v>
      </c>
      <c r="L4218" s="52" t="s">
        <v>2095</v>
      </c>
      <c r="M4218" s="72">
        <v>4856</v>
      </c>
      <c r="N4218" s="52"/>
      <c r="O4218" s="52"/>
      <c r="P4218" s="52"/>
      <c r="Q4218" s="52"/>
      <c r="R4218" s="52"/>
      <c r="S4218" s="52"/>
      <c r="T4218" s="52"/>
      <c r="U4218" s="52"/>
      <c r="V4218" s="52"/>
      <c r="W4218" s="52"/>
    </row>
    <row r="4219" spans="1:23" hidden="1" x14ac:dyDescent="0.35">
      <c r="A4219" s="52" t="s">
        <v>78</v>
      </c>
      <c r="B4219" s="52" t="s">
        <v>79</v>
      </c>
      <c r="C4219" s="3">
        <v>20</v>
      </c>
      <c r="D4219" s="52" t="s">
        <v>87</v>
      </c>
      <c r="E4219" s="52" t="s">
        <v>26</v>
      </c>
      <c r="F4219" s="52" t="s">
        <v>81</v>
      </c>
      <c r="G4219" s="52" t="s">
        <v>82</v>
      </c>
      <c r="H4219" s="4">
        <v>1</v>
      </c>
      <c r="I4219" s="2">
        <v>14.65</v>
      </c>
      <c r="J4219" s="52" t="s">
        <v>9364</v>
      </c>
      <c r="K4219" s="71" t="s">
        <v>9847</v>
      </c>
      <c r="L4219" s="52" t="s">
        <v>2063</v>
      </c>
      <c r="M4219" s="72">
        <v>4062</v>
      </c>
      <c r="N4219" s="52" t="s">
        <v>2072</v>
      </c>
      <c r="O4219" s="52" t="s">
        <v>2073</v>
      </c>
      <c r="P4219" s="52"/>
      <c r="Q4219" s="52"/>
      <c r="R4219" s="52"/>
      <c r="S4219" s="52"/>
      <c r="T4219" s="52"/>
      <c r="U4219" s="52"/>
      <c r="V4219" s="52"/>
      <c r="W4219" s="52"/>
    </row>
    <row r="4220" spans="1:23" hidden="1" x14ac:dyDescent="0.35">
      <c r="A4220" s="52" t="s">
        <v>78</v>
      </c>
      <c r="B4220" s="52" t="s">
        <v>79</v>
      </c>
      <c r="C4220" s="3">
        <v>20</v>
      </c>
      <c r="D4220" s="52" t="s">
        <v>2020</v>
      </c>
      <c r="E4220" s="52" t="s">
        <v>26</v>
      </c>
      <c r="F4220" s="52" t="s">
        <v>81</v>
      </c>
      <c r="G4220" s="52" t="s">
        <v>82</v>
      </c>
      <c r="H4220" s="4">
        <v>1</v>
      </c>
      <c r="I4220" s="2">
        <v>14.65</v>
      </c>
      <c r="J4220" s="52" t="s">
        <v>8492</v>
      </c>
      <c r="K4220" s="71" t="s">
        <v>9848</v>
      </c>
      <c r="L4220" s="52" t="s">
        <v>2063</v>
      </c>
      <c r="M4220" s="72">
        <v>2287</v>
      </c>
      <c r="N4220" s="52"/>
      <c r="O4220" s="52"/>
      <c r="P4220" s="52"/>
      <c r="Q4220" s="52"/>
      <c r="R4220" s="52"/>
      <c r="S4220" s="52"/>
      <c r="T4220" s="52"/>
      <c r="U4220" s="52"/>
      <c r="V4220" s="52"/>
      <c r="W4220" s="52"/>
    </row>
    <row r="4221" spans="1:23" hidden="1" x14ac:dyDescent="0.35">
      <c r="A4221" s="52" t="s">
        <v>78</v>
      </c>
      <c r="B4221" s="52" t="s">
        <v>79</v>
      </c>
      <c r="C4221" s="3">
        <v>10</v>
      </c>
      <c r="D4221" s="52" t="s">
        <v>83</v>
      </c>
      <c r="E4221" s="52" t="s">
        <v>26</v>
      </c>
      <c r="F4221" s="52" t="s">
        <v>81</v>
      </c>
      <c r="G4221" s="52" t="s">
        <v>82</v>
      </c>
      <c r="H4221" s="4">
        <v>1</v>
      </c>
      <c r="I4221" s="2">
        <v>14.65</v>
      </c>
      <c r="J4221" s="52" t="s">
        <v>9849</v>
      </c>
      <c r="K4221" s="71" t="s">
        <v>9850</v>
      </c>
      <c r="L4221" s="52" t="s">
        <v>2063</v>
      </c>
      <c r="M4221" s="72">
        <v>947</v>
      </c>
      <c r="N4221" s="52" t="s">
        <v>2066</v>
      </c>
      <c r="O4221" s="52" t="s">
        <v>2067</v>
      </c>
      <c r="P4221" s="52"/>
      <c r="Q4221" s="52"/>
      <c r="R4221" s="52"/>
      <c r="S4221" s="52"/>
      <c r="T4221" s="52"/>
      <c r="U4221" s="52"/>
      <c r="V4221" s="52"/>
      <c r="W4221" s="52"/>
    </row>
    <row r="4222" spans="1:23" x14ac:dyDescent="0.35">
      <c r="A4222" s="52" t="s">
        <v>78</v>
      </c>
      <c r="B4222" s="52" t="s">
        <v>79</v>
      </c>
      <c r="C4222" s="3">
        <v>20</v>
      </c>
      <c r="D4222" s="52" t="s">
        <v>84</v>
      </c>
      <c r="E4222" s="52" t="s">
        <v>26</v>
      </c>
      <c r="F4222" s="52" t="s">
        <v>81</v>
      </c>
      <c r="G4222" s="52" t="s">
        <v>82</v>
      </c>
      <c r="H4222" s="4">
        <v>1</v>
      </c>
      <c r="I4222" s="2">
        <v>14.65</v>
      </c>
      <c r="J4222" s="52" t="s">
        <v>9851</v>
      </c>
      <c r="K4222" s="71" t="s">
        <v>9852</v>
      </c>
      <c r="L4222" s="52" t="s">
        <v>2063</v>
      </c>
      <c r="M4222" s="72">
        <v>7516</v>
      </c>
      <c r="N4222" s="52" t="s">
        <v>2259</v>
      </c>
      <c r="O4222" s="52" t="s">
        <v>2260</v>
      </c>
      <c r="P4222" s="52"/>
      <c r="Q4222" s="52"/>
      <c r="R4222" s="52"/>
      <c r="S4222" s="52"/>
      <c r="T4222" s="52"/>
      <c r="U4222" s="52"/>
      <c r="V4222" s="52"/>
      <c r="W4222" s="52"/>
    </row>
    <row r="4223" spans="1:23" hidden="1" x14ac:dyDescent="0.35">
      <c r="A4223" s="52" t="s">
        <v>78</v>
      </c>
      <c r="B4223" s="52" t="s">
        <v>79</v>
      </c>
      <c r="C4223" s="3">
        <v>20</v>
      </c>
      <c r="D4223" s="52" t="s">
        <v>85</v>
      </c>
      <c r="E4223" s="52" t="s">
        <v>26</v>
      </c>
      <c r="F4223" s="52" t="s">
        <v>81</v>
      </c>
      <c r="G4223" s="52" t="s">
        <v>82</v>
      </c>
      <c r="H4223" s="4">
        <v>1</v>
      </c>
      <c r="I4223" s="2">
        <v>14.65</v>
      </c>
      <c r="J4223" s="52" t="s">
        <v>9853</v>
      </c>
      <c r="K4223" s="71" t="s">
        <v>9854</v>
      </c>
      <c r="L4223" s="52" t="s">
        <v>2063</v>
      </c>
      <c r="M4223" s="72">
        <v>517</v>
      </c>
      <c r="N4223" s="52" t="s">
        <v>2066</v>
      </c>
      <c r="O4223" s="52" t="s">
        <v>2067</v>
      </c>
      <c r="P4223" s="52"/>
      <c r="Q4223" s="52"/>
      <c r="R4223" s="52"/>
      <c r="S4223" s="52"/>
      <c r="T4223" s="52"/>
      <c r="U4223" s="52"/>
      <c r="V4223" s="52"/>
      <c r="W4223" s="52"/>
    </row>
    <row r="4224" spans="1:23" hidden="1" x14ac:dyDescent="0.35">
      <c r="A4224" s="52" t="s">
        <v>78</v>
      </c>
      <c r="B4224" s="52" t="s">
        <v>79</v>
      </c>
      <c r="C4224" s="3">
        <v>10</v>
      </c>
      <c r="D4224" s="52" t="s">
        <v>2021</v>
      </c>
      <c r="E4224" s="52" t="s">
        <v>26</v>
      </c>
      <c r="F4224" s="52" t="s">
        <v>81</v>
      </c>
      <c r="G4224" s="52" t="s">
        <v>82</v>
      </c>
      <c r="H4224" s="4">
        <v>1</v>
      </c>
      <c r="I4224" s="2">
        <v>14.65</v>
      </c>
      <c r="J4224" s="52" t="s">
        <v>9855</v>
      </c>
      <c r="K4224" s="71" t="s">
        <v>9856</v>
      </c>
      <c r="L4224" s="52" t="s">
        <v>2063</v>
      </c>
      <c r="M4224" s="72">
        <v>9319</v>
      </c>
      <c r="N4224" s="52" t="s">
        <v>2072</v>
      </c>
      <c r="O4224" s="52" t="s">
        <v>2073</v>
      </c>
      <c r="P4224" s="52"/>
      <c r="Q4224" s="52"/>
      <c r="R4224" s="52"/>
      <c r="S4224" s="52"/>
      <c r="T4224" s="52"/>
      <c r="U4224" s="52"/>
      <c r="V4224" s="52"/>
      <c r="W4224" s="52"/>
    </row>
    <row r="4225" spans="1:23" hidden="1" x14ac:dyDescent="0.35">
      <c r="A4225" s="52" t="s">
        <v>78</v>
      </c>
      <c r="B4225" s="52" t="s">
        <v>79</v>
      </c>
      <c r="C4225" s="3">
        <v>20</v>
      </c>
      <c r="D4225" s="52" t="s">
        <v>2023</v>
      </c>
      <c r="E4225" s="52" t="s">
        <v>26</v>
      </c>
      <c r="F4225" s="52" t="s">
        <v>81</v>
      </c>
      <c r="G4225" s="52" t="s">
        <v>82</v>
      </c>
      <c r="H4225" s="4">
        <v>1</v>
      </c>
      <c r="I4225" s="2">
        <v>14.65</v>
      </c>
      <c r="J4225" s="52" t="s">
        <v>9494</v>
      </c>
      <c r="K4225" s="71" t="s">
        <v>9857</v>
      </c>
      <c r="L4225" s="52" t="s">
        <v>2063</v>
      </c>
      <c r="M4225" s="72">
        <v>9666</v>
      </c>
      <c r="N4225" s="52"/>
      <c r="O4225" s="52"/>
      <c r="P4225" s="52"/>
      <c r="Q4225" s="52"/>
      <c r="R4225" s="52"/>
      <c r="S4225" s="52"/>
      <c r="T4225" s="52"/>
      <c r="U4225" s="52"/>
      <c r="V4225" s="52"/>
      <c r="W4225" s="52"/>
    </row>
  </sheetData>
  <autoFilter ref="A1:W4225" xr:uid="{BB25FE5C-3CEA-4447-9234-D7561B6861DF}">
    <filterColumn colId="14">
      <filters>
        <filter val="BNYM - mailed checks except KY"/>
        <filter val="BNYM - mailed checks KY"/>
        <filter val="In-person pay station"/>
      </filters>
    </filterColumn>
  </autoFilter>
  <pageMargins left="0.7" right="0.7" top="0.75" bottom="0.75" header="0.3" footer="0.3"/>
</worksheet>
</file>

<file path=xl/worksheets/sheet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7B2E4ACB-1E63-43B2-8C8D-230E21951002}">
  <dimension ref="A1:F714"/>
  <sheetViews>
    <sheetView tabSelected="1" topLeftCell="A730" workbookViewId="0">
      <selection activeCell="A406" sqref="A1:F1048576"/>
    </sheetView>
  </sheetViews>
  <sheetFormatPr defaultRowHeight="14.5" x14ac:dyDescent="0.35"/>
  <cols>
    <col min="1" max="1" width="14.7265625" style="131" bestFit="1" customWidth="1"/>
    <col min="2" max="2" width="37.54296875" style="131" bestFit="1" customWidth="1"/>
    <col min="3" max="3" width="68.26953125" style="131" customWidth="1"/>
    <col min="4" max="4" width="237.81640625" style="131" bestFit="1" customWidth="1"/>
    <col min="5" max="6" width="8.7265625" style="131"/>
  </cols>
  <sheetData>
    <row r="1" spans="1:4" x14ac:dyDescent="0.35">
      <c r="A1" s="130" t="s">
        <v>142</v>
      </c>
      <c r="B1" s="130" t="s">
        <v>143</v>
      </c>
      <c r="C1" s="130" t="s">
        <v>144</v>
      </c>
      <c r="D1" s="130" t="s">
        <v>145</v>
      </c>
    </row>
    <row r="2" spans="1:4" x14ac:dyDescent="0.35">
      <c r="A2" s="131" t="s">
        <v>146</v>
      </c>
      <c r="B2" s="131" t="s">
        <v>147</v>
      </c>
      <c r="C2" s="131" t="e">
        <v>#N/A</v>
      </c>
      <c r="D2" s="131" t="e">
        <v>#N/A</v>
      </c>
    </row>
    <row r="3" spans="1:4" x14ac:dyDescent="0.35">
      <c r="A3" s="131" t="s">
        <v>148</v>
      </c>
      <c r="B3" s="131" t="s">
        <v>149</v>
      </c>
      <c r="C3" s="131" t="e">
        <v>#N/A</v>
      </c>
      <c r="D3" s="131" t="e">
        <v>#N/A</v>
      </c>
    </row>
    <row r="4" spans="1:4" x14ac:dyDescent="0.35">
      <c r="A4" s="131" t="s">
        <v>150</v>
      </c>
      <c r="B4" s="131" t="s">
        <v>151</v>
      </c>
      <c r="C4" s="131" t="e">
        <v>#N/A</v>
      </c>
      <c r="D4" s="131" t="e">
        <v>#N/A</v>
      </c>
    </row>
    <row r="5" spans="1:4" x14ac:dyDescent="0.35">
      <c r="A5" s="131" t="s">
        <v>152</v>
      </c>
      <c r="B5" s="131" t="s">
        <v>153</v>
      </c>
      <c r="C5" s="131" t="e">
        <v>#N/A</v>
      </c>
      <c r="D5" s="131" t="e">
        <v>#N/A</v>
      </c>
    </row>
    <row r="6" spans="1:4" x14ac:dyDescent="0.35">
      <c r="A6" s="131" t="s">
        <v>154</v>
      </c>
      <c r="B6" s="131" t="s">
        <v>155</v>
      </c>
      <c r="C6" s="131" t="e">
        <v>#N/A</v>
      </c>
      <c r="D6" s="131" t="e">
        <v>#N/A</v>
      </c>
    </row>
    <row r="7" spans="1:4" x14ac:dyDescent="0.35">
      <c r="A7" s="131" t="s">
        <v>156</v>
      </c>
      <c r="B7" s="131" t="s">
        <v>157</v>
      </c>
      <c r="C7" s="131" t="e">
        <v>#N/A</v>
      </c>
      <c r="D7" s="131" t="e">
        <v>#N/A</v>
      </c>
    </row>
    <row r="8" spans="1:4" x14ac:dyDescent="0.35">
      <c r="A8" s="131" t="s">
        <v>158</v>
      </c>
      <c r="B8" s="131" t="s">
        <v>159</v>
      </c>
      <c r="C8" s="131" t="s">
        <v>160</v>
      </c>
      <c r="D8" s="131" t="s">
        <v>161</v>
      </c>
    </row>
    <row r="9" spans="1:4" x14ac:dyDescent="0.35">
      <c r="A9" s="131" t="s">
        <v>162</v>
      </c>
      <c r="B9" s="131" t="s">
        <v>163</v>
      </c>
      <c r="C9" s="131" t="s">
        <v>164</v>
      </c>
      <c r="D9" s="131" t="s">
        <v>165</v>
      </c>
    </row>
    <row r="10" spans="1:4" x14ac:dyDescent="0.35">
      <c r="A10" s="132" t="s">
        <v>166</v>
      </c>
      <c r="B10" s="131" t="e">
        <v>#N/A</v>
      </c>
      <c r="C10" s="131" t="s">
        <v>167</v>
      </c>
      <c r="D10" s="131" t="e">
        <v>#N/A</v>
      </c>
    </row>
    <row r="11" spans="1:4" x14ac:dyDescent="0.35">
      <c r="A11" s="132" t="s">
        <v>168</v>
      </c>
      <c r="B11" s="131" t="e">
        <v>#N/A</v>
      </c>
      <c r="C11" s="131" t="e">
        <v>#N/A</v>
      </c>
      <c r="D11" s="131" t="s">
        <v>169</v>
      </c>
    </row>
    <row r="12" spans="1:4" x14ac:dyDescent="0.35">
      <c r="A12" s="131" t="s">
        <v>170</v>
      </c>
      <c r="B12" s="131" t="s">
        <v>171</v>
      </c>
      <c r="C12" s="131" t="e">
        <v>#N/A</v>
      </c>
      <c r="D12" s="131" t="e">
        <v>#N/A</v>
      </c>
    </row>
    <row r="13" spans="1:4" x14ac:dyDescent="0.35">
      <c r="A13" s="131" t="s">
        <v>172</v>
      </c>
      <c r="B13" s="131" t="s">
        <v>173</v>
      </c>
      <c r="C13" s="131" t="s">
        <v>174</v>
      </c>
      <c r="D13" s="131" t="s">
        <v>175</v>
      </c>
    </row>
    <row r="14" spans="1:4" x14ac:dyDescent="0.35">
      <c r="A14" s="131" t="s">
        <v>176</v>
      </c>
      <c r="B14" s="131" t="s">
        <v>177</v>
      </c>
      <c r="C14" s="131" t="e">
        <v>#N/A</v>
      </c>
      <c r="D14" s="131" t="e">
        <v>#N/A</v>
      </c>
    </row>
    <row r="15" spans="1:4" x14ac:dyDescent="0.35">
      <c r="A15" s="131" t="s">
        <v>178</v>
      </c>
      <c r="B15" s="131" t="s">
        <v>179</v>
      </c>
      <c r="C15" s="131" t="e">
        <v>#N/A</v>
      </c>
      <c r="D15" s="131" t="e">
        <v>#N/A</v>
      </c>
    </row>
    <row r="16" spans="1:4" x14ac:dyDescent="0.35">
      <c r="A16" s="132" t="s">
        <v>180</v>
      </c>
      <c r="B16" s="131" t="e">
        <v>#N/A</v>
      </c>
      <c r="C16" s="131" t="s">
        <v>181</v>
      </c>
      <c r="D16" s="131" t="s">
        <v>182</v>
      </c>
    </row>
    <row r="17" spans="1:4" x14ac:dyDescent="0.35">
      <c r="A17" s="132" t="s">
        <v>183</v>
      </c>
      <c r="B17" s="131" t="e">
        <v>#N/A</v>
      </c>
      <c r="C17" s="131" t="s">
        <v>184</v>
      </c>
      <c r="D17" s="131" t="s">
        <v>185</v>
      </c>
    </row>
    <row r="18" spans="1:4" x14ac:dyDescent="0.35">
      <c r="A18" s="132" t="s">
        <v>186</v>
      </c>
      <c r="B18" s="131" t="e">
        <v>#N/A</v>
      </c>
      <c r="C18" s="131" t="s">
        <v>187</v>
      </c>
      <c r="D18" s="131" t="s">
        <v>188</v>
      </c>
    </row>
    <row r="19" spans="1:4" x14ac:dyDescent="0.35">
      <c r="A19" s="131" t="s">
        <v>189</v>
      </c>
      <c r="B19" s="131" t="s">
        <v>190</v>
      </c>
      <c r="C19" s="131" t="e">
        <v>#N/A</v>
      </c>
      <c r="D19" s="131" t="e">
        <v>#N/A</v>
      </c>
    </row>
    <row r="20" spans="1:4" x14ac:dyDescent="0.35">
      <c r="A20" s="131" t="s">
        <v>191</v>
      </c>
      <c r="B20" s="131" t="s">
        <v>192</v>
      </c>
      <c r="C20" s="131" t="e">
        <v>#N/A</v>
      </c>
      <c r="D20" s="131" t="e">
        <v>#N/A</v>
      </c>
    </row>
    <row r="21" spans="1:4" x14ac:dyDescent="0.35">
      <c r="A21" s="132" t="s">
        <v>193</v>
      </c>
      <c r="B21" s="131" t="e">
        <v>#N/A</v>
      </c>
      <c r="C21" s="131" t="s">
        <v>194</v>
      </c>
      <c r="D21" s="131" t="s">
        <v>195</v>
      </c>
    </row>
    <row r="22" spans="1:4" x14ac:dyDescent="0.35">
      <c r="A22" s="132" t="s">
        <v>196</v>
      </c>
      <c r="B22" s="131" t="e">
        <v>#N/A</v>
      </c>
      <c r="C22" s="131" t="s">
        <v>197</v>
      </c>
      <c r="D22" s="131" t="s">
        <v>198</v>
      </c>
    </row>
    <row r="23" spans="1:4" x14ac:dyDescent="0.35">
      <c r="A23" s="131" t="s">
        <v>199</v>
      </c>
      <c r="B23" s="131" t="s">
        <v>200</v>
      </c>
      <c r="C23" s="131" t="e">
        <v>#N/A</v>
      </c>
      <c r="D23" s="131" t="e">
        <v>#N/A</v>
      </c>
    </row>
    <row r="24" spans="1:4" x14ac:dyDescent="0.35">
      <c r="A24" s="132" t="s">
        <v>201</v>
      </c>
      <c r="B24" s="131" t="e">
        <v>#N/A</v>
      </c>
      <c r="C24" s="131" t="s">
        <v>202</v>
      </c>
      <c r="D24" s="131" t="s">
        <v>203</v>
      </c>
    </row>
    <row r="25" spans="1:4" x14ac:dyDescent="0.35">
      <c r="A25" s="132" t="s">
        <v>204</v>
      </c>
      <c r="B25" s="131" t="e">
        <v>#N/A</v>
      </c>
      <c r="C25" s="131" t="s">
        <v>205</v>
      </c>
      <c r="D25" s="131" t="s">
        <v>206</v>
      </c>
    </row>
    <row r="26" spans="1:4" x14ac:dyDescent="0.35">
      <c r="A26" s="131" t="s">
        <v>207</v>
      </c>
      <c r="B26" s="131" t="s">
        <v>208</v>
      </c>
      <c r="C26" s="131" t="e">
        <v>#N/A</v>
      </c>
      <c r="D26" s="131" t="e">
        <v>#N/A</v>
      </c>
    </row>
    <row r="27" spans="1:4" x14ac:dyDescent="0.35">
      <c r="A27" s="131" t="s">
        <v>209</v>
      </c>
      <c r="B27" s="131" t="s">
        <v>210</v>
      </c>
      <c r="C27" s="131" t="e">
        <v>#N/A</v>
      </c>
      <c r="D27" s="131" t="e">
        <v>#N/A</v>
      </c>
    </row>
    <row r="28" spans="1:4" x14ac:dyDescent="0.35">
      <c r="A28" s="131" t="s">
        <v>211</v>
      </c>
      <c r="B28" s="131" t="s">
        <v>212</v>
      </c>
      <c r="C28" s="131" t="e">
        <v>#N/A</v>
      </c>
      <c r="D28" s="131" t="e">
        <v>#N/A</v>
      </c>
    </row>
    <row r="29" spans="1:4" x14ac:dyDescent="0.35">
      <c r="A29" s="132" t="s">
        <v>213</v>
      </c>
      <c r="B29" s="131" t="e">
        <v>#N/A</v>
      </c>
      <c r="C29" s="131" t="e">
        <v>#N/A</v>
      </c>
      <c r="D29" s="131" t="s">
        <v>214</v>
      </c>
    </row>
    <row r="30" spans="1:4" x14ac:dyDescent="0.35">
      <c r="A30" s="131" t="s">
        <v>215</v>
      </c>
      <c r="B30" s="131" t="s">
        <v>216</v>
      </c>
      <c r="C30" s="131" t="e">
        <v>#N/A</v>
      </c>
      <c r="D30" s="131" t="e">
        <v>#N/A</v>
      </c>
    </row>
    <row r="31" spans="1:4" x14ac:dyDescent="0.35">
      <c r="A31" s="132" t="s">
        <v>217</v>
      </c>
      <c r="B31" s="131" t="e">
        <v>#N/A</v>
      </c>
      <c r="C31" s="131" t="s">
        <v>218</v>
      </c>
      <c r="D31" s="131" t="s">
        <v>219</v>
      </c>
    </row>
    <row r="32" spans="1:4" x14ac:dyDescent="0.35">
      <c r="A32" s="131" t="s">
        <v>220</v>
      </c>
      <c r="B32" s="131" t="s">
        <v>221</v>
      </c>
      <c r="C32" s="131" t="e">
        <v>#N/A</v>
      </c>
      <c r="D32" s="131" t="e">
        <v>#N/A</v>
      </c>
    </row>
    <row r="33" spans="1:4" x14ac:dyDescent="0.35">
      <c r="A33" s="131" t="s">
        <v>222</v>
      </c>
      <c r="B33" s="131" t="s">
        <v>223</v>
      </c>
      <c r="C33" s="131" t="e">
        <v>#N/A</v>
      </c>
      <c r="D33" s="131" t="e">
        <v>#N/A</v>
      </c>
    </row>
    <row r="34" spans="1:4" x14ac:dyDescent="0.35">
      <c r="A34" s="132" t="s">
        <v>224</v>
      </c>
      <c r="B34" s="131" t="e">
        <v>#N/A</v>
      </c>
      <c r="C34" s="131" t="s">
        <v>225</v>
      </c>
      <c r="D34" s="131" t="s">
        <v>226</v>
      </c>
    </row>
    <row r="35" spans="1:4" x14ac:dyDescent="0.35">
      <c r="A35" s="132" t="s">
        <v>227</v>
      </c>
      <c r="B35" s="131" t="e">
        <v>#N/A</v>
      </c>
      <c r="C35" s="131" t="s">
        <v>228</v>
      </c>
      <c r="D35" s="131" t="s">
        <v>229</v>
      </c>
    </row>
    <row r="36" spans="1:4" x14ac:dyDescent="0.35">
      <c r="A36" s="131" t="s">
        <v>230</v>
      </c>
      <c r="B36" s="131" t="s">
        <v>231</v>
      </c>
      <c r="C36" s="131" t="s">
        <v>232</v>
      </c>
      <c r="D36" s="131" t="s">
        <v>233</v>
      </c>
    </row>
    <row r="37" spans="1:4" x14ac:dyDescent="0.35">
      <c r="A37" s="131" t="s">
        <v>126</v>
      </c>
      <c r="B37" s="131" t="s">
        <v>234</v>
      </c>
      <c r="C37" s="131" t="s">
        <v>235</v>
      </c>
      <c r="D37" s="131" t="s">
        <v>236</v>
      </c>
    </row>
    <row r="38" spans="1:4" x14ac:dyDescent="0.35">
      <c r="A38" s="131" t="s">
        <v>237</v>
      </c>
      <c r="B38" s="131" t="s">
        <v>238</v>
      </c>
      <c r="C38" s="131" t="s">
        <v>239</v>
      </c>
      <c r="D38" s="131" t="s">
        <v>240</v>
      </c>
    </row>
    <row r="39" spans="1:4" x14ac:dyDescent="0.35">
      <c r="A39" s="131" t="s">
        <v>121</v>
      </c>
      <c r="B39" s="131" t="s">
        <v>241</v>
      </c>
      <c r="C39" s="131" t="s">
        <v>242</v>
      </c>
      <c r="D39" s="131" t="s">
        <v>243</v>
      </c>
    </row>
    <row r="40" spans="1:4" x14ac:dyDescent="0.35">
      <c r="A40" s="131" t="s">
        <v>135</v>
      </c>
      <c r="B40" s="131" t="s">
        <v>244</v>
      </c>
      <c r="C40" s="131" t="s">
        <v>245</v>
      </c>
      <c r="D40" s="131" t="s">
        <v>246</v>
      </c>
    </row>
    <row r="41" spans="1:4" x14ac:dyDescent="0.35">
      <c r="A41" s="132" t="s">
        <v>247</v>
      </c>
      <c r="B41" s="131" t="e">
        <v>#N/A</v>
      </c>
      <c r="C41" s="131" t="s">
        <v>248</v>
      </c>
      <c r="D41" s="131" t="s">
        <v>236</v>
      </c>
    </row>
    <row r="42" spans="1:4" x14ac:dyDescent="0.35">
      <c r="A42" s="131" t="s">
        <v>249</v>
      </c>
      <c r="B42" s="131" t="s">
        <v>250</v>
      </c>
      <c r="C42" s="131" t="s">
        <v>251</v>
      </c>
      <c r="D42" s="131" t="s">
        <v>252</v>
      </c>
    </row>
    <row r="43" spans="1:4" x14ac:dyDescent="0.35">
      <c r="A43" s="131" t="s">
        <v>253</v>
      </c>
      <c r="B43" s="131" t="s">
        <v>254</v>
      </c>
      <c r="C43" s="131" t="s">
        <v>255</v>
      </c>
      <c r="D43" s="131" t="s">
        <v>256</v>
      </c>
    </row>
    <row r="44" spans="1:4" x14ac:dyDescent="0.35">
      <c r="A44" s="131" t="s">
        <v>257</v>
      </c>
      <c r="B44" s="131" t="s">
        <v>258</v>
      </c>
      <c r="C44" s="131" t="s">
        <v>259</v>
      </c>
      <c r="D44" s="131" t="s">
        <v>260</v>
      </c>
    </row>
    <row r="45" spans="1:4" x14ac:dyDescent="0.35">
      <c r="A45" s="132" t="s">
        <v>261</v>
      </c>
      <c r="B45" s="131" t="e">
        <v>#N/A</v>
      </c>
      <c r="C45" s="131" t="s">
        <v>262</v>
      </c>
      <c r="D45" s="131" t="s">
        <v>263</v>
      </c>
    </row>
    <row r="46" spans="1:4" x14ac:dyDescent="0.35">
      <c r="A46" s="132" t="s">
        <v>264</v>
      </c>
      <c r="B46" s="131" t="e">
        <v>#N/A</v>
      </c>
      <c r="C46" s="131" t="e">
        <v>#N/A</v>
      </c>
      <c r="D46" s="131" t="s">
        <v>265</v>
      </c>
    </row>
    <row r="47" spans="1:4" x14ac:dyDescent="0.35">
      <c r="A47" s="131" t="s">
        <v>266</v>
      </c>
      <c r="B47" s="131" t="s">
        <v>267</v>
      </c>
      <c r="C47" s="131" t="s">
        <v>268</v>
      </c>
      <c r="D47" s="131" t="e">
        <v>#N/A</v>
      </c>
    </row>
    <row r="48" spans="1:4" x14ac:dyDescent="0.35">
      <c r="A48" s="131" t="s">
        <v>269</v>
      </c>
      <c r="B48" s="131" t="s">
        <v>270</v>
      </c>
      <c r="C48" s="131" t="s">
        <v>271</v>
      </c>
      <c r="D48" s="131" t="e">
        <v>#N/A</v>
      </c>
    </row>
    <row r="49" spans="1:4" x14ac:dyDescent="0.35">
      <c r="A49" s="131" t="s">
        <v>272</v>
      </c>
      <c r="B49" s="131" t="s">
        <v>273</v>
      </c>
      <c r="C49" s="131" t="s">
        <v>274</v>
      </c>
      <c r="D49" s="131" t="s">
        <v>275</v>
      </c>
    </row>
    <row r="50" spans="1:4" x14ac:dyDescent="0.35">
      <c r="A50" s="132" t="s">
        <v>276</v>
      </c>
      <c r="B50" s="131" t="e">
        <v>#N/A</v>
      </c>
      <c r="C50" s="131" t="s">
        <v>277</v>
      </c>
      <c r="D50" s="131" t="s">
        <v>278</v>
      </c>
    </row>
    <row r="51" spans="1:4" x14ac:dyDescent="0.35">
      <c r="A51" s="131" t="s">
        <v>279</v>
      </c>
      <c r="B51" s="131" t="s">
        <v>280</v>
      </c>
      <c r="C51" s="131" t="s">
        <v>281</v>
      </c>
      <c r="D51" s="131" t="s">
        <v>282</v>
      </c>
    </row>
    <row r="52" spans="1:4" x14ac:dyDescent="0.35">
      <c r="A52" s="131" t="s">
        <v>283</v>
      </c>
      <c r="B52" s="131" t="s">
        <v>284</v>
      </c>
      <c r="C52" s="131" t="s">
        <v>285</v>
      </c>
      <c r="D52" s="131" t="s">
        <v>286</v>
      </c>
    </row>
    <row r="53" spans="1:4" x14ac:dyDescent="0.35">
      <c r="A53" s="131" t="s">
        <v>287</v>
      </c>
      <c r="B53" s="131" t="s">
        <v>287</v>
      </c>
      <c r="C53" s="131" t="s">
        <v>288</v>
      </c>
      <c r="D53" s="131" t="s">
        <v>289</v>
      </c>
    </row>
    <row r="54" spans="1:4" x14ac:dyDescent="0.35">
      <c r="A54" s="131" t="s">
        <v>290</v>
      </c>
      <c r="B54" s="131" t="s">
        <v>291</v>
      </c>
      <c r="C54" s="131" t="s">
        <v>292</v>
      </c>
      <c r="D54" s="131" t="e">
        <v>#N/A</v>
      </c>
    </row>
    <row r="55" spans="1:4" x14ac:dyDescent="0.35">
      <c r="A55" s="131" t="s">
        <v>293</v>
      </c>
      <c r="B55" s="131" t="s">
        <v>294</v>
      </c>
      <c r="C55" s="131" t="s">
        <v>295</v>
      </c>
      <c r="D55" s="131" t="e">
        <v>#N/A</v>
      </c>
    </row>
    <row r="56" spans="1:4" x14ac:dyDescent="0.35">
      <c r="A56" s="132" t="s">
        <v>296</v>
      </c>
      <c r="B56" s="131" t="e">
        <v>#N/A</v>
      </c>
      <c r="C56" s="131" t="s">
        <v>297</v>
      </c>
      <c r="D56" s="131" t="s">
        <v>298</v>
      </c>
    </row>
    <row r="57" spans="1:4" x14ac:dyDescent="0.35">
      <c r="A57" s="132" t="s">
        <v>299</v>
      </c>
      <c r="B57" s="131" t="e">
        <v>#N/A</v>
      </c>
      <c r="C57" s="131" t="s">
        <v>300</v>
      </c>
      <c r="D57" s="131" t="s">
        <v>301</v>
      </c>
    </row>
    <row r="58" spans="1:4" x14ac:dyDescent="0.35">
      <c r="A58" s="131" t="s">
        <v>139</v>
      </c>
      <c r="B58" s="131" t="s">
        <v>302</v>
      </c>
      <c r="C58" s="131" t="s">
        <v>303</v>
      </c>
      <c r="D58" s="131" t="s">
        <v>304</v>
      </c>
    </row>
    <row r="59" spans="1:4" x14ac:dyDescent="0.35">
      <c r="A59" s="132" t="s">
        <v>305</v>
      </c>
      <c r="B59" s="131" t="e">
        <v>#N/A</v>
      </c>
      <c r="C59" s="131" t="e">
        <v>#N/A</v>
      </c>
      <c r="D59" s="131" t="s">
        <v>236</v>
      </c>
    </row>
    <row r="60" spans="1:4" x14ac:dyDescent="0.35">
      <c r="A60" s="132" t="s">
        <v>306</v>
      </c>
      <c r="B60" s="131" t="e">
        <v>#N/A</v>
      </c>
      <c r="C60" s="131" t="s">
        <v>307</v>
      </c>
      <c r="D60" s="131" t="s">
        <v>308</v>
      </c>
    </row>
    <row r="61" spans="1:4" x14ac:dyDescent="0.35">
      <c r="A61" s="132" t="s">
        <v>309</v>
      </c>
      <c r="B61" s="131" t="e">
        <v>#N/A</v>
      </c>
      <c r="C61" s="131" t="s">
        <v>310</v>
      </c>
      <c r="D61" s="131" t="s">
        <v>311</v>
      </c>
    </row>
    <row r="62" spans="1:4" x14ac:dyDescent="0.35">
      <c r="A62" s="131" t="s">
        <v>26</v>
      </c>
      <c r="B62" s="131" t="s">
        <v>312</v>
      </c>
      <c r="C62" s="131" t="s">
        <v>313</v>
      </c>
      <c r="D62" s="131" t="s">
        <v>314</v>
      </c>
    </row>
    <row r="63" spans="1:4" x14ac:dyDescent="0.35">
      <c r="A63" s="132" t="s">
        <v>315</v>
      </c>
      <c r="B63" s="131" t="e">
        <v>#N/A</v>
      </c>
      <c r="C63" s="131" t="s">
        <v>316</v>
      </c>
      <c r="D63" s="131" t="s">
        <v>317</v>
      </c>
    </row>
    <row r="64" spans="1:4" x14ac:dyDescent="0.35">
      <c r="A64" s="132" t="s">
        <v>318</v>
      </c>
      <c r="B64" s="131" t="e">
        <v>#N/A</v>
      </c>
      <c r="C64" s="131" t="s">
        <v>319</v>
      </c>
      <c r="D64" s="131" t="s">
        <v>320</v>
      </c>
    </row>
    <row r="65" spans="1:4" x14ac:dyDescent="0.35">
      <c r="A65" s="132" t="s">
        <v>321</v>
      </c>
      <c r="B65" s="131" t="e">
        <v>#N/A</v>
      </c>
      <c r="C65" s="131" t="s">
        <v>322</v>
      </c>
      <c r="D65" s="131" t="s">
        <v>323</v>
      </c>
    </row>
    <row r="66" spans="1:4" x14ac:dyDescent="0.35">
      <c r="A66" s="132" t="s">
        <v>324</v>
      </c>
      <c r="B66" s="131" t="e">
        <v>#N/A</v>
      </c>
      <c r="C66" s="131" t="s">
        <v>325</v>
      </c>
      <c r="D66" s="131" t="s">
        <v>326</v>
      </c>
    </row>
    <row r="67" spans="1:4" x14ac:dyDescent="0.35">
      <c r="A67" s="131" t="s">
        <v>327</v>
      </c>
      <c r="B67" s="131" t="s">
        <v>328</v>
      </c>
      <c r="C67" s="131" t="s">
        <v>329</v>
      </c>
      <c r="D67" s="131" t="s">
        <v>330</v>
      </c>
    </row>
    <row r="68" spans="1:4" x14ac:dyDescent="0.35">
      <c r="A68" s="131" t="s">
        <v>331</v>
      </c>
      <c r="B68" s="131" t="s">
        <v>332</v>
      </c>
      <c r="C68" s="131" t="s">
        <v>333</v>
      </c>
      <c r="D68" s="131" t="s">
        <v>334</v>
      </c>
    </row>
    <row r="69" spans="1:4" x14ac:dyDescent="0.35">
      <c r="A69" s="131" t="s">
        <v>335</v>
      </c>
      <c r="B69" s="131" t="s">
        <v>336</v>
      </c>
      <c r="C69" s="131" t="s">
        <v>337</v>
      </c>
      <c r="D69" s="131" t="e">
        <v>#N/A</v>
      </c>
    </row>
    <row r="70" spans="1:4" x14ac:dyDescent="0.35">
      <c r="A70" s="131" t="s">
        <v>338</v>
      </c>
      <c r="B70" s="131" t="s">
        <v>339</v>
      </c>
      <c r="C70" s="131" t="s">
        <v>340</v>
      </c>
      <c r="D70" s="131" t="e">
        <v>#N/A</v>
      </c>
    </row>
    <row r="71" spans="1:4" x14ac:dyDescent="0.35">
      <c r="A71" s="132" t="s">
        <v>341</v>
      </c>
      <c r="B71" s="131" t="e">
        <v>#N/A</v>
      </c>
      <c r="C71" s="131" t="s">
        <v>342</v>
      </c>
      <c r="D71" s="131" t="s">
        <v>343</v>
      </c>
    </row>
    <row r="72" spans="1:4" x14ac:dyDescent="0.35">
      <c r="A72" s="131" t="s">
        <v>344</v>
      </c>
      <c r="B72" s="131" t="s">
        <v>345</v>
      </c>
      <c r="C72" s="131" t="e">
        <v>#N/A</v>
      </c>
      <c r="D72" s="131" t="e">
        <v>#N/A</v>
      </c>
    </row>
    <row r="73" spans="1:4" x14ac:dyDescent="0.35">
      <c r="A73" s="132" t="s">
        <v>346</v>
      </c>
      <c r="B73" s="131" t="e">
        <v>#N/A</v>
      </c>
      <c r="C73" s="131" t="s">
        <v>347</v>
      </c>
      <c r="D73" s="131" t="s">
        <v>348</v>
      </c>
    </row>
    <row r="74" spans="1:4" x14ac:dyDescent="0.35">
      <c r="A74" s="131" t="s">
        <v>349</v>
      </c>
      <c r="B74" s="131" t="s">
        <v>350</v>
      </c>
      <c r="C74" s="131" t="s">
        <v>351</v>
      </c>
      <c r="D74" s="131" t="e">
        <v>#N/A</v>
      </c>
    </row>
    <row r="75" spans="1:4" x14ac:dyDescent="0.35">
      <c r="A75" s="131" t="s">
        <v>352</v>
      </c>
      <c r="B75" s="131" t="s">
        <v>353</v>
      </c>
      <c r="C75" s="131" t="s">
        <v>354</v>
      </c>
      <c r="D75" s="131" t="e">
        <v>#N/A</v>
      </c>
    </row>
    <row r="76" spans="1:4" x14ac:dyDescent="0.35">
      <c r="A76" s="132" t="s">
        <v>355</v>
      </c>
      <c r="B76" s="131" t="e">
        <v>#N/A</v>
      </c>
      <c r="C76" s="131" t="s">
        <v>356</v>
      </c>
      <c r="D76" s="131" t="s">
        <v>357</v>
      </c>
    </row>
    <row r="77" spans="1:4" x14ac:dyDescent="0.35">
      <c r="A77" s="132" t="s">
        <v>358</v>
      </c>
      <c r="B77" s="131" t="e">
        <v>#N/A</v>
      </c>
      <c r="C77" s="131" t="s">
        <v>359</v>
      </c>
      <c r="D77" s="131" t="s">
        <v>360</v>
      </c>
    </row>
    <row r="78" spans="1:4" x14ac:dyDescent="0.35">
      <c r="A78" s="131" t="s">
        <v>361</v>
      </c>
      <c r="B78" s="131" t="s">
        <v>362</v>
      </c>
      <c r="C78" s="131" t="s">
        <v>363</v>
      </c>
      <c r="D78" s="131" t="s">
        <v>364</v>
      </c>
    </row>
    <row r="79" spans="1:4" x14ac:dyDescent="0.35">
      <c r="A79" s="131" t="s">
        <v>365</v>
      </c>
      <c r="B79" s="131" t="s">
        <v>366</v>
      </c>
      <c r="C79" s="131" t="e">
        <v>#N/A</v>
      </c>
      <c r="D79" s="131" t="e">
        <v>#N/A</v>
      </c>
    </row>
    <row r="80" spans="1:4" x14ac:dyDescent="0.35">
      <c r="A80" s="132" t="s">
        <v>367</v>
      </c>
      <c r="B80" s="131" t="e">
        <v>#N/A</v>
      </c>
      <c r="C80" s="131" t="s">
        <v>368</v>
      </c>
      <c r="D80" s="131" t="e">
        <v>#N/A</v>
      </c>
    </row>
    <row r="81" spans="1:4" x14ac:dyDescent="0.35">
      <c r="A81" s="131" t="s">
        <v>369</v>
      </c>
      <c r="B81" s="131" t="s">
        <v>370</v>
      </c>
      <c r="C81" s="131" t="s">
        <v>371</v>
      </c>
      <c r="D81" s="131" t="s">
        <v>372</v>
      </c>
    </row>
    <row r="82" spans="1:4" x14ac:dyDescent="0.35">
      <c r="A82" s="132" t="s">
        <v>373</v>
      </c>
      <c r="B82" s="131" t="e">
        <v>#N/A</v>
      </c>
      <c r="C82" s="131" t="s">
        <v>374</v>
      </c>
      <c r="D82" s="131" t="s">
        <v>375</v>
      </c>
    </row>
    <row r="83" spans="1:4" x14ac:dyDescent="0.35">
      <c r="A83" s="132" t="s">
        <v>376</v>
      </c>
      <c r="B83" s="131" t="e">
        <v>#N/A</v>
      </c>
      <c r="C83" s="131" t="s">
        <v>377</v>
      </c>
      <c r="D83" s="131" t="s">
        <v>378</v>
      </c>
    </row>
    <row r="84" spans="1:4" x14ac:dyDescent="0.35">
      <c r="A84" s="131" t="s">
        <v>379</v>
      </c>
      <c r="B84" s="131" t="s">
        <v>380</v>
      </c>
      <c r="C84" s="131" t="s">
        <v>381</v>
      </c>
      <c r="D84" s="131" t="s">
        <v>382</v>
      </c>
    </row>
    <row r="85" spans="1:4" x14ac:dyDescent="0.35">
      <c r="A85" s="131" t="s">
        <v>104</v>
      </c>
      <c r="B85" s="131" t="s">
        <v>383</v>
      </c>
      <c r="C85" s="131" t="s">
        <v>384</v>
      </c>
      <c r="D85" s="131" t="s">
        <v>385</v>
      </c>
    </row>
    <row r="86" spans="1:4" x14ac:dyDescent="0.35">
      <c r="A86" s="131" t="s">
        <v>386</v>
      </c>
      <c r="B86" s="131" t="s">
        <v>387</v>
      </c>
      <c r="C86" s="131" t="s">
        <v>388</v>
      </c>
      <c r="D86" s="131" t="s">
        <v>389</v>
      </c>
    </row>
    <row r="87" spans="1:4" x14ac:dyDescent="0.35">
      <c r="A87" s="132" t="s">
        <v>390</v>
      </c>
      <c r="B87" s="131" t="e">
        <v>#N/A</v>
      </c>
      <c r="C87" s="131" t="s">
        <v>388</v>
      </c>
      <c r="D87" s="131" t="s">
        <v>391</v>
      </c>
    </row>
    <row r="88" spans="1:4" x14ac:dyDescent="0.35">
      <c r="A88" s="132" t="s">
        <v>392</v>
      </c>
      <c r="B88" s="131" t="e">
        <v>#N/A</v>
      </c>
      <c r="C88" s="131" t="s">
        <v>393</v>
      </c>
      <c r="D88" s="131" t="s">
        <v>394</v>
      </c>
    </row>
    <row r="89" spans="1:4" x14ac:dyDescent="0.35">
      <c r="A89" s="132" t="s">
        <v>395</v>
      </c>
      <c r="B89" s="131" t="e">
        <v>#N/A</v>
      </c>
      <c r="C89" s="131" t="s">
        <v>396</v>
      </c>
      <c r="D89" s="131" t="e">
        <v>#N/A</v>
      </c>
    </row>
    <row r="90" spans="1:4" x14ac:dyDescent="0.35">
      <c r="A90" s="131" t="s">
        <v>397</v>
      </c>
      <c r="B90" s="131" t="s">
        <v>398</v>
      </c>
      <c r="C90" s="131" t="s">
        <v>399</v>
      </c>
      <c r="D90" s="131" t="e">
        <v>#N/A</v>
      </c>
    </row>
    <row r="91" spans="1:4" x14ac:dyDescent="0.35">
      <c r="A91" s="132" t="s">
        <v>400</v>
      </c>
      <c r="B91" s="131" t="e">
        <v>#N/A</v>
      </c>
      <c r="C91" s="131" t="s">
        <v>401</v>
      </c>
      <c r="D91" s="131" t="e">
        <v>#N/A</v>
      </c>
    </row>
    <row r="92" spans="1:4" x14ac:dyDescent="0.35">
      <c r="A92" s="132" t="s">
        <v>402</v>
      </c>
      <c r="B92" s="131" t="e">
        <v>#N/A</v>
      </c>
      <c r="C92" s="131" t="s">
        <v>403</v>
      </c>
      <c r="D92" s="131" t="s">
        <v>404</v>
      </c>
    </row>
    <row r="93" spans="1:4" x14ac:dyDescent="0.35">
      <c r="A93" s="132" t="s">
        <v>405</v>
      </c>
      <c r="B93" s="131" t="e">
        <v>#N/A</v>
      </c>
      <c r="C93" s="131" t="s">
        <v>406</v>
      </c>
      <c r="D93" s="131" t="e">
        <v>#N/A</v>
      </c>
    </row>
    <row r="94" spans="1:4" x14ac:dyDescent="0.35">
      <c r="A94" s="132" t="s">
        <v>407</v>
      </c>
      <c r="B94" s="131" t="e">
        <v>#N/A</v>
      </c>
      <c r="C94" s="131" t="s">
        <v>408</v>
      </c>
      <c r="D94" s="131" t="e">
        <v>#N/A</v>
      </c>
    </row>
    <row r="95" spans="1:4" x14ac:dyDescent="0.35">
      <c r="A95" s="131" t="s">
        <v>409</v>
      </c>
      <c r="B95" s="131" t="s">
        <v>410</v>
      </c>
      <c r="C95" s="131" t="s">
        <v>411</v>
      </c>
      <c r="D95" s="131" t="e">
        <v>#N/A</v>
      </c>
    </row>
    <row r="96" spans="1:4" x14ac:dyDescent="0.35">
      <c r="A96" s="131" t="s">
        <v>412</v>
      </c>
      <c r="B96" s="131" t="s">
        <v>413</v>
      </c>
      <c r="C96" s="131" t="s">
        <v>414</v>
      </c>
      <c r="D96" s="131" t="s">
        <v>415</v>
      </c>
    </row>
    <row r="97" spans="1:4" x14ac:dyDescent="0.35">
      <c r="A97" s="132" t="s">
        <v>416</v>
      </c>
      <c r="B97" s="131" t="e">
        <v>#N/A</v>
      </c>
      <c r="C97" s="131" t="s">
        <v>417</v>
      </c>
      <c r="D97" s="131" t="s">
        <v>418</v>
      </c>
    </row>
    <row r="98" spans="1:4" x14ac:dyDescent="0.35">
      <c r="A98" s="132" t="s">
        <v>419</v>
      </c>
      <c r="B98" s="131" t="e">
        <v>#N/A</v>
      </c>
      <c r="C98" s="131" t="s">
        <v>420</v>
      </c>
      <c r="D98" s="131" t="s">
        <v>421</v>
      </c>
    </row>
    <row r="99" spans="1:4" x14ac:dyDescent="0.35">
      <c r="A99" s="132" t="s">
        <v>422</v>
      </c>
      <c r="B99" s="131" t="e">
        <v>#N/A</v>
      </c>
      <c r="C99" s="131" t="s">
        <v>423</v>
      </c>
      <c r="D99" s="131" t="s">
        <v>424</v>
      </c>
    </row>
    <row r="100" spans="1:4" x14ac:dyDescent="0.35">
      <c r="A100" s="132" t="s">
        <v>425</v>
      </c>
      <c r="B100" s="131" t="e">
        <v>#N/A</v>
      </c>
      <c r="C100" s="131" t="s">
        <v>426</v>
      </c>
      <c r="D100" s="131" t="s">
        <v>427</v>
      </c>
    </row>
    <row r="101" spans="1:4" x14ac:dyDescent="0.35">
      <c r="A101" s="132" t="s">
        <v>428</v>
      </c>
      <c r="B101" s="131" t="e">
        <v>#N/A</v>
      </c>
      <c r="C101" s="131" t="s">
        <v>429</v>
      </c>
      <c r="D101" s="131" t="s">
        <v>430</v>
      </c>
    </row>
    <row r="102" spans="1:4" x14ac:dyDescent="0.35">
      <c r="A102" s="132" t="s">
        <v>431</v>
      </c>
      <c r="B102" s="131" t="e">
        <v>#N/A</v>
      </c>
      <c r="C102" s="131" t="s">
        <v>432</v>
      </c>
      <c r="D102" s="131" t="s">
        <v>433</v>
      </c>
    </row>
    <row r="103" spans="1:4" x14ac:dyDescent="0.35">
      <c r="A103" s="132" t="s">
        <v>434</v>
      </c>
      <c r="B103" s="131" t="e">
        <v>#N/A</v>
      </c>
      <c r="C103" s="131" t="s">
        <v>435</v>
      </c>
      <c r="D103" s="131" t="s">
        <v>436</v>
      </c>
    </row>
    <row r="104" spans="1:4" x14ac:dyDescent="0.35">
      <c r="A104" s="132" t="s">
        <v>437</v>
      </c>
      <c r="B104" s="131" t="e">
        <v>#N/A</v>
      </c>
      <c r="C104" s="131" t="s">
        <v>438</v>
      </c>
      <c r="D104" s="131" t="s">
        <v>439</v>
      </c>
    </row>
    <row r="105" spans="1:4" x14ac:dyDescent="0.35">
      <c r="A105" s="132" t="s">
        <v>440</v>
      </c>
      <c r="B105" s="131" t="e">
        <v>#N/A</v>
      </c>
      <c r="C105" s="131" t="s">
        <v>441</v>
      </c>
      <c r="D105" s="131" t="s">
        <v>442</v>
      </c>
    </row>
    <row r="106" spans="1:4" x14ac:dyDescent="0.35">
      <c r="A106" s="131" t="s">
        <v>443</v>
      </c>
      <c r="B106" s="131" t="s">
        <v>444</v>
      </c>
      <c r="C106" s="131" t="s">
        <v>445</v>
      </c>
      <c r="D106" s="131" t="s">
        <v>446</v>
      </c>
    </row>
    <row r="107" spans="1:4" x14ac:dyDescent="0.35">
      <c r="A107" s="131" t="s">
        <v>447</v>
      </c>
      <c r="B107" s="131" t="s">
        <v>448</v>
      </c>
      <c r="C107" s="131" t="s">
        <v>449</v>
      </c>
      <c r="D107" s="131" t="s">
        <v>450</v>
      </c>
    </row>
    <row r="108" spans="1:4" x14ac:dyDescent="0.35">
      <c r="A108" s="132" t="s">
        <v>451</v>
      </c>
      <c r="B108" s="131" t="e">
        <v>#N/A</v>
      </c>
      <c r="C108" s="131" t="s">
        <v>452</v>
      </c>
      <c r="D108" s="131" t="s">
        <v>453</v>
      </c>
    </row>
    <row r="109" spans="1:4" x14ac:dyDescent="0.35">
      <c r="A109" s="132" t="s">
        <v>454</v>
      </c>
      <c r="B109" s="131" t="e">
        <v>#N/A</v>
      </c>
      <c r="C109" s="131" t="s">
        <v>455</v>
      </c>
      <c r="D109" s="131" t="s">
        <v>456</v>
      </c>
    </row>
    <row r="110" spans="1:4" x14ac:dyDescent="0.35">
      <c r="A110" s="132" t="s">
        <v>457</v>
      </c>
      <c r="B110" s="131" t="e">
        <v>#N/A</v>
      </c>
      <c r="C110" s="131" t="s">
        <v>458</v>
      </c>
      <c r="D110" s="131" t="s">
        <v>459</v>
      </c>
    </row>
    <row r="111" spans="1:4" x14ac:dyDescent="0.35">
      <c r="A111" s="132" t="s">
        <v>460</v>
      </c>
      <c r="B111" s="131" t="e">
        <v>#N/A</v>
      </c>
      <c r="C111" s="131" t="s">
        <v>461</v>
      </c>
      <c r="D111" s="131" t="e">
        <v>#N/A</v>
      </c>
    </row>
    <row r="112" spans="1:4" x14ac:dyDescent="0.35">
      <c r="A112" s="132" t="s">
        <v>462</v>
      </c>
      <c r="B112" s="131" t="e">
        <v>#N/A</v>
      </c>
      <c r="C112" s="131" t="e">
        <v>#N/A</v>
      </c>
      <c r="D112" s="131" t="s">
        <v>463</v>
      </c>
    </row>
    <row r="113" spans="1:4" x14ac:dyDescent="0.35">
      <c r="A113" s="131" t="s">
        <v>117</v>
      </c>
      <c r="B113" s="131" t="s">
        <v>464</v>
      </c>
      <c r="C113" s="131" t="s">
        <v>465</v>
      </c>
      <c r="D113" s="131" t="s">
        <v>236</v>
      </c>
    </row>
    <row r="114" spans="1:4" x14ac:dyDescent="0.35">
      <c r="A114" s="131" t="s">
        <v>120</v>
      </c>
      <c r="B114" s="131" t="s">
        <v>466</v>
      </c>
      <c r="C114" s="131" t="s">
        <v>467</v>
      </c>
      <c r="D114" s="131" t="s">
        <v>236</v>
      </c>
    </row>
    <row r="115" spans="1:4" x14ac:dyDescent="0.35">
      <c r="A115" s="132" t="s">
        <v>468</v>
      </c>
      <c r="B115" s="131" t="e">
        <v>#N/A</v>
      </c>
      <c r="C115" s="131" t="s">
        <v>469</v>
      </c>
      <c r="D115" s="131" t="s">
        <v>470</v>
      </c>
    </row>
    <row r="116" spans="1:4" x14ac:dyDescent="0.35">
      <c r="A116" s="131" t="s">
        <v>471</v>
      </c>
      <c r="B116" s="131" t="s">
        <v>472</v>
      </c>
      <c r="C116" s="131" t="s">
        <v>473</v>
      </c>
      <c r="D116" s="131" t="e">
        <v>#N/A</v>
      </c>
    </row>
    <row r="117" spans="1:4" x14ac:dyDescent="0.35">
      <c r="A117" s="132" t="s">
        <v>474</v>
      </c>
      <c r="B117" s="131" t="e">
        <v>#N/A</v>
      </c>
      <c r="C117" s="131" t="s">
        <v>475</v>
      </c>
      <c r="D117" s="131" t="s">
        <v>476</v>
      </c>
    </row>
    <row r="118" spans="1:4" x14ac:dyDescent="0.35">
      <c r="A118" s="132" t="s">
        <v>477</v>
      </c>
      <c r="B118" s="131" t="e">
        <v>#N/A</v>
      </c>
      <c r="C118" s="131" t="s">
        <v>478</v>
      </c>
      <c r="D118" s="131" t="e">
        <v>#N/A</v>
      </c>
    </row>
    <row r="119" spans="1:4" x14ac:dyDescent="0.35">
      <c r="A119" s="131" t="s">
        <v>479</v>
      </c>
      <c r="B119" s="131" t="s">
        <v>480</v>
      </c>
      <c r="C119" s="131" t="s">
        <v>481</v>
      </c>
      <c r="D119" s="131" t="s">
        <v>482</v>
      </c>
    </row>
    <row r="120" spans="1:4" x14ac:dyDescent="0.35">
      <c r="A120" s="132" t="s">
        <v>483</v>
      </c>
      <c r="B120" s="131" t="e">
        <v>#N/A</v>
      </c>
      <c r="C120" s="131" t="s">
        <v>484</v>
      </c>
      <c r="D120" s="131" t="s">
        <v>485</v>
      </c>
    </row>
    <row r="121" spans="1:4" x14ac:dyDescent="0.35">
      <c r="A121" s="132" t="s">
        <v>486</v>
      </c>
      <c r="B121" s="131" t="e">
        <v>#N/A</v>
      </c>
      <c r="C121" s="131" t="s">
        <v>487</v>
      </c>
      <c r="D121" s="131" t="s">
        <v>488</v>
      </c>
    </row>
    <row r="122" spans="1:4" x14ac:dyDescent="0.35">
      <c r="A122" s="132" t="s">
        <v>489</v>
      </c>
      <c r="B122" s="131" t="e">
        <v>#N/A</v>
      </c>
      <c r="C122" s="131" t="s">
        <v>490</v>
      </c>
      <c r="D122" s="131" t="e">
        <v>#N/A</v>
      </c>
    </row>
    <row r="123" spans="1:4" x14ac:dyDescent="0.35">
      <c r="A123" s="131" t="s">
        <v>491</v>
      </c>
      <c r="B123" s="131" t="s">
        <v>492</v>
      </c>
      <c r="C123" s="131" t="s">
        <v>493</v>
      </c>
      <c r="D123" s="131" t="s">
        <v>494</v>
      </c>
    </row>
    <row r="124" spans="1:4" x14ac:dyDescent="0.35">
      <c r="A124" s="131" t="s">
        <v>495</v>
      </c>
      <c r="B124" s="131" t="s">
        <v>496</v>
      </c>
      <c r="C124" s="131" t="s">
        <v>497</v>
      </c>
      <c r="D124" s="131" t="s">
        <v>236</v>
      </c>
    </row>
    <row r="125" spans="1:4" x14ac:dyDescent="0.35">
      <c r="A125" s="131" t="s">
        <v>498</v>
      </c>
      <c r="B125" s="131" t="s">
        <v>499</v>
      </c>
      <c r="C125" s="131" t="s">
        <v>500</v>
      </c>
      <c r="D125" s="131" t="s">
        <v>501</v>
      </c>
    </row>
    <row r="126" spans="1:4" x14ac:dyDescent="0.35">
      <c r="A126" s="131" t="s">
        <v>92</v>
      </c>
      <c r="B126" s="131" t="s">
        <v>502</v>
      </c>
      <c r="C126" s="131" t="s">
        <v>503</v>
      </c>
      <c r="D126" s="131" t="s">
        <v>504</v>
      </c>
    </row>
    <row r="127" spans="1:4" x14ac:dyDescent="0.35">
      <c r="A127" s="132" t="s">
        <v>505</v>
      </c>
      <c r="B127" s="131" t="e">
        <v>#N/A</v>
      </c>
      <c r="C127" s="131" t="s">
        <v>506</v>
      </c>
      <c r="D127" s="131" t="s">
        <v>507</v>
      </c>
    </row>
    <row r="128" spans="1:4" x14ac:dyDescent="0.35">
      <c r="A128" s="132" t="s">
        <v>508</v>
      </c>
      <c r="B128" s="131" t="e">
        <v>#N/A</v>
      </c>
      <c r="C128" s="131" t="s">
        <v>509</v>
      </c>
      <c r="D128" s="131" t="s">
        <v>510</v>
      </c>
    </row>
    <row r="129" spans="1:4" x14ac:dyDescent="0.35">
      <c r="A129" s="131" t="s">
        <v>511</v>
      </c>
      <c r="B129" s="131" t="s">
        <v>512</v>
      </c>
      <c r="C129" s="131" t="s">
        <v>513</v>
      </c>
      <c r="D129" s="131" t="s">
        <v>514</v>
      </c>
    </row>
    <row r="130" spans="1:4" x14ac:dyDescent="0.35">
      <c r="A130" s="132" t="s">
        <v>515</v>
      </c>
      <c r="B130" s="131" t="e">
        <v>#N/A</v>
      </c>
      <c r="C130" s="131" t="s">
        <v>516</v>
      </c>
      <c r="D130" s="131" t="s">
        <v>517</v>
      </c>
    </row>
    <row r="131" spans="1:4" x14ac:dyDescent="0.35">
      <c r="A131" s="132" t="s">
        <v>518</v>
      </c>
      <c r="B131" s="131" t="e">
        <v>#N/A</v>
      </c>
      <c r="C131" s="131" t="e">
        <v>#N/A</v>
      </c>
      <c r="D131" s="131" t="s">
        <v>519</v>
      </c>
    </row>
    <row r="132" spans="1:4" x14ac:dyDescent="0.35">
      <c r="A132" s="131" t="s">
        <v>520</v>
      </c>
      <c r="B132" s="131" t="s">
        <v>521</v>
      </c>
      <c r="C132" s="131" t="s">
        <v>522</v>
      </c>
      <c r="D132" s="131" t="s">
        <v>523</v>
      </c>
    </row>
    <row r="133" spans="1:4" x14ac:dyDescent="0.35">
      <c r="A133" s="132" t="s">
        <v>524</v>
      </c>
      <c r="B133" s="131" t="e">
        <v>#N/A</v>
      </c>
      <c r="C133" s="131" t="s">
        <v>525</v>
      </c>
      <c r="D133" s="131" t="s">
        <v>526</v>
      </c>
    </row>
    <row r="134" spans="1:4" x14ac:dyDescent="0.35">
      <c r="A134" s="131" t="s">
        <v>527</v>
      </c>
      <c r="B134" s="131" t="s">
        <v>528</v>
      </c>
      <c r="C134" s="131" t="s">
        <v>529</v>
      </c>
      <c r="D134" s="131" t="s">
        <v>236</v>
      </c>
    </row>
    <row r="135" spans="1:4" x14ac:dyDescent="0.35">
      <c r="A135" s="132" t="s">
        <v>530</v>
      </c>
      <c r="B135" s="131" t="e">
        <v>#N/A</v>
      </c>
      <c r="C135" s="131" t="s">
        <v>531</v>
      </c>
      <c r="D135" s="131" t="s">
        <v>532</v>
      </c>
    </row>
    <row r="136" spans="1:4" x14ac:dyDescent="0.35">
      <c r="A136" s="132" t="s">
        <v>533</v>
      </c>
      <c r="B136" s="131" t="e">
        <v>#N/A</v>
      </c>
      <c r="C136" s="131" t="s">
        <v>534</v>
      </c>
      <c r="D136" s="131" t="s">
        <v>535</v>
      </c>
    </row>
    <row r="137" spans="1:4" x14ac:dyDescent="0.35">
      <c r="A137" s="131" t="s">
        <v>536</v>
      </c>
      <c r="B137" s="131" t="s">
        <v>537</v>
      </c>
      <c r="C137" s="131" t="s">
        <v>538</v>
      </c>
      <c r="D137" s="131" t="s">
        <v>236</v>
      </c>
    </row>
    <row r="138" spans="1:4" x14ac:dyDescent="0.35">
      <c r="A138" s="131" t="s">
        <v>539</v>
      </c>
      <c r="B138" s="131" t="s">
        <v>540</v>
      </c>
      <c r="C138" s="131" t="s">
        <v>541</v>
      </c>
      <c r="D138" s="131" t="s">
        <v>542</v>
      </c>
    </row>
    <row r="139" spans="1:4" x14ac:dyDescent="0.35">
      <c r="A139" s="132" t="s">
        <v>543</v>
      </c>
      <c r="B139" s="131" t="e">
        <v>#N/A</v>
      </c>
      <c r="C139" s="131" t="s">
        <v>544</v>
      </c>
      <c r="D139" s="131" t="s">
        <v>545</v>
      </c>
    </row>
    <row r="140" spans="1:4" x14ac:dyDescent="0.35">
      <c r="A140" s="131" t="s">
        <v>546</v>
      </c>
      <c r="B140" s="131" t="s">
        <v>547</v>
      </c>
      <c r="C140" s="131" t="s">
        <v>548</v>
      </c>
      <c r="D140" s="131" t="s">
        <v>549</v>
      </c>
    </row>
    <row r="141" spans="1:4" x14ac:dyDescent="0.35">
      <c r="A141" s="131" t="s">
        <v>550</v>
      </c>
      <c r="B141" s="131" t="s">
        <v>551</v>
      </c>
      <c r="C141" s="131" t="s">
        <v>552</v>
      </c>
      <c r="D141" s="131" t="s">
        <v>553</v>
      </c>
    </row>
    <row r="142" spans="1:4" x14ac:dyDescent="0.35">
      <c r="A142" s="132" t="s">
        <v>554</v>
      </c>
      <c r="B142" s="131" t="e">
        <v>#N/A</v>
      </c>
      <c r="C142" s="131" t="e">
        <v>#N/A</v>
      </c>
      <c r="D142" s="131" t="s">
        <v>555</v>
      </c>
    </row>
    <row r="143" spans="1:4" x14ac:dyDescent="0.35">
      <c r="A143" s="131" t="s">
        <v>556</v>
      </c>
      <c r="B143" s="131" t="s">
        <v>557</v>
      </c>
      <c r="C143" s="131" t="s">
        <v>558</v>
      </c>
      <c r="D143" s="131" t="s">
        <v>559</v>
      </c>
    </row>
    <row r="144" spans="1:4" x14ac:dyDescent="0.35">
      <c r="A144" s="131" t="s">
        <v>560</v>
      </c>
      <c r="B144" s="131" t="s">
        <v>561</v>
      </c>
      <c r="C144" s="131" t="s">
        <v>562</v>
      </c>
      <c r="D144" s="131" t="s">
        <v>563</v>
      </c>
    </row>
    <row r="145" spans="1:4" x14ac:dyDescent="0.35">
      <c r="A145" s="132" t="s">
        <v>564</v>
      </c>
      <c r="B145" s="131" t="e">
        <v>#N/A</v>
      </c>
      <c r="C145" s="131" t="s">
        <v>565</v>
      </c>
      <c r="D145" s="131" t="s">
        <v>566</v>
      </c>
    </row>
    <row r="146" spans="1:4" x14ac:dyDescent="0.35">
      <c r="A146" s="131" t="s">
        <v>567</v>
      </c>
      <c r="B146" s="131" t="s">
        <v>568</v>
      </c>
      <c r="C146" s="131" t="s">
        <v>569</v>
      </c>
      <c r="D146" s="131" t="s">
        <v>570</v>
      </c>
    </row>
    <row r="147" spans="1:4" x14ac:dyDescent="0.35">
      <c r="A147" s="131" t="s">
        <v>571</v>
      </c>
      <c r="B147" s="131" t="s">
        <v>572</v>
      </c>
      <c r="C147" s="131" t="s">
        <v>573</v>
      </c>
      <c r="D147" s="131" t="s">
        <v>574</v>
      </c>
    </row>
    <row r="148" spans="1:4" x14ac:dyDescent="0.35">
      <c r="A148" s="131" t="s">
        <v>575</v>
      </c>
      <c r="B148" s="131" t="s">
        <v>576</v>
      </c>
      <c r="C148" s="131" t="s">
        <v>577</v>
      </c>
      <c r="D148" s="131" t="e">
        <v>#N/A</v>
      </c>
    </row>
    <row r="149" spans="1:4" x14ac:dyDescent="0.35">
      <c r="A149" s="132" t="s">
        <v>578</v>
      </c>
      <c r="B149" s="131" t="e">
        <v>#N/A</v>
      </c>
      <c r="C149" s="131" t="s">
        <v>579</v>
      </c>
      <c r="D149" s="131" t="s">
        <v>580</v>
      </c>
    </row>
    <row r="150" spans="1:4" x14ac:dyDescent="0.35">
      <c r="A150" s="132" t="s">
        <v>581</v>
      </c>
      <c r="B150" s="131" t="e">
        <v>#N/A</v>
      </c>
      <c r="C150" s="131" t="s">
        <v>582</v>
      </c>
      <c r="D150" s="131" t="s">
        <v>583</v>
      </c>
    </row>
    <row r="151" spans="1:4" x14ac:dyDescent="0.35">
      <c r="A151" s="132" t="s">
        <v>584</v>
      </c>
      <c r="B151" s="131" t="e">
        <v>#N/A</v>
      </c>
      <c r="C151" s="131" t="s">
        <v>585</v>
      </c>
      <c r="D151" s="131" t="s">
        <v>586</v>
      </c>
    </row>
    <row r="152" spans="1:4" x14ac:dyDescent="0.35">
      <c r="A152" s="132" t="s">
        <v>587</v>
      </c>
      <c r="B152" s="131" t="e">
        <v>#N/A</v>
      </c>
      <c r="C152" s="131" t="s">
        <v>588</v>
      </c>
      <c r="D152" s="131" t="s">
        <v>589</v>
      </c>
    </row>
    <row r="153" spans="1:4" x14ac:dyDescent="0.35">
      <c r="A153" s="131" t="s">
        <v>590</v>
      </c>
      <c r="B153" s="131" t="s">
        <v>591</v>
      </c>
      <c r="C153" s="131" t="s">
        <v>592</v>
      </c>
      <c r="D153" s="131" t="s">
        <v>593</v>
      </c>
    </row>
    <row r="154" spans="1:4" x14ac:dyDescent="0.35">
      <c r="A154" s="131" t="s">
        <v>594</v>
      </c>
      <c r="B154" s="131" t="s">
        <v>595</v>
      </c>
      <c r="C154" s="131" t="s">
        <v>596</v>
      </c>
      <c r="D154" s="131" t="s">
        <v>597</v>
      </c>
    </row>
    <row r="155" spans="1:4" x14ac:dyDescent="0.35">
      <c r="A155" s="132" t="s">
        <v>598</v>
      </c>
      <c r="B155" s="131" t="e">
        <v>#N/A</v>
      </c>
      <c r="C155" s="131" t="s">
        <v>599</v>
      </c>
      <c r="D155" s="131" t="s">
        <v>600</v>
      </c>
    </row>
    <row r="156" spans="1:4" x14ac:dyDescent="0.35">
      <c r="A156" s="132" t="s">
        <v>601</v>
      </c>
      <c r="B156" s="131" t="e">
        <v>#N/A</v>
      </c>
      <c r="C156" s="131" t="s">
        <v>602</v>
      </c>
      <c r="D156" s="131" t="s">
        <v>603</v>
      </c>
    </row>
    <row r="157" spans="1:4" x14ac:dyDescent="0.35">
      <c r="A157" s="132" t="s">
        <v>604</v>
      </c>
      <c r="B157" s="131" t="e">
        <v>#N/A</v>
      </c>
      <c r="C157" s="131" t="s">
        <v>605</v>
      </c>
      <c r="D157" s="131" t="s">
        <v>606</v>
      </c>
    </row>
    <row r="158" spans="1:4" x14ac:dyDescent="0.35">
      <c r="A158" s="132" t="s">
        <v>100</v>
      </c>
      <c r="B158" s="131" t="e">
        <v>#N/A</v>
      </c>
      <c r="C158" s="131" t="s">
        <v>607</v>
      </c>
      <c r="D158" s="131" t="s">
        <v>608</v>
      </c>
    </row>
    <row r="159" spans="1:4" x14ac:dyDescent="0.35">
      <c r="A159" s="131" t="s">
        <v>609</v>
      </c>
      <c r="B159" s="131" t="s">
        <v>610</v>
      </c>
      <c r="C159" s="131" t="s">
        <v>611</v>
      </c>
      <c r="D159" s="131" t="s">
        <v>612</v>
      </c>
    </row>
    <row r="160" spans="1:4" x14ac:dyDescent="0.35">
      <c r="A160" s="131" t="s">
        <v>137</v>
      </c>
      <c r="B160" s="131" t="s">
        <v>613</v>
      </c>
      <c r="C160" s="131" t="s">
        <v>614</v>
      </c>
      <c r="D160" s="131" t="s">
        <v>615</v>
      </c>
    </row>
    <row r="161" spans="1:4" x14ac:dyDescent="0.35">
      <c r="A161" s="131" t="s">
        <v>616</v>
      </c>
      <c r="B161" s="131" t="s">
        <v>617</v>
      </c>
      <c r="C161" s="131" t="e">
        <v>#N/A</v>
      </c>
      <c r="D161" s="131" t="e">
        <v>#N/A</v>
      </c>
    </row>
    <row r="162" spans="1:4" x14ac:dyDescent="0.35">
      <c r="A162" s="131" t="s">
        <v>618</v>
      </c>
      <c r="B162" s="131" t="s">
        <v>619</v>
      </c>
      <c r="C162" s="131" t="s">
        <v>620</v>
      </c>
      <c r="D162" s="131" t="s">
        <v>621</v>
      </c>
    </row>
    <row r="163" spans="1:4" x14ac:dyDescent="0.35">
      <c r="A163" s="131" t="s">
        <v>622</v>
      </c>
      <c r="B163" s="131" t="s">
        <v>623</v>
      </c>
      <c r="C163" s="131" t="e">
        <v>#N/A</v>
      </c>
      <c r="D163" s="131" t="e">
        <v>#N/A</v>
      </c>
    </row>
    <row r="164" spans="1:4" x14ac:dyDescent="0.35">
      <c r="A164" s="131" t="s">
        <v>624</v>
      </c>
      <c r="B164" s="131" t="s">
        <v>625</v>
      </c>
      <c r="C164" s="131" t="e">
        <v>#N/A</v>
      </c>
      <c r="D164" s="131" t="e">
        <v>#N/A</v>
      </c>
    </row>
    <row r="165" spans="1:4" x14ac:dyDescent="0.35">
      <c r="A165" s="131" t="s">
        <v>626</v>
      </c>
      <c r="B165" s="131" t="s">
        <v>627</v>
      </c>
      <c r="C165" s="131" t="e">
        <v>#N/A</v>
      </c>
      <c r="D165" s="131" t="e">
        <v>#N/A</v>
      </c>
    </row>
    <row r="166" spans="1:4" x14ac:dyDescent="0.35">
      <c r="A166" s="131" t="s">
        <v>628</v>
      </c>
      <c r="B166" s="131" t="s">
        <v>629</v>
      </c>
      <c r="C166" s="131" t="e">
        <v>#N/A</v>
      </c>
      <c r="D166" s="131" t="e">
        <v>#N/A</v>
      </c>
    </row>
    <row r="167" spans="1:4" x14ac:dyDescent="0.35">
      <c r="A167" s="131" t="s">
        <v>630</v>
      </c>
      <c r="B167" s="131" t="s">
        <v>631</v>
      </c>
      <c r="C167" s="131" t="e">
        <v>#N/A</v>
      </c>
      <c r="D167" s="131" t="e">
        <v>#N/A</v>
      </c>
    </row>
    <row r="168" spans="1:4" x14ac:dyDescent="0.35">
      <c r="A168" s="131" t="s">
        <v>632</v>
      </c>
      <c r="B168" s="131" t="s">
        <v>633</v>
      </c>
      <c r="C168" s="131" t="e">
        <v>#N/A</v>
      </c>
      <c r="D168" s="131" t="e">
        <v>#N/A</v>
      </c>
    </row>
    <row r="169" spans="1:4" x14ac:dyDescent="0.35">
      <c r="A169" s="131" t="s">
        <v>634</v>
      </c>
      <c r="B169" s="131" t="s">
        <v>635</v>
      </c>
      <c r="C169" s="131" t="s">
        <v>636</v>
      </c>
      <c r="D169" s="131" t="e">
        <v>#N/A</v>
      </c>
    </row>
    <row r="170" spans="1:4" x14ac:dyDescent="0.35">
      <c r="A170" s="131" t="s">
        <v>637</v>
      </c>
      <c r="B170" s="131" t="s">
        <v>638</v>
      </c>
      <c r="C170" s="131" t="s">
        <v>639</v>
      </c>
      <c r="D170" s="131" t="e">
        <v>#N/A</v>
      </c>
    </row>
    <row r="171" spans="1:4" x14ac:dyDescent="0.35">
      <c r="A171" s="131" t="s">
        <v>94</v>
      </c>
      <c r="B171" s="131" t="s">
        <v>640</v>
      </c>
      <c r="C171" s="131" t="e">
        <v>#N/A</v>
      </c>
      <c r="D171" s="131" t="e">
        <v>#N/A</v>
      </c>
    </row>
    <row r="172" spans="1:4" x14ac:dyDescent="0.35">
      <c r="A172" s="131" t="s">
        <v>641</v>
      </c>
      <c r="B172" s="131" t="s">
        <v>642</v>
      </c>
      <c r="C172" s="131" t="e">
        <v>#N/A</v>
      </c>
      <c r="D172" s="131" t="e">
        <v>#N/A</v>
      </c>
    </row>
    <row r="173" spans="1:4" x14ac:dyDescent="0.35">
      <c r="A173" s="131" t="s">
        <v>643</v>
      </c>
      <c r="B173" s="131" t="s">
        <v>644</v>
      </c>
      <c r="C173" s="131" t="e">
        <v>#N/A</v>
      </c>
      <c r="D173" s="131" t="e">
        <v>#N/A</v>
      </c>
    </row>
    <row r="174" spans="1:4" x14ac:dyDescent="0.35">
      <c r="A174" s="132" t="s">
        <v>645</v>
      </c>
      <c r="B174" s="131" t="e">
        <v>#N/A</v>
      </c>
      <c r="C174" s="131" t="s">
        <v>646</v>
      </c>
      <c r="D174" s="131" t="s">
        <v>647</v>
      </c>
    </row>
    <row r="175" spans="1:4" x14ac:dyDescent="0.35">
      <c r="A175" s="131" t="s">
        <v>648</v>
      </c>
      <c r="B175" s="131" t="s">
        <v>649</v>
      </c>
      <c r="C175" s="131" t="s">
        <v>650</v>
      </c>
      <c r="D175" s="131" t="e">
        <v>#N/A</v>
      </c>
    </row>
    <row r="176" spans="1:4" x14ac:dyDescent="0.35">
      <c r="A176" s="132" t="s">
        <v>651</v>
      </c>
      <c r="B176" s="131" t="e">
        <v>#N/A</v>
      </c>
      <c r="C176" s="131" t="s">
        <v>652</v>
      </c>
      <c r="D176" s="131" t="e">
        <v>#N/A</v>
      </c>
    </row>
    <row r="177" spans="1:4" x14ac:dyDescent="0.35">
      <c r="A177" s="132" t="s">
        <v>653</v>
      </c>
      <c r="B177" s="131" t="e">
        <v>#N/A</v>
      </c>
      <c r="C177" s="131" t="s">
        <v>654</v>
      </c>
      <c r="D177" s="131" t="e">
        <v>#N/A</v>
      </c>
    </row>
    <row r="178" spans="1:4" x14ac:dyDescent="0.35">
      <c r="A178" s="131" t="s">
        <v>655</v>
      </c>
      <c r="B178" s="131" t="s">
        <v>656</v>
      </c>
      <c r="C178" s="131" t="s">
        <v>657</v>
      </c>
      <c r="D178" s="131" t="s">
        <v>658</v>
      </c>
    </row>
    <row r="179" spans="1:4" x14ac:dyDescent="0.35">
      <c r="A179" s="131" t="s">
        <v>659</v>
      </c>
      <c r="B179" s="131" t="s">
        <v>660</v>
      </c>
      <c r="C179" s="131" t="e">
        <v>#N/A</v>
      </c>
      <c r="D179" s="131" t="e">
        <v>#N/A</v>
      </c>
    </row>
    <row r="180" spans="1:4" x14ac:dyDescent="0.35">
      <c r="A180" s="131" t="s">
        <v>661</v>
      </c>
      <c r="B180" s="131" t="s">
        <v>662</v>
      </c>
      <c r="C180" s="131" t="s">
        <v>663</v>
      </c>
      <c r="D180" s="131" t="s">
        <v>664</v>
      </c>
    </row>
    <row r="181" spans="1:4" x14ac:dyDescent="0.35">
      <c r="A181" s="131" t="s">
        <v>665</v>
      </c>
      <c r="B181" s="131" t="s">
        <v>666</v>
      </c>
      <c r="C181" s="131" t="s">
        <v>667</v>
      </c>
      <c r="D181" s="131" t="s">
        <v>668</v>
      </c>
    </row>
    <row r="182" spans="1:4" x14ac:dyDescent="0.35">
      <c r="A182" s="131" t="s">
        <v>669</v>
      </c>
      <c r="B182" s="131" t="s">
        <v>670</v>
      </c>
      <c r="C182" s="131" t="s">
        <v>671</v>
      </c>
      <c r="D182" s="131" t="s">
        <v>672</v>
      </c>
    </row>
    <row r="183" spans="1:4" x14ac:dyDescent="0.35">
      <c r="A183" s="131" t="s">
        <v>673</v>
      </c>
      <c r="B183" s="131" t="s">
        <v>674</v>
      </c>
      <c r="C183" s="131" t="s">
        <v>675</v>
      </c>
      <c r="D183" s="131" t="e">
        <v>#N/A</v>
      </c>
    </row>
    <row r="184" spans="1:4" x14ac:dyDescent="0.35">
      <c r="A184" s="131" t="s">
        <v>676</v>
      </c>
      <c r="B184" s="131" t="s">
        <v>677</v>
      </c>
      <c r="C184" s="131" t="e">
        <v>#N/A</v>
      </c>
      <c r="D184" s="131" t="e">
        <v>#N/A</v>
      </c>
    </row>
    <row r="185" spans="1:4" x14ac:dyDescent="0.35">
      <c r="A185" s="132" t="s">
        <v>678</v>
      </c>
      <c r="B185" s="131" t="e">
        <v>#N/A</v>
      </c>
      <c r="C185" s="131" t="s">
        <v>679</v>
      </c>
      <c r="D185" s="131" t="e">
        <v>#N/A</v>
      </c>
    </row>
    <row r="186" spans="1:4" x14ac:dyDescent="0.35">
      <c r="A186" s="132" t="s">
        <v>680</v>
      </c>
      <c r="B186" s="131" t="e">
        <v>#N/A</v>
      </c>
      <c r="C186" s="131" t="s">
        <v>681</v>
      </c>
      <c r="D186" s="131" t="s">
        <v>682</v>
      </c>
    </row>
    <row r="187" spans="1:4" x14ac:dyDescent="0.35">
      <c r="A187" s="131" t="s">
        <v>683</v>
      </c>
      <c r="B187" s="131" t="s">
        <v>684</v>
      </c>
      <c r="C187" s="131" t="s">
        <v>685</v>
      </c>
      <c r="D187" s="131" t="s">
        <v>672</v>
      </c>
    </row>
    <row r="188" spans="1:4" x14ac:dyDescent="0.35">
      <c r="A188" s="131" t="s">
        <v>29</v>
      </c>
      <c r="B188" s="131" t="s">
        <v>30</v>
      </c>
      <c r="C188" s="131" t="s">
        <v>686</v>
      </c>
      <c r="D188" s="131" t="s">
        <v>687</v>
      </c>
    </row>
    <row r="189" spans="1:4" x14ac:dyDescent="0.35">
      <c r="A189" s="132" t="s">
        <v>688</v>
      </c>
      <c r="B189" s="131" t="e">
        <v>#N/A</v>
      </c>
      <c r="C189" s="131" t="s">
        <v>689</v>
      </c>
      <c r="D189" s="131" t="s">
        <v>690</v>
      </c>
    </row>
    <row r="190" spans="1:4" x14ac:dyDescent="0.35">
      <c r="A190" s="132" t="s">
        <v>691</v>
      </c>
      <c r="B190" s="131" t="e">
        <v>#N/A</v>
      </c>
      <c r="C190" s="131" t="s">
        <v>692</v>
      </c>
      <c r="D190" s="131" t="s">
        <v>693</v>
      </c>
    </row>
    <row r="191" spans="1:4" x14ac:dyDescent="0.35">
      <c r="A191" s="131" t="s">
        <v>694</v>
      </c>
      <c r="B191" s="131" t="s">
        <v>695</v>
      </c>
      <c r="C191" s="131" t="e">
        <v>#N/A</v>
      </c>
      <c r="D191" s="131" t="e">
        <v>#N/A</v>
      </c>
    </row>
    <row r="192" spans="1:4" x14ac:dyDescent="0.35">
      <c r="A192" s="131" t="s">
        <v>696</v>
      </c>
      <c r="B192" s="131" t="s">
        <v>697</v>
      </c>
      <c r="C192" s="131" t="e">
        <v>#N/A</v>
      </c>
      <c r="D192" s="131" t="e">
        <v>#N/A</v>
      </c>
    </row>
    <row r="193" spans="1:4" x14ac:dyDescent="0.35">
      <c r="A193" s="131" t="s">
        <v>698</v>
      </c>
      <c r="B193" s="131" t="s">
        <v>699</v>
      </c>
      <c r="C193" s="131" t="e">
        <v>#N/A</v>
      </c>
      <c r="D193" s="131" t="e">
        <v>#N/A</v>
      </c>
    </row>
    <row r="194" spans="1:4" x14ac:dyDescent="0.35">
      <c r="A194" s="131" t="s">
        <v>700</v>
      </c>
      <c r="B194" s="131" t="s">
        <v>701</v>
      </c>
      <c r="C194" s="131" t="e">
        <v>#N/A</v>
      </c>
      <c r="D194" s="131" t="e">
        <v>#N/A</v>
      </c>
    </row>
    <row r="195" spans="1:4" x14ac:dyDescent="0.35">
      <c r="A195" s="131" t="s">
        <v>702</v>
      </c>
      <c r="B195" s="131" t="s">
        <v>703</v>
      </c>
      <c r="C195" s="131" t="e">
        <v>#N/A</v>
      </c>
      <c r="D195" s="131" t="e">
        <v>#N/A</v>
      </c>
    </row>
    <row r="196" spans="1:4" x14ac:dyDescent="0.35">
      <c r="A196" s="132" t="s">
        <v>704</v>
      </c>
      <c r="B196" s="131" t="e">
        <v>#N/A</v>
      </c>
      <c r="C196" s="131" t="s">
        <v>705</v>
      </c>
      <c r="D196" s="131" t="s">
        <v>706</v>
      </c>
    </row>
    <row r="197" spans="1:4" x14ac:dyDescent="0.35">
      <c r="A197" s="131" t="s">
        <v>707</v>
      </c>
      <c r="B197" s="131" t="s">
        <v>708</v>
      </c>
      <c r="C197" s="131" t="e">
        <v>#N/A</v>
      </c>
      <c r="D197" s="131" t="e">
        <v>#N/A</v>
      </c>
    </row>
    <row r="198" spans="1:4" x14ac:dyDescent="0.35">
      <c r="A198" s="131" t="s">
        <v>709</v>
      </c>
      <c r="B198" s="131" t="s">
        <v>710</v>
      </c>
      <c r="C198" s="131" t="s">
        <v>711</v>
      </c>
      <c r="D198" s="131" t="s">
        <v>712</v>
      </c>
    </row>
    <row r="199" spans="1:4" x14ac:dyDescent="0.35">
      <c r="A199" s="131" t="s">
        <v>713</v>
      </c>
      <c r="B199" s="131" t="s">
        <v>714</v>
      </c>
      <c r="C199" s="131" t="s">
        <v>715</v>
      </c>
      <c r="D199" s="131" t="s">
        <v>716</v>
      </c>
    </row>
    <row r="200" spans="1:4" x14ac:dyDescent="0.35">
      <c r="A200" s="131" t="s">
        <v>717</v>
      </c>
      <c r="B200" s="131" t="s">
        <v>718</v>
      </c>
      <c r="C200" s="131" t="s">
        <v>719</v>
      </c>
      <c r="D200" s="131" t="s">
        <v>720</v>
      </c>
    </row>
    <row r="201" spans="1:4" x14ac:dyDescent="0.35">
      <c r="A201" s="131" t="s">
        <v>721</v>
      </c>
      <c r="B201" s="131" t="s">
        <v>722</v>
      </c>
      <c r="C201" s="131" t="e">
        <v>#N/A</v>
      </c>
      <c r="D201" s="131" t="e">
        <v>#N/A</v>
      </c>
    </row>
    <row r="202" spans="1:4" x14ac:dyDescent="0.35">
      <c r="A202" s="131" t="s">
        <v>723</v>
      </c>
      <c r="B202" s="131" t="s">
        <v>724</v>
      </c>
      <c r="C202" s="131" t="e">
        <v>#N/A</v>
      </c>
      <c r="D202" s="131" t="e">
        <v>#N/A</v>
      </c>
    </row>
    <row r="203" spans="1:4" x14ac:dyDescent="0.35">
      <c r="A203" s="131" t="s">
        <v>725</v>
      </c>
      <c r="B203" s="131" t="s">
        <v>726</v>
      </c>
      <c r="C203" s="131" t="e">
        <v>#N/A</v>
      </c>
      <c r="D203" s="131" t="e">
        <v>#N/A</v>
      </c>
    </row>
    <row r="204" spans="1:4" x14ac:dyDescent="0.35">
      <c r="A204" s="131" t="s">
        <v>727</v>
      </c>
      <c r="B204" s="131" t="s">
        <v>728</v>
      </c>
      <c r="C204" s="131" t="e">
        <v>#N/A</v>
      </c>
      <c r="D204" s="131" t="e">
        <v>#N/A</v>
      </c>
    </row>
    <row r="205" spans="1:4" x14ac:dyDescent="0.35">
      <c r="A205" s="131" t="s">
        <v>729</v>
      </c>
      <c r="B205" s="131" t="s">
        <v>730</v>
      </c>
      <c r="C205" s="131" t="s">
        <v>731</v>
      </c>
      <c r="D205" s="131" t="s">
        <v>732</v>
      </c>
    </row>
    <row r="206" spans="1:4" x14ac:dyDescent="0.35">
      <c r="A206" s="131" t="s">
        <v>733</v>
      </c>
      <c r="B206" s="131" t="s">
        <v>734</v>
      </c>
      <c r="C206" s="131" t="s">
        <v>735</v>
      </c>
      <c r="D206" s="131" t="s">
        <v>736</v>
      </c>
    </row>
    <row r="207" spans="1:4" x14ac:dyDescent="0.35">
      <c r="A207" s="131" t="s">
        <v>737</v>
      </c>
      <c r="B207" s="131" t="s">
        <v>738</v>
      </c>
      <c r="C207" s="131" t="e">
        <v>#N/A</v>
      </c>
      <c r="D207" s="131" t="e">
        <v>#N/A</v>
      </c>
    </row>
    <row r="208" spans="1:4" x14ac:dyDescent="0.35">
      <c r="A208" s="131" t="s">
        <v>739</v>
      </c>
      <c r="B208" s="131" t="s">
        <v>740</v>
      </c>
      <c r="C208" s="131" t="e">
        <v>#N/A</v>
      </c>
      <c r="D208" s="131" t="e">
        <v>#N/A</v>
      </c>
    </row>
    <row r="209" spans="1:4" x14ac:dyDescent="0.35">
      <c r="A209" s="131" t="s">
        <v>741</v>
      </c>
      <c r="B209" s="131" t="s">
        <v>742</v>
      </c>
      <c r="C209" s="131" t="e">
        <v>#N/A</v>
      </c>
      <c r="D209" s="131" t="e">
        <v>#N/A</v>
      </c>
    </row>
    <row r="210" spans="1:4" x14ac:dyDescent="0.35">
      <c r="A210" s="131" t="s">
        <v>743</v>
      </c>
      <c r="B210" s="131" t="s">
        <v>744</v>
      </c>
      <c r="C210" s="131" t="e">
        <v>#N/A</v>
      </c>
      <c r="D210" s="131" t="e">
        <v>#N/A</v>
      </c>
    </row>
    <row r="211" spans="1:4" x14ac:dyDescent="0.35">
      <c r="A211" s="131" t="s">
        <v>745</v>
      </c>
      <c r="B211" s="131" t="s">
        <v>746</v>
      </c>
      <c r="C211" s="131" t="e">
        <v>#N/A</v>
      </c>
      <c r="D211" s="131" t="e">
        <v>#N/A</v>
      </c>
    </row>
    <row r="212" spans="1:4" x14ac:dyDescent="0.35">
      <c r="A212" s="131" t="s">
        <v>747</v>
      </c>
      <c r="B212" s="131" t="s">
        <v>748</v>
      </c>
      <c r="C212" s="131" t="e">
        <v>#N/A</v>
      </c>
      <c r="D212" s="131" t="e">
        <v>#N/A</v>
      </c>
    </row>
    <row r="213" spans="1:4" x14ac:dyDescent="0.35">
      <c r="A213" s="131" t="s">
        <v>749</v>
      </c>
      <c r="B213" s="131" t="s">
        <v>750</v>
      </c>
      <c r="C213" s="131" t="s">
        <v>751</v>
      </c>
      <c r="D213" s="131" t="s">
        <v>752</v>
      </c>
    </row>
    <row r="214" spans="1:4" x14ac:dyDescent="0.35">
      <c r="A214" s="131" t="s">
        <v>753</v>
      </c>
      <c r="B214" s="131" t="s">
        <v>754</v>
      </c>
      <c r="C214" s="131" t="e">
        <v>#N/A</v>
      </c>
      <c r="D214" s="131" t="e">
        <v>#N/A</v>
      </c>
    </row>
    <row r="215" spans="1:4" x14ac:dyDescent="0.35">
      <c r="A215" s="132" t="s">
        <v>755</v>
      </c>
      <c r="B215" s="131" t="e">
        <v>#N/A</v>
      </c>
      <c r="C215" s="131" t="s">
        <v>756</v>
      </c>
      <c r="D215" s="131" t="s">
        <v>757</v>
      </c>
    </row>
    <row r="216" spans="1:4" x14ac:dyDescent="0.35">
      <c r="A216" s="132" t="s">
        <v>758</v>
      </c>
      <c r="B216" s="131" t="e">
        <v>#N/A</v>
      </c>
      <c r="C216" s="131" t="s">
        <v>759</v>
      </c>
      <c r="D216" s="131" t="s">
        <v>760</v>
      </c>
    </row>
    <row r="217" spans="1:4" x14ac:dyDescent="0.35">
      <c r="A217" s="131" t="s">
        <v>761</v>
      </c>
      <c r="B217" s="131" t="s">
        <v>762</v>
      </c>
      <c r="C217" s="131" t="e">
        <v>#N/A</v>
      </c>
      <c r="D217" s="131" t="e">
        <v>#N/A</v>
      </c>
    </row>
    <row r="218" spans="1:4" x14ac:dyDescent="0.35">
      <c r="A218" s="131" t="s">
        <v>763</v>
      </c>
      <c r="B218" s="131" t="s">
        <v>764</v>
      </c>
      <c r="C218" s="131" t="e">
        <v>#N/A</v>
      </c>
      <c r="D218" s="131" t="e">
        <v>#N/A</v>
      </c>
    </row>
    <row r="219" spans="1:4" x14ac:dyDescent="0.35">
      <c r="A219" s="131" t="s">
        <v>765</v>
      </c>
      <c r="B219" s="131" t="s">
        <v>766</v>
      </c>
      <c r="C219" s="131" t="e">
        <v>#N/A</v>
      </c>
      <c r="D219" s="131" t="e">
        <v>#N/A</v>
      </c>
    </row>
    <row r="220" spans="1:4" x14ac:dyDescent="0.35">
      <c r="A220" s="131" t="s">
        <v>767</v>
      </c>
      <c r="B220" s="131" t="s">
        <v>768</v>
      </c>
      <c r="C220" s="131" t="e">
        <v>#N/A</v>
      </c>
      <c r="D220" s="131" t="e">
        <v>#N/A</v>
      </c>
    </row>
    <row r="221" spans="1:4" x14ac:dyDescent="0.35">
      <c r="A221" s="131" t="s">
        <v>769</v>
      </c>
      <c r="B221" s="131" t="s">
        <v>770</v>
      </c>
      <c r="C221" s="131" t="e">
        <v>#N/A</v>
      </c>
      <c r="D221" s="131" t="e">
        <v>#N/A</v>
      </c>
    </row>
    <row r="222" spans="1:4" x14ac:dyDescent="0.35">
      <c r="A222" s="131" t="s">
        <v>771</v>
      </c>
      <c r="B222" s="131" t="s">
        <v>772</v>
      </c>
      <c r="C222" s="131" t="e">
        <v>#N/A</v>
      </c>
      <c r="D222" s="131" t="e">
        <v>#N/A</v>
      </c>
    </row>
    <row r="223" spans="1:4" x14ac:dyDescent="0.35">
      <c r="A223" s="131" t="s">
        <v>773</v>
      </c>
      <c r="B223" s="131" t="s">
        <v>774</v>
      </c>
      <c r="C223" s="131" t="s">
        <v>775</v>
      </c>
      <c r="D223" s="131" t="s">
        <v>776</v>
      </c>
    </row>
    <row r="224" spans="1:4" x14ac:dyDescent="0.35">
      <c r="A224" s="131" t="s">
        <v>777</v>
      </c>
      <c r="B224" s="131" t="s">
        <v>778</v>
      </c>
      <c r="C224" s="131" t="e">
        <v>#N/A</v>
      </c>
      <c r="D224" s="131" t="e">
        <v>#N/A</v>
      </c>
    </row>
    <row r="225" spans="1:4" x14ac:dyDescent="0.35">
      <c r="A225" s="131" t="s">
        <v>779</v>
      </c>
      <c r="B225" s="131" t="s">
        <v>780</v>
      </c>
      <c r="C225" s="131" t="e">
        <v>#N/A</v>
      </c>
      <c r="D225" s="131" t="e">
        <v>#N/A</v>
      </c>
    </row>
    <row r="226" spans="1:4" x14ac:dyDescent="0.35">
      <c r="A226" s="132" t="s">
        <v>781</v>
      </c>
      <c r="B226" s="131" t="e">
        <v>#N/A</v>
      </c>
      <c r="C226" s="131" t="s">
        <v>782</v>
      </c>
      <c r="D226" s="131" t="e">
        <v>#N/A</v>
      </c>
    </row>
    <row r="227" spans="1:4" x14ac:dyDescent="0.35">
      <c r="A227" s="132" t="s">
        <v>783</v>
      </c>
      <c r="B227" s="131" t="e">
        <v>#N/A</v>
      </c>
      <c r="C227" s="131" t="s">
        <v>784</v>
      </c>
      <c r="D227" s="131" t="e">
        <v>#N/A</v>
      </c>
    </row>
    <row r="228" spans="1:4" x14ac:dyDescent="0.35">
      <c r="A228" s="132" t="s">
        <v>785</v>
      </c>
      <c r="B228" s="131" t="e">
        <v>#N/A</v>
      </c>
      <c r="C228" s="131" t="s">
        <v>786</v>
      </c>
      <c r="D228" s="131" t="e">
        <v>#N/A</v>
      </c>
    </row>
    <row r="229" spans="1:4" x14ac:dyDescent="0.35">
      <c r="A229" s="132" t="s">
        <v>787</v>
      </c>
      <c r="B229" s="131" t="e">
        <v>#N/A</v>
      </c>
      <c r="C229" s="131" t="s">
        <v>786</v>
      </c>
      <c r="D229" s="131" t="e">
        <v>#N/A</v>
      </c>
    </row>
    <row r="230" spans="1:4" x14ac:dyDescent="0.35">
      <c r="A230" s="131" t="s">
        <v>788</v>
      </c>
      <c r="B230" s="131" t="s">
        <v>789</v>
      </c>
      <c r="C230" s="131" t="e">
        <v>#N/A</v>
      </c>
      <c r="D230" s="131" t="e">
        <v>#N/A</v>
      </c>
    </row>
    <row r="231" spans="1:4" x14ac:dyDescent="0.35">
      <c r="A231" s="131" t="s">
        <v>790</v>
      </c>
      <c r="B231" s="131" t="s">
        <v>791</v>
      </c>
      <c r="C231" s="131" t="e">
        <v>#N/A</v>
      </c>
      <c r="D231" s="131" t="e">
        <v>#N/A</v>
      </c>
    </row>
    <row r="232" spans="1:4" x14ac:dyDescent="0.35">
      <c r="A232" s="132" t="s">
        <v>792</v>
      </c>
      <c r="B232" s="131" t="e">
        <v>#N/A</v>
      </c>
      <c r="C232" s="131" t="s">
        <v>793</v>
      </c>
      <c r="D232" s="131" t="s">
        <v>794</v>
      </c>
    </row>
    <row r="233" spans="1:4" x14ac:dyDescent="0.35">
      <c r="A233" s="132" t="s">
        <v>795</v>
      </c>
      <c r="B233" s="131" t="e">
        <v>#N/A</v>
      </c>
      <c r="C233" s="131" t="s">
        <v>796</v>
      </c>
      <c r="D233" s="131" t="s">
        <v>797</v>
      </c>
    </row>
    <row r="234" spans="1:4" x14ac:dyDescent="0.35">
      <c r="A234" s="132" t="s">
        <v>798</v>
      </c>
      <c r="B234" s="131" t="e">
        <v>#N/A</v>
      </c>
      <c r="C234" s="131" t="s">
        <v>799</v>
      </c>
      <c r="D234" s="131" t="s">
        <v>800</v>
      </c>
    </row>
    <row r="235" spans="1:4" x14ac:dyDescent="0.35">
      <c r="A235" s="132" t="s">
        <v>801</v>
      </c>
      <c r="B235" s="131" t="e">
        <v>#N/A</v>
      </c>
      <c r="C235" s="131" t="s">
        <v>802</v>
      </c>
      <c r="D235" s="131" t="s">
        <v>803</v>
      </c>
    </row>
    <row r="236" spans="1:4" x14ac:dyDescent="0.35">
      <c r="A236" s="132" t="s">
        <v>804</v>
      </c>
      <c r="B236" s="131" t="e">
        <v>#N/A</v>
      </c>
      <c r="C236" s="131" t="e">
        <v>#N/A</v>
      </c>
      <c r="D236" s="131" t="s">
        <v>803</v>
      </c>
    </row>
    <row r="237" spans="1:4" x14ac:dyDescent="0.35">
      <c r="A237" s="131" t="s">
        <v>805</v>
      </c>
      <c r="B237" s="131" t="s">
        <v>806</v>
      </c>
      <c r="C237" s="131" t="s">
        <v>807</v>
      </c>
      <c r="D237" s="131" t="e">
        <v>#N/A</v>
      </c>
    </row>
    <row r="238" spans="1:4" x14ac:dyDescent="0.35">
      <c r="A238" s="132" t="s">
        <v>808</v>
      </c>
      <c r="B238" s="131" t="e">
        <v>#N/A</v>
      </c>
      <c r="C238" s="131" t="e">
        <v>#N/A</v>
      </c>
      <c r="D238" s="131" t="s">
        <v>236</v>
      </c>
    </row>
    <row r="239" spans="1:4" x14ac:dyDescent="0.35">
      <c r="A239" s="132" t="s">
        <v>809</v>
      </c>
      <c r="B239" s="131" t="e">
        <v>#N/A</v>
      </c>
      <c r="C239" s="131" t="s">
        <v>810</v>
      </c>
      <c r="D239" s="131" t="s">
        <v>811</v>
      </c>
    </row>
    <row r="240" spans="1:4" x14ac:dyDescent="0.35">
      <c r="A240" s="132" t="s">
        <v>812</v>
      </c>
      <c r="B240" s="131" t="e">
        <v>#N/A</v>
      </c>
      <c r="C240" s="131" t="s">
        <v>813</v>
      </c>
      <c r="D240" s="131" t="s">
        <v>814</v>
      </c>
    </row>
    <row r="241" spans="1:4" x14ac:dyDescent="0.35">
      <c r="A241" s="132" t="s">
        <v>815</v>
      </c>
      <c r="B241" s="131" t="e">
        <v>#N/A</v>
      </c>
      <c r="C241" s="131" t="s">
        <v>816</v>
      </c>
      <c r="D241" s="131" t="e">
        <v>#N/A</v>
      </c>
    </row>
    <row r="242" spans="1:4" x14ac:dyDescent="0.35">
      <c r="A242" s="132" t="s">
        <v>817</v>
      </c>
      <c r="B242" s="131" t="e">
        <v>#N/A</v>
      </c>
      <c r="C242" s="131" t="s">
        <v>818</v>
      </c>
      <c r="D242" s="131" t="s">
        <v>819</v>
      </c>
    </row>
    <row r="243" spans="1:4" x14ac:dyDescent="0.35">
      <c r="A243" s="132" t="s">
        <v>820</v>
      </c>
      <c r="B243" s="131" t="e">
        <v>#N/A</v>
      </c>
      <c r="C243" s="131" t="s">
        <v>821</v>
      </c>
      <c r="D243" s="131" t="s">
        <v>822</v>
      </c>
    </row>
    <row r="244" spans="1:4" x14ac:dyDescent="0.35">
      <c r="A244" s="132" t="s">
        <v>823</v>
      </c>
      <c r="B244" s="131" t="e">
        <v>#N/A</v>
      </c>
      <c r="C244" s="131" t="s">
        <v>824</v>
      </c>
      <c r="D244" s="131" t="e">
        <v>#N/A</v>
      </c>
    </row>
    <row r="245" spans="1:4" x14ac:dyDescent="0.35">
      <c r="A245" s="132" t="s">
        <v>825</v>
      </c>
      <c r="B245" s="131" t="e">
        <v>#N/A</v>
      </c>
      <c r="C245" s="131" t="s">
        <v>826</v>
      </c>
      <c r="D245" s="131" t="e">
        <v>#N/A</v>
      </c>
    </row>
    <row r="246" spans="1:4" x14ac:dyDescent="0.35">
      <c r="A246" s="132" t="s">
        <v>827</v>
      </c>
      <c r="B246" s="131" t="e">
        <v>#N/A</v>
      </c>
      <c r="C246" s="131" t="s">
        <v>828</v>
      </c>
      <c r="D246" s="131" t="s">
        <v>829</v>
      </c>
    </row>
    <row r="247" spans="1:4" x14ac:dyDescent="0.35">
      <c r="A247" s="131" t="s">
        <v>830</v>
      </c>
      <c r="B247" s="131" t="s">
        <v>831</v>
      </c>
      <c r="C247" s="131" t="e">
        <v>#N/A</v>
      </c>
      <c r="D247" s="131" t="e">
        <v>#N/A</v>
      </c>
    </row>
    <row r="248" spans="1:4" x14ac:dyDescent="0.35">
      <c r="A248" s="131" t="s">
        <v>832</v>
      </c>
      <c r="B248" s="131" t="s">
        <v>833</v>
      </c>
      <c r="C248" s="131" t="e">
        <v>#N/A</v>
      </c>
      <c r="D248" s="131" t="e">
        <v>#N/A</v>
      </c>
    </row>
    <row r="249" spans="1:4" x14ac:dyDescent="0.35">
      <c r="A249" s="131" t="s">
        <v>834</v>
      </c>
      <c r="B249" s="131" t="s">
        <v>835</v>
      </c>
      <c r="C249" s="131" t="e">
        <v>#N/A</v>
      </c>
      <c r="D249" s="131" t="e">
        <v>#N/A</v>
      </c>
    </row>
    <row r="250" spans="1:4" x14ac:dyDescent="0.35">
      <c r="A250" s="131" t="s">
        <v>836</v>
      </c>
      <c r="B250" s="131" t="s">
        <v>837</v>
      </c>
      <c r="C250" s="131" t="s">
        <v>838</v>
      </c>
      <c r="D250" s="131" t="s">
        <v>839</v>
      </c>
    </row>
    <row r="251" spans="1:4" x14ac:dyDescent="0.35">
      <c r="A251" s="131" t="s">
        <v>840</v>
      </c>
      <c r="B251" s="131" t="s">
        <v>841</v>
      </c>
      <c r="C251" s="131" t="e">
        <v>#N/A</v>
      </c>
      <c r="D251" s="131" t="e">
        <v>#N/A</v>
      </c>
    </row>
    <row r="252" spans="1:4" x14ac:dyDescent="0.35">
      <c r="A252" s="131" t="s">
        <v>842</v>
      </c>
      <c r="B252" s="131" t="s">
        <v>843</v>
      </c>
      <c r="C252" s="131" t="e">
        <v>#N/A</v>
      </c>
      <c r="D252" s="131" t="e">
        <v>#N/A</v>
      </c>
    </row>
    <row r="253" spans="1:4" x14ac:dyDescent="0.35">
      <c r="A253" s="131" t="s">
        <v>844</v>
      </c>
      <c r="B253" s="131" t="s">
        <v>845</v>
      </c>
      <c r="C253" s="131" t="e">
        <v>#N/A</v>
      </c>
      <c r="D253" s="131" t="e">
        <v>#N/A</v>
      </c>
    </row>
    <row r="254" spans="1:4" x14ac:dyDescent="0.35">
      <c r="A254" s="131" t="s">
        <v>846</v>
      </c>
      <c r="B254" s="131" t="s">
        <v>846</v>
      </c>
      <c r="C254" s="131" t="s">
        <v>847</v>
      </c>
      <c r="D254" s="131" t="s">
        <v>848</v>
      </c>
    </row>
    <row r="255" spans="1:4" x14ac:dyDescent="0.35">
      <c r="A255" s="132" t="s">
        <v>849</v>
      </c>
      <c r="B255" s="131" t="e">
        <v>#N/A</v>
      </c>
      <c r="C255" s="131" t="s">
        <v>850</v>
      </c>
      <c r="D255" s="131" t="s">
        <v>851</v>
      </c>
    </row>
    <row r="256" spans="1:4" x14ac:dyDescent="0.35">
      <c r="A256" s="131" t="s">
        <v>852</v>
      </c>
      <c r="B256" s="131" t="s">
        <v>853</v>
      </c>
      <c r="C256" s="131" t="e">
        <v>#N/A</v>
      </c>
      <c r="D256" s="131" t="e">
        <v>#N/A</v>
      </c>
    </row>
    <row r="257" spans="1:4" x14ac:dyDescent="0.35">
      <c r="A257" s="132" t="s">
        <v>854</v>
      </c>
      <c r="B257" s="131" t="e">
        <v>#N/A</v>
      </c>
      <c r="C257" s="131" t="s">
        <v>855</v>
      </c>
      <c r="D257" s="131" t="s">
        <v>856</v>
      </c>
    </row>
    <row r="258" spans="1:4" x14ac:dyDescent="0.35">
      <c r="A258" s="132" t="s">
        <v>857</v>
      </c>
      <c r="B258" s="131" t="e">
        <v>#N/A</v>
      </c>
      <c r="C258" s="131" t="s">
        <v>858</v>
      </c>
      <c r="D258" s="131" t="s">
        <v>859</v>
      </c>
    </row>
    <row r="259" spans="1:4" x14ac:dyDescent="0.35">
      <c r="A259" s="132" t="s">
        <v>860</v>
      </c>
      <c r="B259" s="131" t="e">
        <v>#N/A</v>
      </c>
      <c r="C259" s="131" t="s">
        <v>861</v>
      </c>
      <c r="D259" s="131" t="s">
        <v>862</v>
      </c>
    </row>
    <row r="260" spans="1:4" x14ac:dyDescent="0.35">
      <c r="A260" s="132" t="s">
        <v>863</v>
      </c>
      <c r="B260" s="131" t="e">
        <v>#N/A</v>
      </c>
      <c r="C260" s="131" t="s">
        <v>864</v>
      </c>
      <c r="D260" s="131" t="s">
        <v>865</v>
      </c>
    </row>
    <row r="261" spans="1:4" x14ac:dyDescent="0.35">
      <c r="A261" s="131" t="s">
        <v>866</v>
      </c>
      <c r="B261" s="131" t="s">
        <v>867</v>
      </c>
      <c r="C261" s="131" t="s">
        <v>868</v>
      </c>
      <c r="D261" s="131" t="s">
        <v>869</v>
      </c>
    </row>
    <row r="262" spans="1:4" x14ac:dyDescent="0.35">
      <c r="A262" s="132" t="s">
        <v>870</v>
      </c>
      <c r="B262" s="131" t="e">
        <v>#N/A</v>
      </c>
      <c r="C262" s="131" t="s">
        <v>871</v>
      </c>
      <c r="D262" s="131" t="s">
        <v>872</v>
      </c>
    </row>
    <row r="263" spans="1:4" x14ac:dyDescent="0.35">
      <c r="A263" s="131" t="s">
        <v>873</v>
      </c>
      <c r="B263" s="131" t="s">
        <v>874</v>
      </c>
      <c r="C263" s="131" t="e">
        <v>#N/A</v>
      </c>
      <c r="D263" s="131" t="e">
        <v>#N/A</v>
      </c>
    </row>
    <row r="264" spans="1:4" x14ac:dyDescent="0.35">
      <c r="A264" s="131" t="s">
        <v>875</v>
      </c>
      <c r="B264" s="131" t="s">
        <v>876</v>
      </c>
      <c r="C264" s="131" t="e">
        <v>#N/A</v>
      </c>
      <c r="D264" s="131" t="e">
        <v>#N/A</v>
      </c>
    </row>
    <row r="265" spans="1:4" x14ac:dyDescent="0.35">
      <c r="A265" s="132" t="s">
        <v>877</v>
      </c>
      <c r="B265" s="131" t="e">
        <v>#N/A</v>
      </c>
      <c r="C265" s="131" t="s">
        <v>878</v>
      </c>
      <c r="D265" s="131" t="s">
        <v>879</v>
      </c>
    </row>
    <row r="266" spans="1:4" x14ac:dyDescent="0.35">
      <c r="A266" s="131" t="s">
        <v>880</v>
      </c>
      <c r="B266" s="131" t="s">
        <v>881</v>
      </c>
      <c r="C266" s="131" t="e">
        <v>#N/A</v>
      </c>
      <c r="D266" s="131" t="e">
        <v>#N/A</v>
      </c>
    </row>
    <row r="267" spans="1:4" x14ac:dyDescent="0.35">
      <c r="A267" s="131" t="s">
        <v>882</v>
      </c>
      <c r="B267" s="131" t="s">
        <v>883</v>
      </c>
      <c r="C267" s="131" t="e">
        <v>#N/A</v>
      </c>
      <c r="D267" s="131" t="e">
        <v>#N/A</v>
      </c>
    </row>
    <row r="268" spans="1:4" x14ac:dyDescent="0.35">
      <c r="A268" s="131" t="s">
        <v>884</v>
      </c>
      <c r="B268" s="131" t="s">
        <v>885</v>
      </c>
      <c r="C268" s="131" t="e">
        <v>#N/A</v>
      </c>
      <c r="D268" s="131" t="e">
        <v>#N/A</v>
      </c>
    </row>
    <row r="269" spans="1:4" x14ac:dyDescent="0.35">
      <c r="A269" s="131" t="s">
        <v>886</v>
      </c>
      <c r="B269" s="131" t="s">
        <v>887</v>
      </c>
      <c r="C269" s="131" t="e">
        <v>#N/A</v>
      </c>
      <c r="D269" s="131" t="e">
        <v>#N/A</v>
      </c>
    </row>
    <row r="270" spans="1:4" x14ac:dyDescent="0.35">
      <c r="A270" s="131" t="s">
        <v>888</v>
      </c>
      <c r="B270" s="131" t="s">
        <v>889</v>
      </c>
      <c r="C270" s="131" t="e">
        <v>#N/A</v>
      </c>
      <c r="D270" s="131" t="e">
        <v>#N/A</v>
      </c>
    </row>
    <row r="271" spans="1:4" x14ac:dyDescent="0.35">
      <c r="A271" s="131" t="s">
        <v>890</v>
      </c>
      <c r="B271" s="131" t="s">
        <v>891</v>
      </c>
      <c r="C271" s="131" t="e">
        <v>#N/A</v>
      </c>
      <c r="D271" s="131" t="e">
        <v>#N/A</v>
      </c>
    </row>
    <row r="272" spans="1:4" x14ac:dyDescent="0.35">
      <c r="A272" s="132" t="s">
        <v>892</v>
      </c>
      <c r="B272" s="131" t="e">
        <v>#N/A</v>
      </c>
      <c r="C272" s="131" t="e">
        <v>#N/A</v>
      </c>
      <c r="D272" s="131" t="s">
        <v>236</v>
      </c>
    </row>
    <row r="273" spans="1:4" x14ac:dyDescent="0.35">
      <c r="A273" s="132" t="s">
        <v>893</v>
      </c>
      <c r="B273" s="131" t="e">
        <v>#N/A</v>
      </c>
      <c r="C273" s="131" t="e">
        <v>#N/A</v>
      </c>
      <c r="D273" s="131" t="s">
        <v>236</v>
      </c>
    </row>
    <row r="274" spans="1:4" x14ac:dyDescent="0.35">
      <c r="A274" s="132" t="s">
        <v>894</v>
      </c>
      <c r="B274" s="131" t="e">
        <v>#N/A</v>
      </c>
      <c r="C274" s="131" t="s">
        <v>895</v>
      </c>
      <c r="D274" s="131" t="s">
        <v>896</v>
      </c>
    </row>
    <row r="275" spans="1:4" x14ac:dyDescent="0.35">
      <c r="A275" s="132" t="s">
        <v>897</v>
      </c>
      <c r="B275" s="131" t="e">
        <v>#N/A</v>
      </c>
      <c r="C275" s="131" t="e">
        <v>#N/A</v>
      </c>
      <c r="D275" s="131" t="s">
        <v>236</v>
      </c>
    </row>
    <row r="276" spans="1:4" x14ac:dyDescent="0.35">
      <c r="A276" s="132" t="s">
        <v>898</v>
      </c>
      <c r="B276" s="131" t="e">
        <v>#N/A</v>
      </c>
      <c r="C276" s="131" t="e">
        <v>#N/A</v>
      </c>
      <c r="D276" s="131" t="s">
        <v>236</v>
      </c>
    </row>
    <row r="277" spans="1:4" x14ac:dyDescent="0.35">
      <c r="A277" s="132" t="s">
        <v>899</v>
      </c>
      <c r="B277" s="131" t="e">
        <v>#N/A</v>
      </c>
      <c r="C277" s="131" t="s">
        <v>900</v>
      </c>
      <c r="D277" s="131" t="s">
        <v>901</v>
      </c>
    </row>
    <row r="278" spans="1:4" x14ac:dyDescent="0.35">
      <c r="A278" s="131" t="s">
        <v>902</v>
      </c>
      <c r="B278" s="131" t="s">
        <v>903</v>
      </c>
      <c r="C278" s="131" t="s">
        <v>904</v>
      </c>
      <c r="D278" s="131" t="s">
        <v>905</v>
      </c>
    </row>
    <row r="279" spans="1:4" x14ac:dyDescent="0.35">
      <c r="A279" s="132" t="s">
        <v>906</v>
      </c>
      <c r="B279" s="131" t="e">
        <v>#N/A</v>
      </c>
      <c r="C279" s="131" t="s">
        <v>907</v>
      </c>
      <c r="D279" s="131" t="s">
        <v>908</v>
      </c>
    </row>
    <row r="280" spans="1:4" x14ac:dyDescent="0.35">
      <c r="A280" s="132" t="s">
        <v>909</v>
      </c>
      <c r="B280" s="131" t="e">
        <v>#N/A</v>
      </c>
      <c r="C280" s="131" t="s">
        <v>910</v>
      </c>
      <c r="D280" s="131" t="e">
        <v>#N/A</v>
      </c>
    </row>
    <row r="281" spans="1:4" x14ac:dyDescent="0.35">
      <c r="A281" s="131" t="s">
        <v>911</v>
      </c>
      <c r="B281" s="131" t="s">
        <v>912</v>
      </c>
      <c r="C281" s="131" t="e">
        <v>#N/A</v>
      </c>
      <c r="D281" s="131" t="e">
        <v>#N/A</v>
      </c>
    </row>
    <row r="282" spans="1:4" x14ac:dyDescent="0.35">
      <c r="A282" s="132" t="s">
        <v>90</v>
      </c>
      <c r="B282" s="131" t="e">
        <v>#N/A</v>
      </c>
      <c r="C282" s="131" t="s">
        <v>910</v>
      </c>
      <c r="D282" s="131" t="s">
        <v>913</v>
      </c>
    </row>
    <row r="283" spans="1:4" x14ac:dyDescent="0.35">
      <c r="A283" s="132" t="s">
        <v>914</v>
      </c>
      <c r="B283" s="131" t="e">
        <v>#N/A</v>
      </c>
      <c r="C283" s="131" t="s">
        <v>915</v>
      </c>
      <c r="D283" s="131" t="s">
        <v>916</v>
      </c>
    </row>
    <row r="284" spans="1:4" x14ac:dyDescent="0.35">
      <c r="A284" s="132" t="s">
        <v>917</v>
      </c>
      <c r="B284" s="131" t="e">
        <v>#N/A</v>
      </c>
      <c r="C284" s="131" t="s">
        <v>918</v>
      </c>
      <c r="D284" s="131" t="s">
        <v>919</v>
      </c>
    </row>
    <row r="285" spans="1:4" x14ac:dyDescent="0.35">
      <c r="A285" s="131" t="s">
        <v>920</v>
      </c>
      <c r="B285" s="131" t="s">
        <v>921</v>
      </c>
      <c r="C285" s="131" t="s">
        <v>922</v>
      </c>
      <c r="D285" s="131" t="s">
        <v>923</v>
      </c>
    </row>
    <row r="286" spans="1:4" x14ac:dyDescent="0.35">
      <c r="A286" s="132" t="s">
        <v>924</v>
      </c>
      <c r="B286" s="131" t="e">
        <v>#N/A</v>
      </c>
      <c r="C286" s="131" t="s">
        <v>925</v>
      </c>
      <c r="D286" s="131" t="s">
        <v>236</v>
      </c>
    </row>
    <row r="287" spans="1:4" x14ac:dyDescent="0.35">
      <c r="A287" s="132" t="s">
        <v>926</v>
      </c>
      <c r="B287" s="131" t="e">
        <v>#N/A</v>
      </c>
      <c r="C287" s="131" t="s">
        <v>927</v>
      </c>
      <c r="D287" s="131" t="s">
        <v>928</v>
      </c>
    </row>
    <row r="288" spans="1:4" x14ac:dyDescent="0.35">
      <c r="A288" s="132" t="s">
        <v>929</v>
      </c>
      <c r="B288" s="131" t="e">
        <v>#N/A</v>
      </c>
      <c r="C288" s="131" t="s">
        <v>930</v>
      </c>
      <c r="D288" s="131" t="s">
        <v>931</v>
      </c>
    </row>
    <row r="289" spans="1:4" x14ac:dyDescent="0.35">
      <c r="A289" s="131" t="s">
        <v>932</v>
      </c>
      <c r="B289" s="131" t="s">
        <v>933</v>
      </c>
      <c r="C289" s="131" t="s">
        <v>934</v>
      </c>
      <c r="D289" s="131" t="s">
        <v>236</v>
      </c>
    </row>
    <row r="290" spans="1:4" x14ac:dyDescent="0.35">
      <c r="A290" s="132" t="s">
        <v>935</v>
      </c>
      <c r="B290" s="131" t="e">
        <v>#N/A</v>
      </c>
      <c r="C290" s="131" t="s">
        <v>936</v>
      </c>
      <c r="D290" s="131" t="s">
        <v>937</v>
      </c>
    </row>
    <row r="291" spans="1:4" x14ac:dyDescent="0.35">
      <c r="A291" s="131" t="s">
        <v>938</v>
      </c>
      <c r="B291" s="131" t="s">
        <v>939</v>
      </c>
      <c r="C291" s="131" t="s">
        <v>940</v>
      </c>
      <c r="D291" s="131" t="e">
        <v>#N/A</v>
      </c>
    </row>
    <row r="292" spans="1:4" x14ac:dyDescent="0.35">
      <c r="A292" s="131" t="s">
        <v>941</v>
      </c>
      <c r="B292" s="131" t="s">
        <v>942</v>
      </c>
      <c r="C292" s="131" t="e">
        <v>#N/A</v>
      </c>
      <c r="D292" s="131" t="e">
        <v>#N/A</v>
      </c>
    </row>
    <row r="293" spans="1:4" x14ac:dyDescent="0.35">
      <c r="A293" s="131" t="s">
        <v>943</v>
      </c>
      <c r="B293" s="131" t="s">
        <v>944</v>
      </c>
      <c r="C293" s="131" t="e">
        <v>#N/A</v>
      </c>
      <c r="D293" s="131" t="e">
        <v>#N/A</v>
      </c>
    </row>
    <row r="294" spans="1:4" x14ac:dyDescent="0.35">
      <c r="A294" s="131" t="s">
        <v>945</v>
      </c>
      <c r="B294" s="131" t="s">
        <v>946</v>
      </c>
      <c r="C294" s="131" t="e">
        <v>#N/A</v>
      </c>
      <c r="D294" s="131" t="e">
        <v>#N/A</v>
      </c>
    </row>
    <row r="295" spans="1:4" x14ac:dyDescent="0.35">
      <c r="A295" s="131" t="s">
        <v>118</v>
      </c>
      <c r="B295" s="131" t="s">
        <v>947</v>
      </c>
      <c r="C295" s="131" t="s">
        <v>948</v>
      </c>
      <c r="D295" s="131" t="s">
        <v>236</v>
      </c>
    </row>
    <row r="296" spans="1:4" x14ac:dyDescent="0.35">
      <c r="A296" s="131" t="s">
        <v>949</v>
      </c>
      <c r="B296" s="131" t="s">
        <v>950</v>
      </c>
      <c r="C296" s="131" t="s">
        <v>951</v>
      </c>
      <c r="D296" s="131" t="s">
        <v>952</v>
      </c>
    </row>
    <row r="297" spans="1:4" x14ac:dyDescent="0.35">
      <c r="A297" s="132" t="s">
        <v>953</v>
      </c>
      <c r="B297" s="131" t="e">
        <v>#N/A</v>
      </c>
      <c r="C297" s="131" t="s">
        <v>954</v>
      </c>
      <c r="D297" s="131" t="s">
        <v>955</v>
      </c>
    </row>
    <row r="298" spans="1:4" x14ac:dyDescent="0.35">
      <c r="A298" s="132" t="s">
        <v>956</v>
      </c>
      <c r="B298" s="131" t="e">
        <v>#N/A</v>
      </c>
      <c r="C298" s="131" t="s">
        <v>957</v>
      </c>
      <c r="D298" s="131" t="s">
        <v>958</v>
      </c>
    </row>
    <row r="299" spans="1:4" x14ac:dyDescent="0.35">
      <c r="A299" s="132" t="s">
        <v>141</v>
      </c>
      <c r="B299" s="131" t="e">
        <v>#N/A</v>
      </c>
      <c r="C299" s="131" t="s">
        <v>959</v>
      </c>
      <c r="D299" s="131" t="s">
        <v>960</v>
      </c>
    </row>
    <row r="300" spans="1:4" x14ac:dyDescent="0.35">
      <c r="A300" s="132" t="s">
        <v>961</v>
      </c>
      <c r="B300" s="131" t="e">
        <v>#N/A</v>
      </c>
      <c r="C300" s="131" t="s">
        <v>962</v>
      </c>
      <c r="D300" s="131" t="e">
        <v>#N/A</v>
      </c>
    </row>
    <row r="301" spans="1:4" x14ac:dyDescent="0.35">
      <c r="A301" s="131" t="s">
        <v>963</v>
      </c>
      <c r="B301" s="131" t="s">
        <v>964</v>
      </c>
      <c r="C301" s="131" t="s">
        <v>965</v>
      </c>
      <c r="D301" s="131" t="s">
        <v>966</v>
      </c>
    </row>
    <row r="302" spans="1:4" x14ac:dyDescent="0.35">
      <c r="A302" s="131" t="s">
        <v>967</v>
      </c>
      <c r="B302" s="131" t="s">
        <v>968</v>
      </c>
      <c r="C302" s="131" t="s">
        <v>969</v>
      </c>
      <c r="D302" s="131" t="s">
        <v>236</v>
      </c>
    </row>
    <row r="303" spans="1:4" x14ac:dyDescent="0.35">
      <c r="A303" s="132" t="s">
        <v>970</v>
      </c>
      <c r="B303" s="131" t="e">
        <v>#N/A</v>
      </c>
      <c r="C303" s="131" t="s">
        <v>971</v>
      </c>
      <c r="D303" s="131" t="s">
        <v>972</v>
      </c>
    </row>
    <row r="304" spans="1:4" x14ac:dyDescent="0.35">
      <c r="A304" s="132" t="s">
        <v>973</v>
      </c>
      <c r="B304" s="131" t="e">
        <v>#N/A</v>
      </c>
      <c r="C304" s="131" t="s">
        <v>974</v>
      </c>
      <c r="D304" s="131" t="s">
        <v>975</v>
      </c>
    </row>
    <row r="305" spans="1:4" x14ac:dyDescent="0.35">
      <c r="A305" s="131" t="s">
        <v>976</v>
      </c>
      <c r="B305" s="131" t="s">
        <v>976</v>
      </c>
      <c r="C305" s="131" t="s">
        <v>977</v>
      </c>
      <c r="D305" s="131" t="s">
        <v>978</v>
      </c>
    </row>
    <row r="306" spans="1:4" x14ac:dyDescent="0.35">
      <c r="A306" s="131" t="s">
        <v>979</v>
      </c>
      <c r="B306" s="131" t="s">
        <v>980</v>
      </c>
      <c r="C306" s="131" t="s">
        <v>981</v>
      </c>
      <c r="D306" s="131" t="s">
        <v>982</v>
      </c>
    </row>
    <row r="307" spans="1:4" x14ac:dyDescent="0.35">
      <c r="A307" s="132" t="s">
        <v>983</v>
      </c>
      <c r="B307" s="131" t="e">
        <v>#N/A</v>
      </c>
      <c r="C307" s="131" t="s">
        <v>984</v>
      </c>
      <c r="D307" s="131" t="s">
        <v>985</v>
      </c>
    </row>
    <row r="308" spans="1:4" x14ac:dyDescent="0.35">
      <c r="A308" s="131" t="s">
        <v>986</v>
      </c>
      <c r="B308" s="131" t="s">
        <v>987</v>
      </c>
      <c r="C308" s="131" t="s">
        <v>988</v>
      </c>
      <c r="D308" s="131" t="s">
        <v>989</v>
      </c>
    </row>
    <row r="309" spans="1:4" x14ac:dyDescent="0.35">
      <c r="A309" s="132" t="s">
        <v>990</v>
      </c>
      <c r="B309" s="131" t="e">
        <v>#N/A</v>
      </c>
      <c r="C309" s="131" t="s">
        <v>991</v>
      </c>
      <c r="D309" s="131" t="s">
        <v>992</v>
      </c>
    </row>
    <row r="310" spans="1:4" x14ac:dyDescent="0.35">
      <c r="A310" s="132" t="s">
        <v>993</v>
      </c>
      <c r="B310" s="131" t="e">
        <v>#N/A</v>
      </c>
      <c r="C310" s="131" t="e">
        <v>#N/A</v>
      </c>
      <c r="D310" s="131" t="s">
        <v>994</v>
      </c>
    </row>
    <row r="311" spans="1:4" x14ac:dyDescent="0.35">
      <c r="A311" s="131" t="s">
        <v>995</v>
      </c>
      <c r="B311" s="131" t="s">
        <v>996</v>
      </c>
      <c r="C311" s="131" t="s">
        <v>997</v>
      </c>
      <c r="D311" s="131" t="s">
        <v>998</v>
      </c>
    </row>
    <row r="312" spans="1:4" x14ac:dyDescent="0.35">
      <c r="A312" s="132" t="s">
        <v>999</v>
      </c>
      <c r="B312" s="131" t="e">
        <v>#N/A</v>
      </c>
      <c r="C312" s="131" t="e">
        <v>#N/A</v>
      </c>
      <c r="D312" s="131" t="s">
        <v>1000</v>
      </c>
    </row>
    <row r="313" spans="1:4" x14ac:dyDescent="0.35">
      <c r="A313" s="131" t="s">
        <v>1001</v>
      </c>
      <c r="B313" s="131" t="s">
        <v>1002</v>
      </c>
      <c r="C313" s="131" t="s">
        <v>1003</v>
      </c>
      <c r="D313" s="131" t="s">
        <v>1004</v>
      </c>
    </row>
    <row r="314" spans="1:4" x14ac:dyDescent="0.35">
      <c r="A314" s="132" t="s">
        <v>1005</v>
      </c>
      <c r="B314" s="131" t="e">
        <v>#N/A</v>
      </c>
      <c r="C314" s="131" t="s">
        <v>1006</v>
      </c>
      <c r="D314" s="131" t="s">
        <v>1007</v>
      </c>
    </row>
    <row r="315" spans="1:4" x14ac:dyDescent="0.35">
      <c r="A315" s="132" t="s">
        <v>1008</v>
      </c>
      <c r="B315" s="131" t="e">
        <v>#N/A</v>
      </c>
      <c r="C315" s="131" t="s">
        <v>1009</v>
      </c>
      <c r="D315" s="131" t="s">
        <v>1010</v>
      </c>
    </row>
    <row r="316" spans="1:4" x14ac:dyDescent="0.35">
      <c r="A316" s="132" t="s">
        <v>1011</v>
      </c>
      <c r="B316" s="131" t="e">
        <v>#N/A</v>
      </c>
      <c r="C316" s="131" t="s">
        <v>1012</v>
      </c>
      <c r="D316" s="131" t="s">
        <v>1013</v>
      </c>
    </row>
    <row r="317" spans="1:4" x14ac:dyDescent="0.35">
      <c r="A317" s="131" t="s">
        <v>1014</v>
      </c>
      <c r="B317" s="131" t="s">
        <v>1015</v>
      </c>
      <c r="C317" s="131" t="s">
        <v>1016</v>
      </c>
      <c r="D317" s="131" t="s">
        <v>1017</v>
      </c>
    </row>
    <row r="318" spans="1:4" x14ac:dyDescent="0.35">
      <c r="A318" s="131" t="s">
        <v>1018</v>
      </c>
      <c r="B318" s="131" t="s">
        <v>1019</v>
      </c>
      <c r="C318" s="131" t="s">
        <v>1020</v>
      </c>
      <c r="D318" s="131" t="s">
        <v>1021</v>
      </c>
    </row>
    <row r="319" spans="1:4" x14ac:dyDescent="0.35">
      <c r="A319" s="131" t="s">
        <v>1022</v>
      </c>
      <c r="B319" s="131" t="s">
        <v>1023</v>
      </c>
      <c r="C319" s="131" t="s">
        <v>1024</v>
      </c>
      <c r="D319" s="131" t="s">
        <v>1025</v>
      </c>
    </row>
    <row r="320" spans="1:4" x14ac:dyDescent="0.35">
      <c r="A320" s="131" t="s">
        <v>1026</v>
      </c>
      <c r="B320" s="131" t="s">
        <v>1027</v>
      </c>
      <c r="C320" s="131" t="s">
        <v>1028</v>
      </c>
      <c r="D320" s="131" t="s">
        <v>1029</v>
      </c>
    </row>
    <row r="321" spans="1:4" x14ac:dyDescent="0.35">
      <c r="A321" s="132" t="s">
        <v>1030</v>
      </c>
      <c r="B321" s="131" t="e">
        <v>#N/A</v>
      </c>
      <c r="C321" s="131" t="s">
        <v>1031</v>
      </c>
      <c r="D321" s="131" t="s">
        <v>1032</v>
      </c>
    </row>
    <row r="322" spans="1:4" x14ac:dyDescent="0.35">
      <c r="A322" s="132" t="s">
        <v>1033</v>
      </c>
      <c r="B322" s="131" t="e">
        <v>#N/A</v>
      </c>
      <c r="C322" s="131" t="s">
        <v>1034</v>
      </c>
      <c r="D322" s="131" t="e">
        <v>#N/A</v>
      </c>
    </row>
    <row r="323" spans="1:4" x14ac:dyDescent="0.35">
      <c r="A323" s="132" t="s">
        <v>1035</v>
      </c>
      <c r="B323" s="131" t="e">
        <v>#N/A</v>
      </c>
      <c r="C323" s="131" t="s">
        <v>1036</v>
      </c>
      <c r="D323" s="131" t="s">
        <v>236</v>
      </c>
    </row>
    <row r="324" spans="1:4" x14ac:dyDescent="0.35">
      <c r="A324" s="132" t="s">
        <v>1037</v>
      </c>
      <c r="B324" s="131" t="e">
        <v>#N/A</v>
      </c>
      <c r="C324" s="131" t="s">
        <v>1038</v>
      </c>
      <c r="D324" s="131" t="e">
        <v>#N/A</v>
      </c>
    </row>
    <row r="325" spans="1:4" x14ac:dyDescent="0.35">
      <c r="A325" s="132" t="s">
        <v>1039</v>
      </c>
      <c r="B325" s="131" t="e">
        <v>#N/A</v>
      </c>
      <c r="C325" s="131" t="s">
        <v>1040</v>
      </c>
      <c r="D325" s="131" t="s">
        <v>1041</v>
      </c>
    </row>
    <row r="326" spans="1:4" x14ac:dyDescent="0.35">
      <c r="A326" s="132" t="s">
        <v>1042</v>
      </c>
      <c r="B326" s="131" t="e">
        <v>#N/A</v>
      </c>
      <c r="C326" s="131" t="s">
        <v>1043</v>
      </c>
      <c r="D326" s="131" t="e">
        <v>#N/A</v>
      </c>
    </row>
    <row r="327" spans="1:4" x14ac:dyDescent="0.35">
      <c r="A327" s="132" t="s">
        <v>1044</v>
      </c>
      <c r="B327" s="131" t="e">
        <v>#N/A</v>
      </c>
      <c r="C327" s="131" t="s">
        <v>1045</v>
      </c>
      <c r="D327" s="131" t="e">
        <v>#N/A</v>
      </c>
    </row>
    <row r="328" spans="1:4" x14ac:dyDescent="0.35">
      <c r="A328" s="132" t="s">
        <v>1046</v>
      </c>
      <c r="B328" s="131" t="e">
        <v>#N/A</v>
      </c>
      <c r="C328" s="131" t="s">
        <v>1047</v>
      </c>
      <c r="D328" s="131" t="e">
        <v>#N/A</v>
      </c>
    </row>
    <row r="329" spans="1:4" x14ac:dyDescent="0.35">
      <c r="A329" s="132" t="s">
        <v>1048</v>
      </c>
      <c r="B329" s="131" t="e">
        <v>#N/A</v>
      </c>
      <c r="C329" s="131" t="s">
        <v>1049</v>
      </c>
      <c r="D329" s="131" t="s">
        <v>1050</v>
      </c>
    </row>
    <row r="330" spans="1:4" x14ac:dyDescent="0.35">
      <c r="A330" s="132" t="s">
        <v>1051</v>
      </c>
      <c r="B330" s="131" t="e">
        <v>#N/A</v>
      </c>
      <c r="C330" s="131" t="e">
        <v>#N/A</v>
      </c>
      <c r="D330" s="131" t="s">
        <v>1052</v>
      </c>
    </row>
    <row r="331" spans="1:4" x14ac:dyDescent="0.35">
      <c r="A331" s="132" t="s">
        <v>1053</v>
      </c>
      <c r="B331" s="131" t="e">
        <v>#N/A</v>
      </c>
      <c r="C331" s="131" t="s">
        <v>1054</v>
      </c>
      <c r="D331" s="131" t="s">
        <v>1055</v>
      </c>
    </row>
    <row r="332" spans="1:4" x14ac:dyDescent="0.35">
      <c r="A332" s="132" t="s">
        <v>1056</v>
      </c>
      <c r="B332" s="131" t="e">
        <v>#N/A</v>
      </c>
      <c r="C332" s="131" t="e">
        <v>#N/A</v>
      </c>
      <c r="D332" s="131" t="s">
        <v>1057</v>
      </c>
    </row>
    <row r="333" spans="1:4" x14ac:dyDescent="0.35">
      <c r="A333" s="132" t="s">
        <v>1058</v>
      </c>
      <c r="B333" s="131" t="e">
        <v>#N/A</v>
      </c>
      <c r="C333" s="131" t="e">
        <v>#N/A</v>
      </c>
      <c r="D333" s="131" t="s">
        <v>1059</v>
      </c>
    </row>
    <row r="334" spans="1:4" x14ac:dyDescent="0.35">
      <c r="A334" s="132" t="s">
        <v>1060</v>
      </c>
      <c r="B334" s="131" t="e">
        <v>#N/A</v>
      </c>
      <c r="C334" s="131" t="s">
        <v>1061</v>
      </c>
      <c r="D334" s="131" t="s">
        <v>1062</v>
      </c>
    </row>
    <row r="335" spans="1:4" x14ac:dyDescent="0.35">
      <c r="A335" s="132" t="s">
        <v>1063</v>
      </c>
      <c r="B335" s="131" t="e">
        <v>#N/A</v>
      </c>
      <c r="C335" s="131" t="s">
        <v>1064</v>
      </c>
      <c r="D335" s="131" t="s">
        <v>1065</v>
      </c>
    </row>
    <row r="336" spans="1:4" x14ac:dyDescent="0.35">
      <c r="A336" s="132" t="s">
        <v>1066</v>
      </c>
      <c r="B336" s="131" t="e">
        <v>#N/A</v>
      </c>
      <c r="C336" s="131" t="s">
        <v>1067</v>
      </c>
      <c r="D336" s="131" t="s">
        <v>1068</v>
      </c>
    </row>
    <row r="337" spans="1:4" x14ac:dyDescent="0.35">
      <c r="A337" s="131" t="s">
        <v>1069</v>
      </c>
      <c r="B337" s="131" t="s">
        <v>1070</v>
      </c>
      <c r="C337" s="131" t="s">
        <v>1071</v>
      </c>
      <c r="D337" s="131" t="s">
        <v>1072</v>
      </c>
    </row>
    <row r="338" spans="1:4" x14ac:dyDescent="0.35">
      <c r="A338" s="131" t="s">
        <v>33</v>
      </c>
      <c r="B338" s="131" t="s">
        <v>1073</v>
      </c>
      <c r="C338" s="131" t="s">
        <v>1074</v>
      </c>
      <c r="D338" s="131" t="s">
        <v>1075</v>
      </c>
    </row>
    <row r="339" spans="1:4" x14ac:dyDescent="0.35">
      <c r="A339" s="132" t="s">
        <v>1076</v>
      </c>
      <c r="B339" s="131" t="e">
        <v>#N/A</v>
      </c>
      <c r="C339" s="131" t="s">
        <v>1077</v>
      </c>
      <c r="D339" s="131" t="s">
        <v>1078</v>
      </c>
    </row>
    <row r="340" spans="1:4" x14ac:dyDescent="0.35">
      <c r="A340" s="132" t="s">
        <v>1079</v>
      </c>
      <c r="B340" s="131" t="e">
        <v>#N/A</v>
      </c>
      <c r="C340" s="131" t="s">
        <v>1080</v>
      </c>
      <c r="D340" s="131" t="s">
        <v>1081</v>
      </c>
    </row>
    <row r="341" spans="1:4" x14ac:dyDescent="0.35">
      <c r="A341" s="132" t="s">
        <v>1082</v>
      </c>
      <c r="B341" s="131" t="e">
        <v>#N/A</v>
      </c>
      <c r="C341" s="131" t="s">
        <v>1083</v>
      </c>
      <c r="D341" s="131" t="s">
        <v>1084</v>
      </c>
    </row>
    <row r="342" spans="1:4" x14ac:dyDescent="0.35">
      <c r="A342" s="132" t="s">
        <v>1085</v>
      </c>
      <c r="B342" s="131" t="e">
        <v>#N/A</v>
      </c>
      <c r="C342" s="131" t="s">
        <v>1086</v>
      </c>
      <c r="D342" s="131" t="s">
        <v>1087</v>
      </c>
    </row>
    <row r="343" spans="1:4" x14ac:dyDescent="0.35">
      <c r="A343" s="131" t="s">
        <v>1088</v>
      </c>
      <c r="B343" s="131" t="s">
        <v>1089</v>
      </c>
      <c r="C343" s="131" t="s">
        <v>1090</v>
      </c>
      <c r="D343" s="131" t="s">
        <v>1091</v>
      </c>
    </row>
    <row r="344" spans="1:4" x14ac:dyDescent="0.35">
      <c r="A344" s="131" t="s">
        <v>1092</v>
      </c>
      <c r="B344" s="131" t="s">
        <v>1093</v>
      </c>
      <c r="C344" s="131" t="s">
        <v>1094</v>
      </c>
      <c r="D344" s="131" t="s">
        <v>1095</v>
      </c>
    </row>
    <row r="345" spans="1:4" x14ac:dyDescent="0.35">
      <c r="A345" s="132" t="s">
        <v>1096</v>
      </c>
      <c r="B345" s="131" t="e">
        <v>#N/A</v>
      </c>
      <c r="C345" s="131" t="s">
        <v>1097</v>
      </c>
      <c r="D345" s="131" t="s">
        <v>1098</v>
      </c>
    </row>
    <row r="346" spans="1:4" x14ac:dyDescent="0.35">
      <c r="A346" s="132" t="s">
        <v>1099</v>
      </c>
      <c r="B346" s="131" t="e">
        <v>#N/A</v>
      </c>
      <c r="C346" s="131" t="s">
        <v>1100</v>
      </c>
      <c r="D346" s="131" t="s">
        <v>1101</v>
      </c>
    </row>
    <row r="347" spans="1:4" x14ac:dyDescent="0.35">
      <c r="A347" s="132" t="s">
        <v>1102</v>
      </c>
      <c r="B347" s="131" t="e">
        <v>#N/A</v>
      </c>
      <c r="C347" s="131" t="s">
        <v>1103</v>
      </c>
      <c r="D347" s="131" t="s">
        <v>1104</v>
      </c>
    </row>
    <row r="348" spans="1:4" x14ac:dyDescent="0.35">
      <c r="A348" s="132" t="s">
        <v>1105</v>
      </c>
      <c r="B348" s="131" t="e">
        <v>#N/A</v>
      </c>
      <c r="C348" s="131" t="s">
        <v>1106</v>
      </c>
      <c r="D348" s="131" t="s">
        <v>1107</v>
      </c>
    </row>
    <row r="349" spans="1:4" x14ac:dyDescent="0.35">
      <c r="A349" s="132" t="s">
        <v>1108</v>
      </c>
      <c r="B349" s="131" t="e">
        <v>#N/A</v>
      </c>
      <c r="C349" s="131" t="s">
        <v>1109</v>
      </c>
      <c r="D349" s="131" t="s">
        <v>1110</v>
      </c>
    </row>
    <row r="350" spans="1:4" x14ac:dyDescent="0.35">
      <c r="A350" s="131" t="s">
        <v>1111</v>
      </c>
      <c r="B350" s="131" t="s">
        <v>1112</v>
      </c>
      <c r="C350" s="131" t="s">
        <v>1113</v>
      </c>
      <c r="D350" s="131" t="s">
        <v>236</v>
      </c>
    </row>
    <row r="351" spans="1:4" x14ac:dyDescent="0.35">
      <c r="A351" s="132" t="s">
        <v>1114</v>
      </c>
      <c r="B351" s="131" t="e">
        <v>#N/A</v>
      </c>
      <c r="C351" s="131" t="s">
        <v>1115</v>
      </c>
      <c r="D351" s="131" t="s">
        <v>1116</v>
      </c>
    </row>
    <row r="352" spans="1:4" x14ac:dyDescent="0.35">
      <c r="A352" s="132" t="s">
        <v>1117</v>
      </c>
      <c r="B352" s="131" t="e">
        <v>#N/A</v>
      </c>
      <c r="C352" s="131" t="s">
        <v>1118</v>
      </c>
      <c r="D352" s="131" t="e">
        <v>#N/A</v>
      </c>
    </row>
    <row r="353" spans="1:4" x14ac:dyDescent="0.35">
      <c r="A353" s="132" t="s">
        <v>1119</v>
      </c>
      <c r="B353" s="131" t="e">
        <v>#N/A</v>
      </c>
      <c r="C353" s="131" t="s">
        <v>1120</v>
      </c>
      <c r="D353" s="131" t="e">
        <v>#N/A</v>
      </c>
    </row>
    <row r="354" spans="1:4" x14ac:dyDescent="0.35">
      <c r="A354" s="132" t="s">
        <v>1121</v>
      </c>
      <c r="B354" s="131" t="e">
        <v>#N/A</v>
      </c>
      <c r="C354" s="131" t="s">
        <v>1122</v>
      </c>
      <c r="D354" s="131" t="e">
        <v>#N/A</v>
      </c>
    </row>
    <row r="355" spans="1:4" x14ac:dyDescent="0.35">
      <c r="A355" s="132" t="s">
        <v>1123</v>
      </c>
      <c r="B355" s="131" t="e">
        <v>#N/A</v>
      </c>
      <c r="C355" s="131" t="s">
        <v>1124</v>
      </c>
      <c r="D355" s="131" t="e">
        <v>#N/A</v>
      </c>
    </row>
    <row r="356" spans="1:4" x14ac:dyDescent="0.35">
      <c r="A356" s="132" t="s">
        <v>1125</v>
      </c>
      <c r="B356" s="131" t="e">
        <v>#N/A</v>
      </c>
      <c r="C356" s="131" t="s">
        <v>1126</v>
      </c>
      <c r="D356" s="131" t="e">
        <v>#N/A</v>
      </c>
    </row>
    <row r="357" spans="1:4" x14ac:dyDescent="0.35">
      <c r="A357" s="132" t="s">
        <v>1127</v>
      </c>
      <c r="B357" s="131" t="e">
        <v>#N/A</v>
      </c>
      <c r="C357" s="131" t="s">
        <v>1128</v>
      </c>
      <c r="D357" s="131" t="e">
        <v>#N/A</v>
      </c>
    </row>
    <row r="358" spans="1:4" x14ac:dyDescent="0.35">
      <c r="A358" s="132" t="s">
        <v>1129</v>
      </c>
      <c r="B358" s="131" t="e">
        <v>#N/A</v>
      </c>
      <c r="C358" s="131" t="s">
        <v>1130</v>
      </c>
      <c r="D358" s="131" t="e">
        <v>#N/A</v>
      </c>
    </row>
    <row r="359" spans="1:4" x14ac:dyDescent="0.35">
      <c r="A359" s="132" t="s">
        <v>1131</v>
      </c>
      <c r="B359" s="131" t="e">
        <v>#N/A</v>
      </c>
      <c r="C359" s="131" t="s">
        <v>1132</v>
      </c>
      <c r="D359" s="131" t="s">
        <v>236</v>
      </c>
    </row>
    <row r="360" spans="1:4" x14ac:dyDescent="0.35">
      <c r="A360" s="132" t="s">
        <v>1133</v>
      </c>
      <c r="B360" s="131" t="e">
        <v>#N/A</v>
      </c>
      <c r="C360" s="131" t="s">
        <v>1134</v>
      </c>
      <c r="D360" s="131" t="e">
        <v>#N/A</v>
      </c>
    </row>
    <row r="361" spans="1:4" x14ac:dyDescent="0.35">
      <c r="A361" s="132" t="s">
        <v>1135</v>
      </c>
      <c r="B361" s="131" t="e">
        <v>#N/A</v>
      </c>
      <c r="C361" s="131" t="s">
        <v>1136</v>
      </c>
      <c r="D361" s="131" t="e">
        <v>#N/A</v>
      </c>
    </row>
    <row r="362" spans="1:4" x14ac:dyDescent="0.35">
      <c r="A362" s="132" t="s">
        <v>1137</v>
      </c>
      <c r="B362" s="131" t="e">
        <v>#N/A</v>
      </c>
      <c r="C362" s="131" t="s">
        <v>1138</v>
      </c>
      <c r="D362" s="131" t="e">
        <v>#N/A</v>
      </c>
    </row>
    <row r="363" spans="1:4" x14ac:dyDescent="0.35">
      <c r="A363" s="132" t="s">
        <v>1139</v>
      </c>
      <c r="B363" s="131" t="e">
        <v>#N/A</v>
      </c>
      <c r="C363" s="131" t="s">
        <v>1140</v>
      </c>
      <c r="D363" s="131" t="e">
        <v>#N/A</v>
      </c>
    </row>
    <row r="364" spans="1:4" x14ac:dyDescent="0.35">
      <c r="A364" s="132" t="s">
        <v>1141</v>
      </c>
      <c r="B364" s="131" t="e">
        <v>#N/A</v>
      </c>
      <c r="C364" s="131" t="s">
        <v>1142</v>
      </c>
      <c r="D364" s="131" t="s">
        <v>1143</v>
      </c>
    </row>
    <row r="365" spans="1:4" x14ac:dyDescent="0.35">
      <c r="A365" s="132" t="s">
        <v>1144</v>
      </c>
      <c r="B365" s="131" t="e">
        <v>#N/A</v>
      </c>
      <c r="C365" s="131" t="s">
        <v>1145</v>
      </c>
      <c r="D365" s="131" t="s">
        <v>1146</v>
      </c>
    </row>
    <row r="366" spans="1:4" x14ac:dyDescent="0.35">
      <c r="A366" s="132" t="s">
        <v>1147</v>
      </c>
      <c r="B366" s="131" t="e">
        <v>#N/A</v>
      </c>
      <c r="C366" s="131" t="s">
        <v>1148</v>
      </c>
      <c r="D366" s="131" t="s">
        <v>1149</v>
      </c>
    </row>
    <row r="367" spans="1:4" x14ac:dyDescent="0.35">
      <c r="A367" s="132" t="s">
        <v>1150</v>
      </c>
      <c r="B367" s="131" t="e">
        <v>#N/A</v>
      </c>
      <c r="C367" s="131" t="s">
        <v>1151</v>
      </c>
      <c r="D367" s="131" t="s">
        <v>236</v>
      </c>
    </row>
    <row r="368" spans="1:4" x14ac:dyDescent="0.35">
      <c r="A368" s="132" t="s">
        <v>1152</v>
      </c>
      <c r="B368" s="131" t="e">
        <v>#N/A</v>
      </c>
      <c r="C368" s="131" t="s">
        <v>1153</v>
      </c>
      <c r="D368" s="131" t="s">
        <v>1154</v>
      </c>
    </row>
    <row r="369" spans="1:4" x14ac:dyDescent="0.35">
      <c r="A369" s="132" t="s">
        <v>1155</v>
      </c>
      <c r="B369" s="131" t="e">
        <v>#N/A</v>
      </c>
      <c r="C369" s="131" t="s">
        <v>1156</v>
      </c>
      <c r="D369" s="131" t="s">
        <v>1157</v>
      </c>
    </row>
    <row r="370" spans="1:4" x14ac:dyDescent="0.35">
      <c r="A370" s="132" t="s">
        <v>1158</v>
      </c>
      <c r="B370" s="131" t="e">
        <v>#N/A</v>
      </c>
      <c r="C370" s="131" t="s">
        <v>1159</v>
      </c>
      <c r="D370" s="131" t="s">
        <v>1160</v>
      </c>
    </row>
    <row r="371" spans="1:4" x14ac:dyDescent="0.35">
      <c r="A371" s="132" t="s">
        <v>1161</v>
      </c>
      <c r="B371" s="131" t="e">
        <v>#N/A</v>
      </c>
      <c r="C371" s="131" t="s">
        <v>1162</v>
      </c>
      <c r="D371" s="131" t="e">
        <v>#N/A</v>
      </c>
    </row>
    <row r="372" spans="1:4" x14ac:dyDescent="0.35">
      <c r="A372" s="132" t="s">
        <v>1163</v>
      </c>
      <c r="B372" s="131" t="e">
        <v>#N/A</v>
      </c>
      <c r="C372" s="131" t="s">
        <v>1164</v>
      </c>
      <c r="D372" s="131" t="s">
        <v>1165</v>
      </c>
    </row>
    <row r="373" spans="1:4" x14ac:dyDescent="0.35">
      <c r="A373" s="132" t="s">
        <v>36</v>
      </c>
      <c r="B373" s="131" t="e">
        <v>#N/A</v>
      </c>
      <c r="C373" s="131" t="s">
        <v>1166</v>
      </c>
      <c r="D373" s="131" t="s">
        <v>1167</v>
      </c>
    </row>
    <row r="374" spans="1:4" x14ac:dyDescent="0.35">
      <c r="A374" s="132" t="s">
        <v>1168</v>
      </c>
      <c r="B374" s="131" t="e">
        <v>#N/A</v>
      </c>
      <c r="C374" s="131" t="s">
        <v>1169</v>
      </c>
      <c r="D374" s="131" t="s">
        <v>1170</v>
      </c>
    </row>
    <row r="375" spans="1:4" x14ac:dyDescent="0.35">
      <c r="A375" s="132" t="s">
        <v>1171</v>
      </c>
      <c r="B375" s="131" t="e">
        <v>#N/A</v>
      </c>
      <c r="C375" s="131" t="s">
        <v>1172</v>
      </c>
      <c r="D375" s="131" t="s">
        <v>1173</v>
      </c>
    </row>
    <row r="376" spans="1:4" x14ac:dyDescent="0.35">
      <c r="A376" s="132" t="s">
        <v>1174</v>
      </c>
      <c r="B376" s="131" t="e">
        <v>#N/A</v>
      </c>
      <c r="C376" s="131" t="s">
        <v>1175</v>
      </c>
      <c r="D376" s="131" t="s">
        <v>1176</v>
      </c>
    </row>
    <row r="377" spans="1:4" x14ac:dyDescent="0.35">
      <c r="A377" s="132" t="s">
        <v>1177</v>
      </c>
      <c r="B377" s="131" t="e">
        <v>#N/A</v>
      </c>
      <c r="C377" s="131" t="s">
        <v>1178</v>
      </c>
      <c r="D377" s="131" t="s">
        <v>236</v>
      </c>
    </row>
    <row r="378" spans="1:4" x14ac:dyDescent="0.35">
      <c r="A378" s="132" t="s">
        <v>1179</v>
      </c>
      <c r="B378" s="131" t="e">
        <v>#N/A</v>
      </c>
      <c r="C378" s="131" t="s">
        <v>1180</v>
      </c>
      <c r="D378" s="131" t="s">
        <v>1181</v>
      </c>
    </row>
    <row r="379" spans="1:4" x14ac:dyDescent="0.35">
      <c r="A379" s="132" t="s">
        <v>1182</v>
      </c>
      <c r="B379" s="131" t="e">
        <v>#N/A</v>
      </c>
      <c r="C379" s="131" t="s">
        <v>1183</v>
      </c>
      <c r="D379" s="131" t="s">
        <v>1184</v>
      </c>
    </row>
    <row r="380" spans="1:4" x14ac:dyDescent="0.35">
      <c r="A380" s="132" t="s">
        <v>1185</v>
      </c>
      <c r="B380" s="131" t="e">
        <v>#N/A</v>
      </c>
      <c r="C380" s="131" t="s">
        <v>1186</v>
      </c>
      <c r="D380" s="131" t="s">
        <v>1187</v>
      </c>
    </row>
    <row r="381" spans="1:4" x14ac:dyDescent="0.35">
      <c r="A381" s="132" t="s">
        <v>1188</v>
      </c>
      <c r="B381" s="131" t="e">
        <v>#N/A</v>
      </c>
      <c r="C381" s="131" t="s">
        <v>1189</v>
      </c>
      <c r="D381" s="131" t="s">
        <v>1190</v>
      </c>
    </row>
    <row r="382" spans="1:4" x14ac:dyDescent="0.35">
      <c r="A382" s="132" t="s">
        <v>128</v>
      </c>
      <c r="B382" s="131" t="e">
        <v>#N/A</v>
      </c>
      <c r="C382" s="131" t="s">
        <v>1191</v>
      </c>
      <c r="D382" s="131" t="s">
        <v>236</v>
      </c>
    </row>
    <row r="383" spans="1:4" x14ac:dyDescent="0.35">
      <c r="A383" s="132" t="s">
        <v>1192</v>
      </c>
      <c r="B383" s="131" t="e">
        <v>#N/A</v>
      </c>
      <c r="C383" s="131" t="s">
        <v>1193</v>
      </c>
      <c r="D383" s="131" t="s">
        <v>236</v>
      </c>
    </row>
    <row r="384" spans="1:4" x14ac:dyDescent="0.35">
      <c r="A384" s="132" t="s">
        <v>131</v>
      </c>
      <c r="B384" s="131" t="e">
        <v>#N/A</v>
      </c>
      <c r="C384" s="131" t="s">
        <v>1194</v>
      </c>
      <c r="D384" s="131" t="s">
        <v>236</v>
      </c>
    </row>
    <row r="385" spans="1:4" x14ac:dyDescent="0.35">
      <c r="A385" s="132" t="s">
        <v>134</v>
      </c>
      <c r="B385" s="131" t="e">
        <v>#N/A</v>
      </c>
      <c r="C385" s="131" t="s">
        <v>1195</v>
      </c>
      <c r="D385" s="131" t="s">
        <v>236</v>
      </c>
    </row>
    <row r="386" spans="1:4" x14ac:dyDescent="0.35">
      <c r="A386" s="132" t="s">
        <v>1196</v>
      </c>
      <c r="B386" s="131" t="e">
        <v>#N/A</v>
      </c>
      <c r="C386" s="131" t="s">
        <v>1197</v>
      </c>
      <c r="D386" s="131" t="s">
        <v>236</v>
      </c>
    </row>
    <row r="387" spans="1:4" x14ac:dyDescent="0.35">
      <c r="A387" s="132" t="s">
        <v>122</v>
      </c>
      <c r="B387" s="131" t="e">
        <v>#N/A</v>
      </c>
      <c r="C387" s="131" t="s">
        <v>1198</v>
      </c>
      <c r="D387" s="131" t="s">
        <v>236</v>
      </c>
    </row>
    <row r="388" spans="1:4" x14ac:dyDescent="0.35">
      <c r="A388" s="132" t="s">
        <v>1199</v>
      </c>
      <c r="B388" s="131" t="e">
        <v>#N/A</v>
      </c>
      <c r="C388" s="131" t="s">
        <v>1200</v>
      </c>
      <c r="D388" s="131" t="s">
        <v>1201</v>
      </c>
    </row>
    <row r="389" spans="1:4" x14ac:dyDescent="0.35">
      <c r="A389" s="132" t="s">
        <v>1202</v>
      </c>
      <c r="B389" s="131" t="e">
        <v>#N/A</v>
      </c>
      <c r="C389" s="131" t="s">
        <v>1203</v>
      </c>
      <c r="D389" s="131" t="s">
        <v>236</v>
      </c>
    </row>
    <row r="390" spans="1:4" x14ac:dyDescent="0.35">
      <c r="A390" s="132" t="s">
        <v>1204</v>
      </c>
      <c r="B390" s="131" t="e">
        <v>#N/A</v>
      </c>
      <c r="C390" s="131" t="s">
        <v>1205</v>
      </c>
      <c r="D390" s="131" t="s">
        <v>236</v>
      </c>
    </row>
    <row r="391" spans="1:4" x14ac:dyDescent="0.35">
      <c r="A391" s="132" t="s">
        <v>1206</v>
      </c>
      <c r="B391" s="131" t="e">
        <v>#N/A</v>
      </c>
      <c r="C391" s="131" t="s">
        <v>1207</v>
      </c>
      <c r="D391" s="131" t="s">
        <v>236</v>
      </c>
    </row>
    <row r="392" spans="1:4" x14ac:dyDescent="0.35">
      <c r="A392" s="132" t="s">
        <v>1208</v>
      </c>
      <c r="B392" s="131" t="e">
        <v>#N/A</v>
      </c>
      <c r="C392" s="131" t="s">
        <v>1209</v>
      </c>
      <c r="D392" s="131" t="s">
        <v>236</v>
      </c>
    </row>
    <row r="393" spans="1:4" x14ac:dyDescent="0.35">
      <c r="A393" s="132" t="s">
        <v>1210</v>
      </c>
      <c r="B393" s="131" t="e">
        <v>#N/A</v>
      </c>
      <c r="C393" s="131" t="s">
        <v>1211</v>
      </c>
      <c r="D393" s="131" t="s">
        <v>236</v>
      </c>
    </row>
    <row r="394" spans="1:4" x14ac:dyDescent="0.35">
      <c r="A394" s="132" t="s">
        <v>1212</v>
      </c>
      <c r="B394" s="131" t="e">
        <v>#N/A</v>
      </c>
      <c r="C394" s="131" t="s">
        <v>1213</v>
      </c>
      <c r="D394" s="131" t="s">
        <v>236</v>
      </c>
    </row>
    <row r="395" spans="1:4" x14ac:dyDescent="0.35">
      <c r="A395" s="132" t="s">
        <v>1214</v>
      </c>
      <c r="B395" s="131" t="e">
        <v>#N/A</v>
      </c>
      <c r="C395" s="131" t="s">
        <v>1215</v>
      </c>
      <c r="D395" s="131" t="s">
        <v>236</v>
      </c>
    </row>
    <row r="396" spans="1:4" x14ac:dyDescent="0.35">
      <c r="A396" s="132" t="s">
        <v>1216</v>
      </c>
      <c r="B396" s="131" t="e">
        <v>#N/A</v>
      </c>
      <c r="C396" s="131" t="s">
        <v>1217</v>
      </c>
      <c r="D396" s="131" t="s">
        <v>236</v>
      </c>
    </row>
    <row r="397" spans="1:4" x14ac:dyDescent="0.35">
      <c r="A397" s="132" t="s">
        <v>1218</v>
      </c>
      <c r="B397" s="131" t="e">
        <v>#N/A</v>
      </c>
      <c r="C397" s="131" t="s">
        <v>1219</v>
      </c>
      <c r="D397" s="131" t="s">
        <v>236</v>
      </c>
    </row>
    <row r="398" spans="1:4" x14ac:dyDescent="0.35">
      <c r="A398" s="132" t="s">
        <v>1220</v>
      </c>
      <c r="B398" s="131" t="e">
        <v>#N/A</v>
      </c>
      <c r="C398" s="131" t="s">
        <v>1221</v>
      </c>
      <c r="D398" s="131" t="s">
        <v>236</v>
      </c>
    </row>
    <row r="399" spans="1:4" x14ac:dyDescent="0.35">
      <c r="A399" s="132" t="s">
        <v>1222</v>
      </c>
      <c r="B399" s="131" t="e">
        <v>#N/A</v>
      </c>
      <c r="C399" s="131" t="s">
        <v>1223</v>
      </c>
      <c r="D399" s="131" t="s">
        <v>236</v>
      </c>
    </row>
    <row r="400" spans="1:4" x14ac:dyDescent="0.35">
      <c r="A400" s="132" t="s">
        <v>1224</v>
      </c>
      <c r="B400" s="131" t="e">
        <v>#N/A</v>
      </c>
      <c r="C400" s="131" t="s">
        <v>1225</v>
      </c>
      <c r="D400" s="131" t="s">
        <v>1226</v>
      </c>
    </row>
    <row r="401" spans="1:4" x14ac:dyDescent="0.35">
      <c r="A401" s="132" t="s">
        <v>88</v>
      </c>
      <c r="B401" s="131" t="e">
        <v>#N/A</v>
      </c>
      <c r="C401" s="131" t="s">
        <v>1227</v>
      </c>
      <c r="D401" s="131" t="s">
        <v>1228</v>
      </c>
    </row>
    <row r="402" spans="1:4" x14ac:dyDescent="0.35">
      <c r="A402" s="132" t="s">
        <v>98</v>
      </c>
      <c r="B402" s="131" t="e">
        <v>#N/A</v>
      </c>
      <c r="C402" s="131" t="s">
        <v>1229</v>
      </c>
      <c r="D402" s="131" t="s">
        <v>1230</v>
      </c>
    </row>
    <row r="403" spans="1:4" x14ac:dyDescent="0.35">
      <c r="A403" s="132" t="s">
        <v>1231</v>
      </c>
      <c r="B403" s="131" t="e">
        <v>#N/A</v>
      </c>
      <c r="C403" s="131" t="s">
        <v>1232</v>
      </c>
      <c r="D403" s="131" t="e">
        <v>#N/A</v>
      </c>
    </row>
    <row r="404" spans="1:4" x14ac:dyDescent="0.35">
      <c r="A404" s="132" t="s">
        <v>1233</v>
      </c>
      <c r="B404" s="131" t="e">
        <v>#N/A</v>
      </c>
      <c r="C404" s="131" t="s">
        <v>1234</v>
      </c>
      <c r="D404" s="131" t="s">
        <v>1235</v>
      </c>
    </row>
    <row r="405" spans="1:4" x14ac:dyDescent="0.35">
      <c r="A405" s="132" t="s">
        <v>1236</v>
      </c>
      <c r="B405" s="131" t="e">
        <v>#N/A</v>
      </c>
      <c r="C405" s="131" t="s">
        <v>1237</v>
      </c>
      <c r="D405" s="131" t="s">
        <v>236</v>
      </c>
    </row>
    <row r="406" spans="1:4" x14ac:dyDescent="0.35">
      <c r="A406" s="132" t="s">
        <v>1238</v>
      </c>
      <c r="B406" s="131" t="e">
        <v>#N/A</v>
      </c>
      <c r="C406" s="131" t="s">
        <v>1239</v>
      </c>
      <c r="D406" s="131" t="s">
        <v>1240</v>
      </c>
    </row>
    <row r="407" spans="1:4" x14ac:dyDescent="0.35">
      <c r="A407" s="132" t="s">
        <v>1241</v>
      </c>
      <c r="B407" s="131" t="e">
        <v>#N/A</v>
      </c>
      <c r="C407" s="131" t="s">
        <v>1242</v>
      </c>
      <c r="D407" s="131" t="s">
        <v>1243</v>
      </c>
    </row>
    <row r="408" spans="1:4" x14ac:dyDescent="0.35">
      <c r="A408" s="132" t="s">
        <v>1244</v>
      </c>
      <c r="B408" s="131" t="e">
        <v>#N/A</v>
      </c>
      <c r="C408" s="131" t="s">
        <v>1245</v>
      </c>
      <c r="D408" s="131" t="s">
        <v>1246</v>
      </c>
    </row>
    <row r="409" spans="1:4" x14ac:dyDescent="0.35">
      <c r="A409" s="132" t="s">
        <v>1247</v>
      </c>
      <c r="B409" s="131" t="e">
        <v>#N/A</v>
      </c>
      <c r="C409" s="131" t="s">
        <v>1248</v>
      </c>
      <c r="D409" s="131" t="s">
        <v>1249</v>
      </c>
    </row>
    <row r="410" spans="1:4" x14ac:dyDescent="0.35">
      <c r="A410" s="132" t="s">
        <v>1250</v>
      </c>
      <c r="B410" s="131" t="e">
        <v>#N/A</v>
      </c>
      <c r="C410" s="131" t="s">
        <v>1251</v>
      </c>
      <c r="D410" s="131" t="s">
        <v>236</v>
      </c>
    </row>
    <row r="411" spans="1:4" x14ac:dyDescent="0.35">
      <c r="A411" s="132" t="s">
        <v>1252</v>
      </c>
      <c r="B411" s="131" t="e">
        <v>#N/A</v>
      </c>
      <c r="C411" s="131" t="s">
        <v>1253</v>
      </c>
      <c r="D411" s="131" t="s">
        <v>236</v>
      </c>
    </row>
    <row r="412" spans="1:4" x14ac:dyDescent="0.35">
      <c r="A412" s="132" t="s">
        <v>1254</v>
      </c>
      <c r="B412" s="131" t="e">
        <v>#N/A</v>
      </c>
      <c r="C412" s="131" t="s">
        <v>1255</v>
      </c>
      <c r="D412" s="131" t="s">
        <v>1256</v>
      </c>
    </row>
    <row r="413" spans="1:4" x14ac:dyDescent="0.35">
      <c r="A413" s="132" t="s">
        <v>1257</v>
      </c>
      <c r="B413" s="131" t="e">
        <v>#N/A</v>
      </c>
      <c r="C413" s="131" t="s">
        <v>1258</v>
      </c>
      <c r="D413" s="131" t="s">
        <v>236</v>
      </c>
    </row>
    <row r="414" spans="1:4" x14ac:dyDescent="0.35">
      <c r="A414" s="132" t="s">
        <v>1259</v>
      </c>
      <c r="B414" s="131" t="e">
        <v>#N/A</v>
      </c>
      <c r="C414" s="131" t="s">
        <v>1260</v>
      </c>
      <c r="D414" s="131" t="s">
        <v>1261</v>
      </c>
    </row>
    <row r="415" spans="1:4" x14ac:dyDescent="0.35">
      <c r="A415" s="132" t="s">
        <v>1262</v>
      </c>
      <c r="B415" s="131" t="e">
        <v>#N/A</v>
      </c>
      <c r="C415" s="131" t="s">
        <v>1263</v>
      </c>
      <c r="D415" s="131" t="s">
        <v>236</v>
      </c>
    </row>
    <row r="416" spans="1:4" x14ac:dyDescent="0.35">
      <c r="A416" s="132" t="s">
        <v>1264</v>
      </c>
      <c r="B416" s="131" t="e">
        <v>#N/A</v>
      </c>
      <c r="C416" s="131" t="s">
        <v>1265</v>
      </c>
      <c r="D416" s="131" t="s">
        <v>1266</v>
      </c>
    </row>
    <row r="417" spans="1:4" x14ac:dyDescent="0.35">
      <c r="A417" s="132" t="s">
        <v>1267</v>
      </c>
      <c r="B417" s="131" t="e">
        <v>#N/A</v>
      </c>
      <c r="C417" s="131" t="s">
        <v>1268</v>
      </c>
      <c r="D417" s="131" t="s">
        <v>1269</v>
      </c>
    </row>
    <row r="418" spans="1:4" x14ac:dyDescent="0.35">
      <c r="A418" s="132" t="s">
        <v>1270</v>
      </c>
      <c r="B418" s="131" t="e">
        <v>#N/A</v>
      </c>
      <c r="C418" s="131" t="s">
        <v>1271</v>
      </c>
      <c r="D418" s="131" t="s">
        <v>1272</v>
      </c>
    </row>
    <row r="419" spans="1:4" x14ac:dyDescent="0.35">
      <c r="A419" s="132" t="s">
        <v>1273</v>
      </c>
      <c r="B419" s="131" t="e">
        <v>#N/A</v>
      </c>
      <c r="C419" s="131" t="s">
        <v>1274</v>
      </c>
      <c r="D419" s="131" t="s">
        <v>1275</v>
      </c>
    </row>
    <row r="420" spans="1:4" x14ac:dyDescent="0.35">
      <c r="A420" s="132" t="s">
        <v>1276</v>
      </c>
      <c r="B420" s="131" t="e">
        <v>#N/A</v>
      </c>
      <c r="C420" s="131" t="s">
        <v>1277</v>
      </c>
      <c r="D420" s="131" t="s">
        <v>236</v>
      </c>
    </row>
    <row r="421" spans="1:4" x14ac:dyDescent="0.35">
      <c r="A421" s="132" t="s">
        <v>1278</v>
      </c>
      <c r="B421" s="131" t="e">
        <v>#N/A</v>
      </c>
      <c r="C421" s="131" t="s">
        <v>1279</v>
      </c>
      <c r="D421" s="131" t="s">
        <v>236</v>
      </c>
    </row>
    <row r="422" spans="1:4" x14ac:dyDescent="0.35">
      <c r="A422" s="132" t="s">
        <v>1280</v>
      </c>
      <c r="B422" s="131" t="e">
        <v>#N/A</v>
      </c>
      <c r="C422" s="131" t="s">
        <v>1281</v>
      </c>
      <c r="D422" s="131" t="s">
        <v>236</v>
      </c>
    </row>
    <row r="423" spans="1:4" x14ac:dyDescent="0.35">
      <c r="A423" s="132" t="s">
        <v>1282</v>
      </c>
      <c r="B423" s="131" t="e">
        <v>#N/A</v>
      </c>
      <c r="C423" s="131" t="s">
        <v>1283</v>
      </c>
      <c r="D423" s="131" t="s">
        <v>1284</v>
      </c>
    </row>
    <row r="424" spans="1:4" x14ac:dyDescent="0.35">
      <c r="A424" s="132" t="s">
        <v>1285</v>
      </c>
      <c r="B424" s="131" t="e">
        <v>#N/A</v>
      </c>
      <c r="C424" s="131" t="e">
        <v>#N/A</v>
      </c>
      <c r="D424" s="131" t="s">
        <v>236</v>
      </c>
    </row>
    <row r="425" spans="1:4" x14ac:dyDescent="0.35">
      <c r="A425" s="132" t="s">
        <v>1286</v>
      </c>
      <c r="B425" s="131" t="e">
        <v>#N/A</v>
      </c>
      <c r="C425" s="131" t="s">
        <v>1287</v>
      </c>
      <c r="D425" s="131" t="s">
        <v>236</v>
      </c>
    </row>
    <row r="426" spans="1:4" x14ac:dyDescent="0.35">
      <c r="A426" s="132" t="s">
        <v>1288</v>
      </c>
      <c r="B426" s="131" t="e">
        <v>#N/A</v>
      </c>
      <c r="C426" s="131" t="s">
        <v>1289</v>
      </c>
      <c r="D426" s="131" t="s">
        <v>1290</v>
      </c>
    </row>
    <row r="427" spans="1:4" x14ac:dyDescent="0.35">
      <c r="A427" s="132" t="s">
        <v>1291</v>
      </c>
      <c r="B427" s="131" t="e">
        <v>#N/A</v>
      </c>
      <c r="C427" s="131" t="s">
        <v>1292</v>
      </c>
      <c r="D427" s="131" t="s">
        <v>236</v>
      </c>
    </row>
    <row r="428" spans="1:4" x14ac:dyDescent="0.35">
      <c r="A428" s="132" t="s">
        <v>1293</v>
      </c>
      <c r="B428" s="131" t="e">
        <v>#N/A</v>
      </c>
      <c r="C428" s="131" t="s">
        <v>1294</v>
      </c>
      <c r="D428" s="131" t="s">
        <v>1295</v>
      </c>
    </row>
    <row r="429" spans="1:4" x14ac:dyDescent="0.35">
      <c r="A429" s="132" t="s">
        <v>1296</v>
      </c>
      <c r="B429" s="131" t="e">
        <v>#N/A</v>
      </c>
      <c r="C429" s="131" t="s">
        <v>1297</v>
      </c>
      <c r="D429" s="131" t="s">
        <v>1298</v>
      </c>
    </row>
    <row r="430" spans="1:4" x14ac:dyDescent="0.35">
      <c r="A430" s="132" t="s">
        <v>1299</v>
      </c>
      <c r="B430" s="131" t="e">
        <v>#N/A</v>
      </c>
      <c r="C430" s="131" t="s">
        <v>1300</v>
      </c>
      <c r="D430" s="131" t="e">
        <v>#N/A</v>
      </c>
    </row>
    <row r="431" spans="1:4" x14ac:dyDescent="0.35">
      <c r="A431" s="132" t="s">
        <v>1301</v>
      </c>
      <c r="B431" s="131" t="e">
        <v>#N/A</v>
      </c>
      <c r="C431" s="131" t="s">
        <v>1302</v>
      </c>
      <c r="D431" s="131" t="s">
        <v>1303</v>
      </c>
    </row>
    <row r="432" spans="1:4" x14ac:dyDescent="0.35">
      <c r="A432" s="132" t="s">
        <v>1304</v>
      </c>
      <c r="B432" s="131" t="e">
        <v>#N/A</v>
      </c>
      <c r="C432" s="131" t="s">
        <v>1305</v>
      </c>
      <c r="D432" s="131" t="s">
        <v>1306</v>
      </c>
    </row>
    <row r="433" spans="1:4" x14ac:dyDescent="0.35">
      <c r="A433" s="132" t="s">
        <v>1307</v>
      </c>
      <c r="B433" s="131" t="e">
        <v>#N/A</v>
      </c>
      <c r="C433" s="131" t="s">
        <v>351</v>
      </c>
      <c r="D433" s="131" t="e">
        <v>#N/A</v>
      </c>
    </row>
    <row r="434" spans="1:4" x14ac:dyDescent="0.35">
      <c r="A434" s="132" t="s">
        <v>1308</v>
      </c>
      <c r="B434" s="131" t="e">
        <v>#N/A</v>
      </c>
      <c r="C434" s="131" t="s">
        <v>354</v>
      </c>
      <c r="D434" s="131" t="e">
        <v>#N/A</v>
      </c>
    </row>
    <row r="435" spans="1:4" x14ac:dyDescent="0.35">
      <c r="A435" s="132" t="s">
        <v>1309</v>
      </c>
      <c r="B435" s="131" t="e">
        <v>#N/A</v>
      </c>
      <c r="C435" s="131" t="s">
        <v>1310</v>
      </c>
      <c r="D435" s="131" t="s">
        <v>1311</v>
      </c>
    </row>
    <row r="436" spans="1:4" x14ac:dyDescent="0.35">
      <c r="A436" s="132" t="s">
        <v>1312</v>
      </c>
      <c r="B436" s="131" t="e">
        <v>#N/A</v>
      </c>
      <c r="C436" s="131" t="s">
        <v>1313</v>
      </c>
      <c r="D436" s="131" t="s">
        <v>1314</v>
      </c>
    </row>
    <row r="437" spans="1:4" x14ac:dyDescent="0.35">
      <c r="A437" s="132" t="s">
        <v>1315</v>
      </c>
      <c r="B437" s="131" t="e">
        <v>#N/A</v>
      </c>
      <c r="C437" s="131" t="s">
        <v>1316</v>
      </c>
      <c r="D437" s="131" t="s">
        <v>1317</v>
      </c>
    </row>
    <row r="438" spans="1:4" x14ac:dyDescent="0.35">
      <c r="A438" s="132" t="s">
        <v>1318</v>
      </c>
      <c r="B438" s="131" t="e">
        <v>#N/A</v>
      </c>
      <c r="C438" s="131" t="s">
        <v>1319</v>
      </c>
      <c r="D438" s="131" t="s">
        <v>1320</v>
      </c>
    </row>
    <row r="439" spans="1:4" x14ac:dyDescent="0.35">
      <c r="A439" s="132" t="s">
        <v>1321</v>
      </c>
      <c r="B439" s="131" t="e">
        <v>#N/A</v>
      </c>
      <c r="C439" s="131" t="s">
        <v>1322</v>
      </c>
      <c r="D439" s="131" t="s">
        <v>1323</v>
      </c>
    </row>
    <row r="440" spans="1:4" x14ac:dyDescent="0.35">
      <c r="A440" s="132" t="s">
        <v>1324</v>
      </c>
      <c r="B440" s="131" t="e">
        <v>#N/A</v>
      </c>
      <c r="C440" s="131" t="s">
        <v>1325</v>
      </c>
      <c r="D440" s="131" t="s">
        <v>1326</v>
      </c>
    </row>
    <row r="441" spans="1:4" x14ac:dyDescent="0.35">
      <c r="A441" s="132" t="s">
        <v>1327</v>
      </c>
      <c r="B441" s="131" t="e">
        <v>#N/A</v>
      </c>
      <c r="C441" s="131" t="s">
        <v>1328</v>
      </c>
      <c r="D441" s="131" t="s">
        <v>1329</v>
      </c>
    </row>
    <row r="442" spans="1:4" x14ac:dyDescent="0.35">
      <c r="A442" s="132" t="s">
        <v>1330</v>
      </c>
      <c r="B442" s="131" t="e">
        <v>#N/A</v>
      </c>
      <c r="C442" s="131" t="s">
        <v>1331</v>
      </c>
      <c r="D442" s="131" t="e">
        <v>#N/A</v>
      </c>
    </row>
    <row r="443" spans="1:4" x14ac:dyDescent="0.35">
      <c r="A443" s="132" t="s">
        <v>1332</v>
      </c>
      <c r="B443" s="131" t="e">
        <v>#N/A</v>
      </c>
      <c r="C443" s="131" t="s">
        <v>1333</v>
      </c>
      <c r="D443" s="131" t="s">
        <v>1334</v>
      </c>
    </row>
    <row r="444" spans="1:4" x14ac:dyDescent="0.35">
      <c r="A444" s="132" t="s">
        <v>1335</v>
      </c>
      <c r="B444" s="131" t="e">
        <v>#N/A</v>
      </c>
      <c r="C444" s="131" t="e">
        <v>#N/A</v>
      </c>
      <c r="D444" s="131" t="s">
        <v>236</v>
      </c>
    </row>
    <row r="445" spans="1:4" x14ac:dyDescent="0.35">
      <c r="A445" s="132" t="s">
        <v>1336</v>
      </c>
      <c r="B445" s="131" t="e">
        <v>#N/A</v>
      </c>
      <c r="C445" s="131" t="s">
        <v>1337</v>
      </c>
      <c r="D445" s="131" t="s">
        <v>1338</v>
      </c>
    </row>
    <row r="446" spans="1:4" x14ac:dyDescent="0.35">
      <c r="A446" s="132" t="s">
        <v>1339</v>
      </c>
      <c r="B446" s="131" t="e">
        <v>#N/A</v>
      </c>
      <c r="C446" s="131" t="s">
        <v>1340</v>
      </c>
      <c r="D446" s="131" t="s">
        <v>1341</v>
      </c>
    </row>
    <row r="447" spans="1:4" x14ac:dyDescent="0.35">
      <c r="A447" s="132" t="s">
        <v>1342</v>
      </c>
      <c r="B447" s="131" t="e">
        <v>#N/A</v>
      </c>
      <c r="C447" s="131" t="s">
        <v>1343</v>
      </c>
      <c r="D447" s="131" t="e">
        <v>#N/A</v>
      </c>
    </row>
    <row r="448" spans="1:4" x14ac:dyDescent="0.35">
      <c r="A448" s="132" t="s">
        <v>1344</v>
      </c>
      <c r="B448" s="131" t="e">
        <v>#N/A</v>
      </c>
      <c r="C448" s="131" t="s">
        <v>1345</v>
      </c>
      <c r="D448" s="131" t="s">
        <v>1346</v>
      </c>
    </row>
    <row r="449" spans="1:4" x14ac:dyDescent="0.35">
      <c r="A449" s="132" t="s">
        <v>1347</v>
      </c>
      <c r="B449" s="131" t="e">
        <v>#N/A</v>
      </c>
      <c r="C449" s="131" t="s">
        <v>1348</v>
      </c>
      <c r="D449" s="131" t="e">
        <v>#N/A</v>
      </c>
    </row>
    <row r="450" spans="1:4" x14ac:dyDescent="0.35">
      <c r="A450" s="132" t="s">
        <v>1349</v>
      </c>
      <c r="B450" s="131" t="e">
        <v>#N/A</v>
      </c>
      <c r="C450" s="131" t="s">
        <v>1350</v>
      </c>
      <c r="D450" s="131" t="s">
        <v>1351</v>
      </c>
    </row>
    <row r="451" spans="1:4" x14ac:dyDescent="0.35">
      <c r="A451" s="132" t="s">
        <v>1352</v>
      </c>
      <c r="B451" s="131" t="e">
        <v>#N/A</v>
      </c>
      <c r="C451" s="131" t="s">
        <v>1353</v>
      </c>
      <c r="D451" s="131" t="s">
        <v>1354</v>
      </c>
    </row>
    <row r="452" spans="1:4" x14ac:dyDescent="0.35">
      <c r="A452" s="132" t="s">
        <v>1355</v>
      </c>
      <c r="B452" s="131" t="e">
        <v>#N/A</v>
      </c>
      <c r="C452" s="131" t="s">
        <v>1356</v>
      </c>
      <c r="D452" s="131" t="s">
        <v>1357</v>
      </c>
    </row>
    <row r="453" spans="1:4" x14ac:dyDescent="0.35">
      <c r="A453" s="132" t="s">
        <v>1358</v>
      </c>
      <c r="B453" s="131" t="e">
        <v>#N/A</v>
      </c>
      <c r="C453" s="131" t="s">
        <v>1359</v>
      </c>
      <c r="D453" s="131" t="s">
        <v>1360</v>
      </c>
    </row>
    <row r="454" spans="1:4" x14ac:dyDescent="0.35">
      <c r="A454" s="132" t="s">
        <v>1361</v>
      </c>
      <c r="B454" s="131" t="e">
        <v>#N/A</v>
      </c>
      <c r="C454" s="131" t="s">
        <v>1362</v>
      </c>
      <c r="D454" s="131" t="e">
        <v>#N/A</v>
      </c>
    </row>
    <row r="455" spans="1:4" x14ac:dyDescent="0.35">
      <c r="A455" s="132" t="s">
        <v>1363</v>
      </c>
      <c r="B455" s="131" t="e">
        <v>#N/A</v>
      </c>
      <c r="C455" s="131" t="s">
        <v>1364</v>
      </c>
      <c r="D455" s="131" t="s">
        <v>1365</v>
      </c>
    </row>
    <row r="456" spans="1:4" x14ac:dyDescent="0.35">
      <c r="A456" s="132" t="s">
        <v>1366</v>
      </c>
      <c r="B456" s="131" t="e">
        <v>#N/A</v>
      </c>
      <c r="C456" s="131" t="s">
        <v>1367</v>
      </c>
      <c r="D456" s="131" t="s">
        <v>1368</v>
      </c>
    </row>
    <row r="457" spans="1:4" x14ac:dyDescent="0.35">
      <c r="A457" s="132" t="s">
        <v>1369</v>
      </c>
      <c r="B457" s="131" t="e">
        <v>#N/A</v>
      </c>
      <c r="C457" s="131" t="s">
        <v>1370</v>
      </c>
      <c r="D457" s="131" t="s">
        <v>1371</v>
      </c>
    </row>
    <row r="458" spans="1:4" x14ac:dyDescent="0.35">
      <c r="A458" s="132" t="s">
        <v>1372</v>
      </c>
      <c r="B458" s="131" t="e">
        <v>#N/A</v>
      </c>
      <c r="C458" s="131" t="e">
        <v>#N/A</v>
      </c>
      <c r="D458" s="131" t="s">
        <v>1373</v>
      </c>
    </row>
    <row r="459" spans="1:4" x14ac:dyDescent="0.35">
      <c r="A459" s="132" t="s">
        <v>1374</v>
      </c>
      <c r="B459" s="131" t="e">
        <v>#N/A</v>
      </c>
      <c r="C459" s="131" t="e">
        <v>#N/A</v>
      </c>
      <c r="D459" s="131" t="s">
        <v>1375</v>
      </c>
    </row>
    <row r="460" spans="1:4" x14ac:dyDescent="0.35">
      <c r="A460" s="132" t="s">
        <v>1376</v>
      </c>
      <c r="B460" s="131" t="e">
        <v>#N/A</v>
      </c>
      <c r="C460" s="131" t="s">
        <v>1377</v>
      </c>
      <c r="D460" s="131" t="e">
        <v>#N/A</v>
      </c>
    </row>
    <row r="461" spans="1:4" x14ac:dyDescent="0.35">
      <c r="A461" s="132" t="s">
        <v>1378</v>
      </c>
      <c r="B461" s="131" t="e">
        <v>#N/A</v>
      </c>
      <c r="C461" s="131" t="s">
        <v>1379</v>
      </c>
      <c r="D461" s="131" t="s">
        <v>1380</v>
      </c>
    </row>
    <row r="462" spans="1:4" x14ac:dyDescent="0.35">
      <c r="A462" s="132" t="s">
        <v>1381</v>
      </c>
      <c r="B462" s="131" t="e">
        <v>#N/A</v>
      </c>
      <c r="C462" s="131" t="e">
        <v>#N/A</v>
      </c>
      <c r="D462" s="131" t="s">
        <v>1382</v>
      </c>
    </row>
    <row r="463" spans="1:4" x14ac:dyDescent="0.35">
      <c r="A463" s="132" t="s">
        <v>1383</v>
      </c>
      <c r="B463" s="131" t="e">
        <v>#N/A</v>
      </c>
      <c r="C463" s="131" t="e">
        <v>#N/A</v>
      </c>
      <c r="D463" s="131" t="s">
        <v>1384</v>
      </c>
    </row>
    <row r="464" spans="1:4" x14ac:dyDescent="0.35">
      <c r="A464" s="132" t="s">
        <v>1385</v>
      </c>
      <c r="B464" s="131" t="e">
        <v>#N/A</v>
      </c>
      <c r="C464" s="131" t="s">
        <v>1386</v>
      </c>
      <c r="D464" s="131" t="s">
        <v>1387</v>
      </c>
    </row>
    <row r="465" spans="1:4" x14ac:dyDescent="0.35">
      <c r="A465" s="132" t="s">
        <v>1388</v>
      </c>
      <c r="B465" s="131" t="e">
        <v>#N/A</v>
      </c>
      <c r="C465" s="131" t="s">
        <v>1389</v>
      </c>
      <c r="D465" s="131" t="s">
        <v>1390</v>
      </c>
    </row>
    <row r="466" spans="1:4" x14ac:dyDescent="0.35">
      <c r="A466" s="132" t="s">
        <v>1391</v>
      </c>
      <c r="B466" s="131" t="e">
        <v>#N/A</v>
      </c>
      <c r="C466" s="131" t="s">
        <v>1392</v>
      </c>
      <c r="D466" s="131" t="s">
        <v>1393</v>
      </c>
    </row>
    <row r="467" spans="1:4" x14ac:dyDescent="0.35">
      <c r="A467" s="132" t="s">
        <v>1394</v>
      </c>
      <c r="B467" s="131" t="e">
        <v>#N/A</v>
      </c>
      <c r="C467" s="131" t="s">
        <v>1395</v>
      </c>
      <c r="D467" s="131" t="s">
        <v>1396</v>
      </c>
    </row>
    <row r="468" spans="1:4" x14ac:dyDescent="0.35">
      <c r="A468" s="132" t="s">
        <v>1397</v>
      </c>
      <c r="B468" s="131" t="e">
        <v>#N/A</v>
      </c>
      <c r="C468" s="131" t="s">
        <v>1398</v>
      </c>
      <c r="D468" s="131" t="e">
        <v>#N/A</v>
      </c>
    </row>
    <row r="469" spans="1:4" x14ac:dyDescent="0.35">
      <c r="A469" s="132" t="s">
        <v>1399</v>
      </c>
      <c r="B469" s="131" t="e">
        <v>#N/A</v>
      </c>
      <c r="C469" s="131" t="s">
        <v>1400</v>
      </c>
      <c r="D469" s="131" t="e">
        <v>#N/A</v>
      </c>
    </row>
    <row r="470" spans="1:4" x14ac:dyDescent="0.35">
      <c r="A470" s="132" t="s">
        <v>1401</v>
      </c>
      <c r="B470" s="131" t="e">
        <v>#N/A</v>
      </c>
      <c r="C470" s="131" t="s">
        <v>1402</v>
      </c>
      <c r="D470" s="131" t="s">
        <v>1403</v>
      </c>
    </row>
    <row r="471" spans="1:4" x14ac:dyDescent="0.35">
      <c r="A471" s="132" t="s">
        <v>1404</v>
      </c>
      <c r="B471" s="131" t="e">
        <v>#N/A</v>
      </c>
      <c r="C471" s="131" t="s">
        <v>1405</v>
      </c>
      <c r="D471" s="131" t="s">
        <v>1406</v>
      </c>
    </row>
    <row r="472" spans="1:4" x14ac:dyDescent="0.35">
      <c r="A472" s="132" t="s">
        <v>1407</v>
      </c>
      <c r="B472" s="131" t="e">
        <v>#N/A</v>
      </c>
      <c r="C472" s="131" t="s">
        <v>1408</v>
      </c>
      <c r="D472" s="131" t="s">
        <v>1409</v>
      </c>
    </row>
    <row r="473" spans="1:4" x14ac:dyDescent="0.35">
      <c r="A473" s="132" t="s">
        <v>1410</v>
      </c>
      <c r="B473" s="131" t="e">
        <v>#N/A</v>
      </c>
      <c r="C473" s="131" t="s">
        <v>1411</v>
      </c>
      <c r="D473" s="131" t="s">
        <v>1412</v>
      </c>
    </row>
    <row r="474" spans="1:4" x14ac:dyDescent="0.35">
      <c r="A474" s="132" t="s">
        <v>1413</v>
      </c>
      <c r="B474" s="131" t="e">
        <v>#N/A</v>
      </c>
      <c r="C474" s="131" t="s">
        <v>1414</v>
      </c>
      <c r="D474" s="131" t="s">
        <v>1415</v>
      </c>
    </row>
    <row r="475" spans="1:4" x14ac:dyDescent="0.35">
      <c r="A475" s="132" t="s">
        <v>1416</v>
      </c>
      <c r="B475" s="131" t="e">
        <v>#N/A</v>
      </c>
      <c r="C475" s="131" t="s">
        <v>1417</v>
      </c>
      <c r="D475" s="131" t="s">
        <v>1418</v>
      </c>
    </row>
    <row r="476" spans="1:4" x14ac:dyDescent="0.35">
      <c r="A476" s="132" t="s">
        <v>1419</v>
      </c>
      <c r="B476" s="131" t="e">
        <v>#N/A</v>
      </c>
      <c r="C476" s="131" t="s">
        <v>1420</v>
      </c>
      <c r="D476" s="131" t="s">
        <v>1421</v>
      </c>
    </row>
    <row r="477" spans="1:4" x14ac:dyDescent="0.35">
      <c r="A477" s="132" t="s">
        <v>1422</v>
      </c>
      <c r="B477" s="131" t="e">
        <v>#N/A</v>
      </c>
      <c r="C477" s="131" t="s">
        <v>1423</v>
      </c>
      <c r="D477" s="131" t="s">
        <v>1424</v>
      </c>
    </row>
    <row r="478" spans="1:4" x14ac:dyDescent="0.35">
      <c r="A478" s="132" t="s">
        <v>1425</v>
      </c>
      <c r="B478" s="131" t="e">
        <v>#N/A</v>
      </c>
      <c r="C478" s="131" t="s">
        <v>1426</v>
      </c>
      <c r="D478" s="131" t="s">
        <v>1427</v>
      </c>
    </row>
    <row r="479" spans="1:4" x14ac:dyDescent="0.35">
      <c r="A479" s="132" t="s">
        <v>1428</v>
      </c>
      <c r="B479" s="131" t="e">
        <v>#N/A</v>
      </c>
      <c r="C479" s="131" t="s">
        <v>1429</v>
      </c>
      <c r="D479" s="131" t="s">
        <v>1430</v>
      </c>
    </row>
    <row r="480" spans="1:4" x14ac:dyDescent="0.35">
      <c r="A480" s="132" t="s">
        <v>1431</v>
      </c>
      <c r="B480" s="131" t="e">
        <v>#N/A</v>
      </c>
      <c r="C480" s="131" t="s">
        <v>1432</v>
      </c>
      <c r="D480" s="131" t="s">
        <v>1433</v>
      </c>
    </row>
    <row r="481" spans="1:4" x14ac:dyDescent="0.35">
      <c r="A481" s="132" t="s">
        <v>1434</v>
      </c>
      <c r="B481" s="131" t="e">
        <v>#N/A</v>
      </c>
      <c r="C481" s="131" t="s">
        <v>1435</v>
      </c>
      <c r="D481" s="131" t="s">
        <v>1436</v>
      </c>
    </row>
    <row r="482" spans="1:4" x14ac:dyDescent="0.35">
      <c r="A482" s="132" t="s">
        <v>1437</v>
      </c>
      <c r="B482" s="131" t="e">
        <v>#N/A</v>
      </c>
      <c r="C482" s="131" t="s">
        <v>1438</v>
      </c>
      <c r="D482" s="131" t="s">
        <v>1439</v>
      </c>
    </row>
    <row r="483" spans="1:4" x14ac:dyDescent="0.35">
      <c r="A483" s="132" t="s">
        <v>1440</v>
      </c>
      <c r="B483" s="131" t="e">
        <v>#N/A</v>
      </c>
      <c r="C483" s="131" t="s">
        <v>1441</v>
      </c>
      <c r="D483" s="131" t="s">
        <v>1442</v>
      </c>
    </row>
    <row r="484" spans="1:4" x14ac:dyDescent="0.35">
      <c r="A484" s="132" t="s">
        <v>1443</v>
      </c>
      <c r="B484" s="131" t="e">
        <v>#N/A</v>
      </c>
      <c r="C484" s="131" t="s">
        <v>1444</v>
      </c>
      <c r="D484" s="131" t="s">
        <v>1445</v>
      </c>
    </row>
    <row r="485" spans="1:4" x14ac:dyDescent="0.35">
      <c r="A485" s="132" t="s">
        <v>1446</v>
      </c>
      <c r="B485" s="131" t="e">
        <v>#N/A</v>
      </c>
      <c r="C485" s="131" t="s">
        <v>1447</v>
      </c>
      <c r="D485" s="131" t="s">
        <v>1448</v>
      </c>
    </row>
    <row r="486" spans="1:4" x14ac:dyDescent="0.35">
      <c r="A486" s="132" t="s">
        <v>1449</v>
      </c>
      <c r="B486" s="131" t="e">
        <v>#N/A</v>
      </c>
      <c r="C486" s="131" t="s">
        <v>1450</v>
      </c>
      <c r="D486" s="131" t="s">
        <v>1451</v>
      </c>
    </row>
    <row r="487" spans="1:4" x14ac:dyDescent="0.35">
      <c r="A487" s="132" t="s">
        <v>1452</v>
      </c>
      <c r="B487" s="131" t="e">
        <v>#N/A</v>
      </c>
      <c r="C487" s="131" t="s">
        <v>1453</v>
      </c>
      <c r="D487" s="131" t="s">
        <v>1454</v>
      </c>
    </row>
    <row r="488" spans="1:4" x14ac:dyDescent="0.35">
      <c r="A488" s="132" t="s">
        <v>1455</v>
      </c>
      <c r="B488" s="131" t="e">
        <v>#N/A</v>
      </c>
      <c r="C488" s="131" t="s">
        <v>1456</v>
      </c>
      <c r="D488" s="131" t="s">
        <v>1457</v>
      </c>
    </row>
    <row r="489" spans="1:4" x14ac:dyDescent="0.35">
      <c r="A489" s="132" t="s">
        <v>1458</v>
      </c>
      <c r="B489" s="131" t="e">
        <v>#N/A</v>
      </c>
      <c r="C489" s="131" t="s">
        <v>1459</v>
      </c>
      <c r="D489" s="131" t="s">
        <v>1460</v>
      </c>
    </row>
    <row r="490" spans="1:4" x14ac:dyDescent="0.35">
      <c r="A490" s="132" t="s">
        <v>1461</v>
      </c>
      <c r="B490" s="131" t="e">
        <v>#N/A</v>
      </c>
      <c r="C490" s="131" t="s">
        <v>1462</v>
      </c>
      <c r="D490" s="131" t="s">
        <v>1463</v>
      </c>
    </row>
    <row r="491" spans="1:4" x14ac:dyDescent="0.35">
      <c r="A491" s="132" t="s">
        <v>1464</v>
      </c>
      <c r="B491" s="131" t="e">
        <v>#N/A</v>
      </c>
      <c r="C491" s="131" t="s">
        <v>1465</v>
      </c>
      <c r="D491" s="131" t="s">
        <v>1466</v>
      </c>
    </row>
    <row r="492" spans="1:4" x14ac:dyDescent="0.35">
      <c r="A492" s="132" t="s">
        <v>1467</v>
      </c>
      <c r="B492" s="131" t="e">
        <v>#N/A</v>
      </c>
      <c r="C492" s="131" t="s">
        <v>1468</v>
      </c>
      <c r="D492" s="131" t="s">
        <v>1469</v>
      </c>
    </row>
    <row r="493" spans="1:4" x14ac:dyDescent="0.35">
      <c r="A493" s="132" t="s">
        <v>1470</v>
      </c>
      <c r="B493" s="131" t="e">
        <v>#N/A</v>
      </c>
      <c r="C493" s="131" t="s">
        <v>1471</v>
      </c>
      <c r="D493" s="131" t="s">
        <v>1472</v>
      </c>
    </row>
    <row r="494" spans="1:4" x14ac:dyDescent="0.35">
      <c r="A494" s="132" t="s">
        <v>1473</v>
      </c>
      <c r="B494" s="131" t="e">
        <v>#N/A</v>
      </c>
      <c r="C494" s="131" t="s">
        <v>1474</v>
      </c>
      <c r="D494" s="131" t="s">
        <v>1475</v>
      </c>
    </row>
    <row r="495" spans="1:4" x14ac:dyDescent="0.35">
      <c r="A495" s="132" t="s">
        <v>1476</v>
      </c>
      <c r="B495" s="131" t="e">
        <v>#N/A</v>
      </c>
      <c r="C495" s="131" t="s">
        <v>1477</v>
      </c>
      <c r="D495" s="131" t="s">
        <v>1478</v>
      </c>
    </row>
    <row r="496" spans="1:4" x14ac:dyDescent="0.35">
      <c r="A496" s="132" t="s">
        <v>1479</v>
      </c>
      <c r="B496" s="131" t="e">
        <v>#N/A</v>
      </c>
      <c r="C496" s="131" t="e">
        <v>#N/A</v>
      </c>
      <c r="D496" s="131" t="s">
        <v>1480</v>
      </c>
    </row>
    <row r="497" spans="1:4" x14ac:dyDescent="0.35">
      <c r="A497" s="132" t="s">
        <v>38</v>
      </c>
      <c r="B497" s="131" t="e">
        <v>#N/A</v>
      </c>
      <c r="C497" s="131" t="s">
        <v>1481</v>
      </c>
      <c r="D497" s="131" t="s">
        <v>1482</v>
      </c>
    </row>
    <row r="498" spans="1:4" x14ac:dyDescent="0.35">
      <c r="A498" s="132" t="s">
        <v>113</v>
      </c>
      <c r="B498" s="131" t="e">
        <v>#N/A</v>
      </c>
      <c r="C498" s="131" t="s">
        <v>1483</v>
      </c>
      <c r="D498" s="131" t="s">
        <v>236</v>
      </c>
    </row>
    <row r="499" spans="1:4" x14ac:dyDescent="0.35">
      <c r="A499" s="132" t="s">
        <v>1484</v>
      </c>
      <c r="B499" s="131" t="e">
        <v>#N/A</v>
      </c>
      <c r="C499" s="131" t="s">
        <v>1485</v>
      </c>
      <c r="D499" s="131" t="s">
        <v>1486</v>
      </c>
    </row>
    <row r="500" spans="1:4" x14ac:dyDescent="0.35">
      <c r="A500" s="132" t="s">
        <v>1487</v>
      </c>
      <c r="B500" s="131" t="e">
        <v>#N/A</v>
      </c>
      <c r="C500" s="131" t="s">
        <v>1488</v>
      </c>
      <c r="D500" s="131" t="s">
        <v>1489</v>
      </c>
    </row>
    <row r="501" spans="1:4" x14ac:dyDescent="0.35">
      <c r="A501" s="132" t="s">
        <v>1490</v>
      </c>
      <c r="B501" s="131" t="e">
        <v>#N/A</v>
      </c>
      <c r="C501" s="131" t="e">
        <v>#N/A</v>
      </c>
      <c r="D501" s="131" t="s">
        <v>236</v>
      </c>
    </row>
    <row r="502" spans="1:4" x14ac:dyDescent="0.35">
      <c r="A502" s="132" t="s">
        <v>1491</v>
      </c>
      <c r="B502" s="131" t="e">
        <v>#N/A</v>
      </c>
      <c r="C502" s="131" t="e">
        <v>#N/A</v>
      </c>
      <c r="D502" s="131" t="s">
        <v>1492</v>
      </c>
    </row>
    <row r="503" spans="1:4" x14ac:dyDescent="0.35">
      <c r="A503" s="132" t="s">
        <v>1493</v>
      </c>
      <c r="B503" s="131" t="e">
        <v>#N/A</v>
      </c>
      <c r="C503" s="131" t="s">
        <v>1494</v>
      </c>
      <c r="D503" s="131" t="e">
        <v>#N/A</v>
      </c>
    </row>
    <row r="504" spans="1:4" x14ac:dyDescent="0.35">
      <c r="A504" s="132" t="s">
        <v>1495</v>
      </c>
      <c r="B504" s="131" t="e">
        <v>#N/A</v>
      </c>
      <c r="C504" s="131" t="s">
        <v>1496</v>
      </c>
      <c r="D504" s="131" t="s">
        <v>1497</v>
      </c>
    </row>
    <row r="505" spans="1:4" x14ac:dyDescent="0.35">
      <c r="A505" s="132" t="s">
        <v>1498</v>
      </c>
      <c r="B505" s="131" t="e">
        <v>#N/A</v>
      </c>
      <c r="C505" s="131" t="s">
        <v>1499</v>
      </c>
      <c r="D505" s="131" t="s">
        <v>1500</v>
      </c>
    </row>
    <row r="506" spans="1:4" x14ac:dyDescent="0.35">
      <c r="A506" s="132" t="s">
        <v>1501</v>
      </c>
      <c r="B506" s="131" t="e">
        <v>#N/A</v>
      </c>
      <c r="C506" s="131" t="s">
        <v>1502</v>
      </c>
      <c r="D506" s="131" t="s">
        <v>1503</v>
      </c>
    </row>
    <row r="507" spans="1:4" x14ac:dyDescent="0.35">
      <c r="A507" s="132" t="s">
        <v>1504</v>
      </c>
      <c r="B507" s="131" t="e">
        <v>#N/A</v>
      </c>
      <c r="C507" s="131" t="s">
        <v>1505</v>
      </c>
      <c r="D507" s="131" t="e">
        <v>#N/A</v>
      </c>
    </row>
    <row r="508" spans="1:4" x14ac:dyDescent="0.35">
      <c r="A508" s="132" t="s">
        <v>1506</v>
      </c>
      <c r="B508" s="131" t="e">
        <v>#N/A</v>
      </c>
      <c r="C508" s="131" t="s">
        <v>1507</v>
      </c>
      <c r="D508" s="131" t="s">
        <v>1508</v>
      </c>
    </row>
    <row r="509" spans="1:4" x14ac:dyDescent="0.35">
      <c r="A509" s="132" t="s">
        <v>1509</v>
      </c>
      <c r="B509" s="131" t="e">
        <v>#N/A</v>
      </c>
      <c r="C509" s="131" t="s">
        <v>1510</v>
      </c>
      <c r="D509" s="131" t="s">
        <v>1511</v>
      </c>
    </row>
    <row r="510" spans="1:4" x14ac:dyDescent="0.35">
      <c r="A510" s="132" t="s">
        <v>1512</v>
      </c>
      <c r="B510" s="131" t="e">
        <v>#N/A</v>
      </c>
      <c r="C510" s="131" t="s">
        <v>1513</v>
      </c>
      <c r="D510" s="131" t="s">
        <v>501</v>
      </c>
    </row>
    <row r="511" spans="1:4" x14ac:dyDescent="0.35">
      <c r="A511" s="132" t="s">
        <v>1514</v>
      </c>
      <c r="B511" s="131" t="e">
        <v>#N/A</v>
      </c>
      <c r="C511" s="131" t="s">
        <v>1515</v>
      </c>
      <c r="D511" s="131" t="s">
        <v>1516</v>
      </c>
    </row>
    <row r="512" spans="1:4" x14ac:dyDescent="0.35">
      <c r="A512" s="132" t="s">
        <v>1517</v>
      </c>
      <c r="B512" s="131" t="e">
        <v>#N/A</v>
      </c>
      <c r="C512" s="131" t="s">
        <v>1518</v>
      </c>
      <c r="D512" s="131" t="s">
        <v>504</v>
      </c>
    </row>
    <row r="513" spans="1:4" x14ac:dyDescent="0.35">
      <c r="A513" s="132" t="s">
        <v>1519</v>
      </c>
      <c r="B513" s="131" t="e">
        <v>#N/A</v>
      </c>
      <c r="C513" s="131" t="s">
        <v>1520</v>
      </c>
      <c r="D513" s="131" t="s">
        <v>1521</v>
      </c>
    </row>
    <row r="514" spans="1:4" x14ac:dyDescent="0.35">
      <c r="A514" s="132" t="s">
        <v>1522</v>
      </c>
      <c r="B514" s="131" t="e">
        <v>#N/A</v>
      </c>
      <c r="C514" s="131" t="s">
        <v>1523</v>
      </c>
      <c r="D514" s="131" t="s">
        <v>1524</v>
      </c>
    </row>
    <row r="515" spans="1:4" x14ac:dyDescent="0.35">
      <c r="A515" s="132" t="s">
        <v>1525</v>
      </c>
      <c r="B515" s="131" t="e">
        <v>#N/A</v>
      </c>
      <c r="C515" s="131" t="s">
        <v>1526</v>
      </c>
      <c r="D515" s="131" t="s">
        <v>1527</v>
      </c>
    </row>
    <row r="516" spans="1:4" x14ac:dyDescent="0.35">
      <c r="A516" s="132" t="s">
        <v>1528</v>
      </c>
      <c r="B516" s="131" t="e">
        <v>#N/A</v>
      </c>
      <c r="C516" s="131" t="s">
        <v>1529</v>
      </c>
      <c r="D516" s="131" t="e">
        <v>#N/A</v>
      </c>
    </row>
    <row r="517" spans="1:4" x14ac:dyDescent="0.35">
      <c r="A517" s="132" t="s">
        <v>1530</v>
      </c>
      <c r="B517" s="131" t="e">
        <v>#N/A</v>
      </c>
      <c r="C517" s="131" t="s">
        <v>1531</v>
      </c>
      <c r="D517" s="131" t="e">
        <v>#N/A</v>
      </c>
    </row>
    <row r="518" spans="1:4" x14ac:dyDescent="0.35">
      <c r="A518" s="132" t="s">
        <v>1532</v>
      </c>
      <c r="B518" s="131" t="e">
        <v>#N/A</v>
      </c>
      <c r="C518" s="131" t="s">
        <v>1533</v>
      </c>
      <c r="D518" s="131" t="e">
        <v>#N/A</v>
      </c>
    </row>
    <row r="519" spans="1:4" x14ac:dyDescent="0.35">
      <c r="A519" s="132" t="s">
        <v>1534</v>
      </c>
      <c r="B519" s="131" t="e">
        <v>#N/A</v>
      </c>
      <c r="C519" s="131" t="s">
        <v>1535</v>
      </c>
      <c r="D519" s="131" t="s">
        <v>1536</v>
      </c>
    </row>
    <row r="520" spans="1:4" x14ac:dyDescent="0.35">
      <c r="A520" s="132" t="s">
        <v>1537</v>
      </c>
      <c r="B520" s="131" t="e">
        <v>#N/A</v>
      </c>
      <c r="C520" s="131" t="s">
        <v>1538</v>
      </c>
      <c r="D520" s="131" t="s">
        <v>1539</v>
      </c>
    </row>
    <row r="521" spans="1:4" x14ac:dyDescent="0.35">
      <c r="A521" s="132" t="s">
        <v>1540</v>
      </c>
      <c r="B521" s="131" t="e">
        <v>#N/A</v>
      </c>
      <c r="C521" s="131" t="s">
        <v>1541</v>
      </c>
      <c r="D521" s="131" t="s">
        <v>1542</v>
      </c>
    </row>
    <row r="522" spans="1:4" x14ac:dyDescent="0.35">
      <c r="A522" s="132" t="s">
        <v>1543</v>
      </c>
      <c r="B522" s="131" t="e">
        <v>#N/A</v>
      </c>
      <c r="C522" s="131" t="s">
        <v>1544</v>
      </c>
      <c r="D522" s="131" t="s">
        <v>1545</v>
      </c>
    </row>
    <row r="523" spans="1:4" x14ac:dyDescent="0.35">
      <c r="A523" s="132" t="s">
        <v>1546</v>
      </c>
      <c r="B523" s="131" t="e">
        <v>#N/A</v>
      </c>
      <c r="C523" s="131" t="s">
        <v>1547</v>
      </c>
      <c r="D523" s="131" t="e">
        <v>#N/A</v>
      </c>
    </row>
    <row r="524" spans="1:4" x14ac:dyDescent="0.35">
      <c r="A524" s="132" t="s">
        <v>1548</v>
      </c>
      <c r="B524" s="131" t="e">
        <v>#N/A</v>
      </c>
      <c r="C524" s="131" t="s">
        <v>1549</v>
      </c>
      <c r="D524" s="131" t="s">
        <v>1550</v>
      </c>
    </row>
    <row r="525" spans="1:4" x14ac:dyDescent="0.35">
      <c r="A525" s="132" t="s">
        <v>1551</v>
      </c>
      <c r="B525" s="131" t="e">
        <v>#N/A</v>
      </c>
      <c r="C525" s="131" t="s">
        <v>1552</v>
      </c>
      <c r="D525" s="131" t="s">
        <v>1553</v>
      </c>
    </row>
    <row r="526" spans="1:4" x14ac:dyDescent="0.35">
      <c r="A526" s="132" t="s">
        <v>1554</v>
      </c>
      <c r="B526" s="131" t="e">
        <v>#N/A</v>
      </c>
      <c r="C526" s="131" t="s">
        <v>1555</v>
      </c>
      <c r="D526" s="131" t="e">
        <v>#N/A</v>
      </c>
    </row>
    <row r="527" spans="1:4" x14ac:dyDescent="0.35">
      <c r="A527" s="132" t="s">
        <v>1556</v>
      </c>
      <c r="B527" s="131" t="e">
        <v>#N/A</v>
      </c>
      <c r="C527" s="131" t="s">
        <v>1557</v>
      </c>
      <c r="D527" s="131" t="e">
        <v>#N/A</v>
      </c>
    </row>
    <row r="528" spans="1:4" x14ac:dyDescent="0.35">
      <c r="A528" s="132" t="s">
        <v>1558</v>
      </c>
      <c r="B528" s="131" t="e">
        <v>#N/A</v>
      </c>
      <c r="C528" s="131" t="s">
        <v>1559</v>
      </c>
      <c r="D528" s="131" t="e">
        <v>#N/A</v>
      </c>
    </row>
    <row r="529" spans="1:4" x14ac:dyDescent="0.35">
      <c r="A529" s="132" t="s">
        <v>1560</v>
      </c>
      <c r="B529" s="131" t="e">
        <v>#N/A</v>
      </c>
      <c r="C529" s="131" t="s">
        <v>1561</v>
      </c>
      <c r="D529" s="131" t="s">
        <v>236</v>
      </c>
    </row>
    <row r="530" spans="1:4" x14ac:dyDescent="0.35">
      <c r="A530" s="132" t="s">
        <v>1562</v>
      </c>
      <c r="B530" s="131" t="e">
        <v>#N/A</v>
      </c>
      <c r="C530" s="131" t="s">
        <v>1563</v>
      </c>
      <c r="D530" s="131" t="e">
        <v>#N/A</v>
      </c>
    </row>
    <row r="531" spans="1:4" x14ac:dyDescent="0.35">
      <c r="A531" s="132" t="s">
        <v>1564</v>
      </c>
      <c r="B531" s="131" t="e">
        <v>#N/A</v>
      </c>
      <c r="C531" s="131" t="s">
        <v>1565</v>
      </c>
      <c r="D531" s="131" t="e">
        <v>#N/A</v>
      </c>
    </row>
    <row r="532" spans="1:4" x14ac:dyDescent="0.35">
      <c r="A532" s="132" t="s">
        <v>1566</v>
      </c>
      <c r="B532" s="131" t="e">
        <v>#N/A</v>
      </c>
      <c r="C532" s="131" t="s">
        <v>1567</v>
      </c>
      <c r="D532" s="131" t="s">
        <v>1568</v>
      </c>
    </row>
    <row r="533" spans="1:4" x14ac:dyDescent="0.35">
      <c r="A533" s="132" t="s">
        <v>1569</v>
      </c>
      <c r="B533" s="131" t="e">
        <v>#N/A</v>
      </c>
      <c r="C533" s="131" t="s">
        <v>1570</v>
      </c>
      <c r="D533" s="131" t="e">
        <v>#N/A</v>
      </c>
    </row>
    <row r="534" spans="1:4" x14ac:dyDescent="0.35">
      <c r="A534" s="132" t="s">
        <v>1571</v>
      </c>
      <c r="B534" s="131" t="e">
        <v>#N/A</v>
      </c>
      <c r="C534" s="131" t="s">
        <v>1572</v>
      </c>
      <c r="D534" s="131" t="e">
        <v>#N/A</v>
      </c>
    </row>
    <row r="535" spans="1:4" x14ac:dyDescent="0.35">
      <c r="A535" s="132" t="s">
        <v>1573</v>
      </c>
      <c r="B535" s="131" t="e">
        <v>#N/A</v>
      </c>
      <c r="C535" s="131" t="s">
        <v>1574</v>
      </c>
      <c r="D535" s="131" t="e">
        <v>#N/A</v>
      </c>
    </row>
    <row r="536" spans="1:4" x14ac:dyDescent="0.35">
      <c r="A536" s="132" t="s">
        <v>1575</v>
      </c>
      <c r="B536" s="131" t="e">
        <v>#N/A</v>
      </c>
      <c r="C536" s="131" t="s">
        <v>1576</v>
      </c>
      <c r="D536" s="131" t="s">
        <v>1577</v>
      </c>
    </row>
    <row r="537" spans="1:4" x14ac:dyDescent="0.35">
      <c r="A537" s="132" t="s">
        <v>1578</v>
      </c>
      <c r="B537" s="131" t="e">
        <v>#N/A</v>
      </c>
      <c r="C537" s="131" t="s">
        <v>1579</v>
      </c>
      <c r="D537" s="131" t="s">
        <v>1580</v>
      </c>
    </row>
    <row r="538" spans="1:4" x14ac:dyDescent="0.35">
      <c r="A538" s="132" t="s">
        <v>1581</v>
      </c>
      <c r="B538" s="131" t="e">
        <v>#N/A</v>
      </c>
      <c r="C538" s="131" t="s">
        <v>1582</v>
      </c>
      <c r="D538" s="131" t="s">
        <v>1583</v>
      </c>
    </row>
    <row r="539" spans="1:4" x14ac:dyDescent="0.35">
      <c r="A539" s="132" t="s">
        <v>1584</v>
      </c>
      <c r="B539" s="131" t="e">
        <v>#N/A</v>
      </c>
      <c r="C539" s="131" t="s">
        <v>1585</v>
      </c>
      <c r="D539" s="131" t="e">
        <v>#N/A</v>
      </c>
    </row>
    <row r="540" spans="1:4" x14ac:dyDescent="0.35">
      <c r="A540" s="132" t="s">
        <v>1586</v>
      </c>
      <c r="B540" s="131" t="e">
        <v>#N/A</v>
      </c>
      <c r="C540" s="131" t="s">
        <v>1587</v>
      </c>
      <c r="D540" s="131" t="e">
        <v>#N/A</v>
      </c>
    </row>
    <row r="541" spans="1:4" x14ac:dyDescent="0.35">
      <c r="A541" s="132" t="s">
        <v>1588</v>
      </c>
      <c r="B541" s="131" t="e">
        <v>#N/A</v>
      </c>
      <c r="C541" s="131" t="s">
        <v>1589</v>
      </c>
      <c r="D541" s="131" t="e">
        <v>#N/A</v>
      </c>
    </row>
    <row r="542" spans="1:4" x14ac:dyDescent="0.35">
      <c r="A542" s="132" t="s">
        <v>1590</v>
      </c>
      <c r="B542" s="131" t="e">
        <v>#N/A</v>
      </c>
      <c r="C542" s="131" t="s">
        <v>1591</v>
      </c>
      <c r="D542" s="131" t="s">
        <v>1592</v>
      </c>
    </row>
    <row r="543" spans="1:4" x14ac:dyDescent="0.35">
      <c r="A543" s="132" t="s">
        <v>1593</v>
      </c>
      <c r="B543" s="131" t="e">
        <v>#N/A</v>
      </c>
      <c r="C543" s="131" t="s">
        <v>1594</v>
      </c>
      <c r="D543" s="131" t="e">
        <v>#N/A</v>
      </c>
    </row>
    <row r="544" spans="1:4" x14ac:dyDescent="0.35">
      <c r="A544" s="132" t="s">
        <v>1595</v>
      </c>
      <c r="B544" s="131" t="e">
        <v>#N/A</v>
      </c>
      <c r="C544" s="131" t="s">
        <v>1596</v>
      </c>
      <c r="D544" s="131" t="e">
        <v>#N/A</v>
      </c>
    </row>
    <row r="545" spans="1:4" x14ac:dyDescent="0.35">
      <c r="A545" s="132" t="s">
        <v>1597</v>
      </c>
      <c r="B545" s="131" t="e">
        <v>#N/A</v>
      </c>
      <c r="C545" s="131" t="s">
        <v>1598</v>
      </c>
      <c r="D545" s="131" t="s">
        <v>1599</v>
      </c>
    </row>
    <row r="546" spans="1:4" x14ac:dyDescent="0.35">
      <c r="A546" s="132" t="s">
        <v>1600</v>
      </c>
      <c r="B546" s="131" t="e">
        <v>#N/A</v>
      </c>
      <c r="C546" s="131" t="s">
        <v>1601</v>
      </c>
      <c r="D546" s="131" t="e">
        <v>#N/A</v>
      </c>
    </row>
    <row r="547" spans="1:4" x14ac:dyDescent="0.35">
      <c r="A547" s="132" t="s">
        <v>1602</v>
      </c>
      <c r="B547" s="131" t="e">
        <v>#N/A</v>
      </c>
      <c r="C547" s="131" t="s">
        <v>1603</v>
      </c>
      <c r="D547" s="131" t="e">
        <v>#N/A</v>
      </c>
    </row>
    <row r="548" spans="1:4" x14ac:dyDescent="0.35">
      <c r="A548" s="132" t="s">
        <v>1604</v>
      </c>
      <c r="B548" s="131" t="e">
        <v>#N/A</v>
      </c>
      <c r="C548" s="131" t="s">
        <v>1605</v>
      </c>
      <c r="D548" s="131" t="e">
        <v>#N/A</v>
      </c>
    </row>
    <row r="549" spans="1:4" x14ac:dyDescent="0.35">
      <c r="A549" s="132" t="s">
        <v>1606</v>
      </c>
      <c r="B549" s="131" t="e">
        <v>#N/A</v>
      </c>
      <c r="C549" s="131" t="s">
        <v>1607</v>
      </c>
      <c r="D549" s="131" t="s">
        <v>1608</v>
      </c>
    </row>
    <row r="550" spans="1:4" x14ac:dyDescent="0.35">
      <c r="A550" s="132" t="s">
        <v>1609</v>
      </c>
      <c r="B550" s="131" t="e">
        <v>#N/A</v>
      </c>
      <c r="C550" s="131" t="s">
        <v>1610</v>
      </c>
      <c r="D550" s="131" t="s">
        <v>1611</v>
      </c>
    </row>
    <row r="551" spans="1:4" x14ac:dyDescent="0.35">
      <c r="A551" s="132" t="s">
        <v>1612</v>
      </c>
      <c r="B551" s="131" t="e">
        <v>#N/A</v>
      </c>
      <c r="C551" s="131" t="s">
        <v>1613</v>
      </c>
      <c r="D551" s="131" t="s">
        <v>1614</v>
      </c>
    </row>
    <row r="552" spans="1:4" x14ac:dyDescent="0.35">
      <c r="A552" s="132" t="s">
        <v>1615</v>
      </c>
      <c r="B552" s="131" t="e">
        <v>#N/A</v>
      </c>
      <c r="C552" s="131" t="s">
        <v>1616</v>
      </c>
      <c r="D552" s="131" t="s">
        <v>1617</v>
      </c>
    </row>
    <row r="553" spans="1:4" x14ac:dyDescent="0.35">
      <c r="A553" s="132" t="s">
        <v>1618</v>
      </c>
      <c r="B553" s="131" t="e">
        <v>#N/A</v>
      </c>
      <c r="C553" s="131" t="s">
        <v>1619</v>
      </c>
      <c r="D553" s="131" t="s">
        <v>1620</v>
      </c>
    </row>
    <row r="554" spans="1:4" x14ac:dyDescent="0.35">
      <c r="A554" s="132" t="s">
        <v>1621</v>
      </c>
      <c r="B554" s="131" t="e">
        <v>#N/A</v>
      </c>
      <c r="C554" s="131" t="s">
        <v>1622</v>
      </c>
      <c r="D554" s="131" t="s">
        <v>1623</v>
      </c>
    </row>
    <row r="555" spans="1:4" x14ac:dyDescent="0.35">
      <c r="A555" s="132" t="s">
        <v>1624</v>
      </c>
      <c r="B555" s="131" t="e">
        <v>#N/A</v>
      </c>
      <c r="C555" s="131" t="s">
        <v>1625</v>
      </c>
      <c r="D555" s="131" t="s">
        <v>1626</v>
      </c>
    </row>
    <row r="556" spans="1:4" x14ac:dyDescent="0.35">
      <c r="A556" s="132" t="s">
        <v>1627</v>
      </c>
      <c r="B556" s="131" t="e">
        <v>#N/A</v>
      </c>
      <c r="C556" s="131" t="s">
        <v>1628</v>
      </c>
      <c r="D556" s="131" t="s">
        <v>1629</v>
      </c>
    </row>
    <row r="557" spans="1:4" x14ac:dyDescent="0.35">
      <c r="A557" s="132" t="s">
        <v>1630</v>
      </c>
      <c r="B557" s="131" t="e">
        <v>#N/A</v>
      </c>
      <c r="C557" s="131" t="s">
        <v>1631</v>
      </c>
      <c r="D557" s="131" t="e">
        <v>#N/A</v>
      </c>
    </row>
    <row r="558" spans="1:4" x14ac:dyDescent="0.35">
      <c r="A558" s="132" t="s">
        <v>1632</v>
      </c>
      <c r="B558" s="131" t="e">
        <v>#N/A</v>
      </c>
      <c r="C558" s="131" t="s">
        <v>1633</v>
      </c>
      <c r="D558" s="131" t="e">
        <v>#N/A</v>
      </c>
    </row>
    <row r="559" spans="1:4" x14ac:dyDescent="0.35">
      <c r="A559" s="132" t="s">
        <v>1634</v>
      </c>
      <c r="B559" s="131" t="e">
        <v>#N/A</v>
      </c>
      <c r="C559" s="131" t="s">
        <v>1635</v>
      </c>
      <c r="D559" s="131" t="e">
        <v>#N/A</v>
      </c>
    </row>
    <row r="560" spans="1:4" x14ac:dyDescent="0.35">
      <c r="A560" s="132" t="s">
        <v>1636</v>
      </c>
      <c r="B560" s="131" t="e">
        <v>#N/A</v>
      </c>
      <c r="C560" s="131" t="s">
        <v>1637</v>
      </c>
      <c r="D560" s="131" t="e">
        <v>#N/A</v>
      </c>
    </row>
    <row r="561" spans="1:4" x14ac:dyDescent="0.35">
      <c r="A561" s="132" t="s">
        <v>1638</v>
      </c>
      <c r="B561" s="131" t="e">
        <v>#N/A</v>
      </c>
      <c r="C561" s="131" t="s">
        <v>1639</v>
      </c>
      <c r="D561" s="131" t="e">
        <v>#N/A</v>
      </c>
    </row>
    <row r="562" spans="1:4" x14ac:dyDescent="0.35">
      <c r="A562" s="132" t="s">
        <v>1640</v>
      </c>
      <c r="B562" s="131" t="e">
        <v>#N/A</v>
      </c>
      <c r="C562" s="131" t="s">
        <v>1641</v>
      </c>
      <c r="D562" s="131" t="e">
        <v>#N/A</v>
      </c>
    </row>
    <row r="563" spans="1:4" x14ac:dyDescent="0.35">
      <c r="A563" s="132" t="s">
        <v>1642</v>
      </c>
      <c r="B563" s="131" t="e">
        <v>#N/A</v>
      </c>
      <c r="C563" s="131" t="s">
        <v>1643</v>
      </c>
      <c r="D563" s="131" t="s">
        <v>1644</v>
      </c>
    </row>
    <row r="564" spans="1:4" x14ac:dyDescent="0.35">
      <c r="A564" s="132" t="s">
        <v>1645</v>
      </c>
      <c r="B564" s="131" t="e">
        <v>#N/A</v>
      </c>
      <c r="C564" s="131" t="s">
        <v>1646</v>
      </c>
      <c r="D564" s="131" t="s">
        <v>1647</v>
      </c>
    </row>
    <row r="565" spans="1:4" x14ac:dyDescent="0.35">
      <c r="A565" s="132" t="s">
        <v>1648</v>
      </c>
      <c r="B565" s="131" t="e">
        <v>#N/A</v>
      </c>
      <c r="C565" s="131" t="s">
        <v>1649</v>
      </c>
      <c r="D565" s="131" t="s">
        <v>1650</v>
      </c>
    </row>
    <row r="566" spans="1:4" x14ac:dyDescent="0.35">
      <c r="A566" s="132" t="s">
        <v>1651</v>
      </c>
      <c r="B566" s="131" t="e">
        <v>#N/A</v>
      </c>
      <c r="C566" s="131" t="s">
        <v>1652</v>
      </c>
      <c r="D566" s="131" t="e">
        <v>#N/A</v>
      </c>
    </row>
    <row r="567" spans="1:4" x14ac:dyDescent="0.35">
      <c r="A567" s="132" t="s">
        <v>1653</v>
      </c>
      <c r="B567" s="131" t="e">
        <v>#N/A</v>
      </c>
      <c r="C567" s="131" t="s">
        <v>1654</v>
      </c>
      <c r="D567" s="131" t="s">
        <v>1655</v>
      </c>
    </row>
    <row r="568" spans="1:4" x14ac:dyDescent="0.35">
      <c r="A568" s="132" t="s">
        <v>1656</v>
      </c>
      <c r="B568" s="131" t="e">
        <v>#N/A</v>
      </c>
      <c r="C568" s="131" t="s">
        <v>1657</v>
      </c>
      <c r="D568" s="131" t="s">
        <v>236</v>
      </c>
    </row>
    <row r="569" spans="1:4" x14ac:dyDescent="0.35">
      <c r="A569" s="132" t="s">
        <v>1658</v>
      </c>
      <c r="B569" s="131" t="e">
        <v>#N/A</v>
      </c>
      <c r="C569" s="131" t="s">
        <v>1659</v>
      </c>
      <c r="D569" s="131" t="e">
        <v>#N/A</v>
      </c>
    </row>
    <row r="570" spans="1:4" x14ac:dyDescent="0.35">
      <c r="A570" s="132" t="s">
        <v>1660</v>
      </c>
      <c r="B570" s="131" t="e">
        <v>#N/A</v>
      </c>
      <c r="C570" s="131" t="s">
        <v>1661</v>
      </c>
      <c r="D570" s="131" t="e">
        <v>#N/A</v>
      </c>
    </row>
    <row r="571" spans="1:4" x14ac:dyDescent="0.35">
      <c r="A571" s="132" t="s">
        <v>1662</v>
      </c>
      <c r="B571" s="131" t="e">
        <v>#N/A</v>
      </c>
      <c r="C571" s="131" t="s">
        <v>1663</v>
      </c>
      <c r="D571" s="131" t="s">
        <v>1664</v>
      </c>
    </row>
    <row r="572" spans="1:4" x14ac:dyDescent="0.35">
      <c r="A572" s="132" t="s">
        <v>1665</v>
      </c>
      <c r="B572" s="131" t="e">
        <v>#N/A</v>
      </c>
      <c r="C572" s="131" t="s">
        <v>1666</v>
      </c>
      <c r="D572" s="131" t="s">
        <v>1667</v>
      </c>
    </row>
    <row r="573" spans="1:4" x14ac:dyDescent="0.35">
      <c r="A573" s="132" t="s">
        <v>1668</v>
      </c>
      <c r="B573" s="131" t="e">
        <v>#N/A</v>
      </c>
      <c r="C573" s="131" t="s">
        <v>1669</v>
      </c>
      <c r="D573" s="131" t="s">
        <v>1670</v>
      </c>
    </row>
    <row r="574" spans="1:4" x14ac:dyDescent="0.35">
      <c r="A574" s="132" t="s">
        <v>1671</v>
      </c>
      <c r="B574" s="131" t="e">
        <v>#N/A</v>
      </c>
      <c r="C574" s="131" t="s">
        <v>1672</v>
      </c>
      <c r="D574" s="131" t="s">
        <v>1673</v>
      </c>
    </row>
    <row r="575" spans="1:4" x14ac:dyDescent="0.35">
      <c r="A575" s="132" t="s">
        <v>1674</v>
      </c>
      <c r="B575" s="131" t="e">
        <v>#N/A</v>
      </c>
      <c r="C575" s="131" t="s">
        <v>1675</v>
      </c>
      <c r="D575" s="131" t="e">
        <v>#N/A</v>
      </c>
    </row>
    <row r="576" spans="1:4" x14ac:dyDescent="0.35">
      <c r="A576" s="132" t="s">
        <v>1676</v>
      </c>
      <c r="B576" s="131" t="e">
        <v>#N/A</v>
      </c>
      <c r="C576" s="131" t="s">
        <v>1677</v>
      </c>
      <c r="D576" s="131" t="e">
        <v>#N/A</v>
      </c>
    </row>
    <row r="577" spans="1:4" x14ac:dyDescent="0.35">
      <c r="A577" s="132" t="s">
        <v>1678</v>
      </c>
      <c r="B577" s="131" t="e">
        <v>#N/A</v>
      </c>
      <c r="C577" s="131" t="s">
        <v>1679</v>
      </c>
      <c r="D577" s="131" t="e">
        <v>#N/A</v>
      </c>
    </row>
    <row r="578" spans="1:4" x14ac:dyDescent="0.35">
      <c r="A578" s="132" t="s">
        <v>1680</v>
      </c>
      <c r="B578" s="131" t="e">
        <v>#N/A</v>
      </c>
      <c r="C578" s="131" t="s">
        <v>1681</v>
      </c>
      <c r="D578" s="131" t="e">
        <v>#N/A</v>
      </c>
    </row>
    <row r="579" spans="1:4" x14ac:dyDescent="0.35">
      <c r="A579" s="132" t="s">
        <v>1682</v>
      </c>
      <c r="B579" s="131" t="e">
        <v>#N/A</v>
      </c>
      <c r="C579" s="131" t="s">
        <v>1683</v>
      </c>
      <c r="D579" s="131" t="e">
        <v>#N/A</v>
      </c>
    </row>
    <row r="580" spans="1:4" x14ac:dyDescent="0.35">
      <c r="A580" s="132" t="s">
        <v>1684</v>
      </c>
      <c r="B580" s="131" t="e">
        <v>#N/A</v>
      </c>
      <c r="C580" s="131" t="s">
        <v>1685</v>
      </c>
      <c r="D580" s="131" t="e">
        <v>#N/A</v>
      </c>
    </row>
    <row r="581" spans="1:4" x14ac:dyDescent="0.35">
      <c r="A581" s="132" t="s">
        <v>1686</v>
      </c>
      <c r="B581" s="131" t="e">
        <v>#N/A</v>
      </c>
      <c r="C581" s="131" t="s">
        <v>1687</v>
      </c>
      <c r="D581" s="131" t="s">
        <v>1688</v>
      </c>
    </row>
    <row r="582" spans="1:4" x14ac:dyDescent="0.35">
      <c r="A582" s="132" t="s">
        <v>1689</v>
      </c>
      <c r="B582" s="131" t="e">
        <v>#N/A</v>
      </c>
      <c r="C582" s="131" t="s">
        <v>1690</v>
      </c>
      <c r="D582" s="131" t="e">
        <v>#N/A</v>
      </c>
    </row>
    <row r="583" spans="1:4" x14ac:dyDescent="0.35">
      <c r="A583" s="132" t="s">
        <v>1691</v>
      </c>
      <c r="B583" s="131" t="e">
        <v>#N/A</v>
      </c>
      <c r="C583" s="131" t="s">
        <v>1692</v>
      </c>
      <c r="D583" s="131" t="e">
        <v>#N/A</v>
      </c>
    </row>
    <row r="584" spans="1:4" x14ac:dyDescent="0.35">
      <c r="A584" s="132" t="s">
        <v>1693</v>
      </c>
      <c r="B584" s="131" t="e">
        <v>#N/A</v>
      </c>
      <c r="C584" s="131" t="s">
        <v>1694</v>
      </c>
      <c r="D584" s="131" t="e">
        <v>#N/A</v>
      </c>
    </row>
    <row r="585" spans="1:4" x14ac:dyDescent="0.35">
      <c r="A585" s="132" t="s">
        <v>1695</v>
      </c>
      <c r="B585" s="131" t="e">
        <v>#N/A</v>
      </c>
      <c r="C585" s="131" t="s">
        <v>1696</v>
      </c>
      <c r="D585" s="131" t="e">
        <v>#N/A</v>
      </c>
    </row>
    <row r="586" spans="1:4" x14ac:dyDescent="0.35">
      <c r="A586" s="132" t="s">
        <v>1697</v>
      </c>
      <c r="B586" s="131" t="e">
        <v>#N/A</v>
      </c>
      <c r="C586" s="131" t="s">
        <v>1698</v>
      </c>
      <c r="D586" s="131" t="e">
        <v>#N/A</v>
      </c>
    </row>
    <row r="587" spans="1:4" x14ac:dyDescent="0.35">
      <c r="A587" s="132" t="s">
        <v>1699</v>
      </c>
      <c r="B587" s="131" t="e">
        <v>#N/A</v>
      </c>
      <c r="C587" s="131" t="s">
        <v>1700</v>
      </c>
      <c r="D587" s="131" t="e">
        <v>#N/A</v>
      </c>
    </row>
    <row r="588" spans="1:4" x14ac:dyDescent="0.35">
      <c r="A588" s="132" t="s">
        <v>1701</v>
      </c>
      <c r="B588" s="131" t="e">
        <v>#N/A</v>
      </c>
      <c r="C588" s="131" t="s">
        <v>1702</v>
      </c>
      <c r="D588" s="131" t="s">
        <v>1703</v>
      </c>
    </row>
    <row r="589" spans="1:4" x14ac:dyDescent="0.35">
      <c r="A589" s="132" t="s">
        <v>1704</v>
      </c>
      <c r="B589" s="131" t="e">
        <v>#N/A</v>
      </c>
      <c r="C589" s="131" t="s">
        <v>1705</v>
      </c>
      <c r="D589" s="131" t="s">
        <v>1706</v>
      </c>
    </row>
    <row r="590" spans="1:4" x14ac:dyDescent="0.35">
      <c r="A590" s="132" t="s">
        <v>1707</v>
      </c>
      <c r="B590" s="131" t="e">
        <v>#N/A</v>
      </c>
      <c r="C590" s="131" t="s">
        <v>1708</v>
      </c>
      <c r="D590" s="131" t="e">
        <v>#N/A</v>
      </c>
    </row>
    <row r="591" spans="1:4" x14ac:dyDescent="0.35">
      <c r="A591" s="132" t="s">
        <v>1709</v>
      </c>
      <c r="B591" s="131" t="e">
        <v>#N/A</v>
      </c>
      <c r="C591" s="131" t="s">
        <v>1710</v>
      </c>
      <c r="D591" s="131" t="s">
        <v>1711</v>
      </c>
    </row>
    <row r="592" spans="1:4" x14ac:dyDescent="0.35">
      <c r="A592" s="132" t="s">
        <v>1712</v>
      </c>
      <c r="B592" s="131" t="e">
        <v>#N/A</v>
      </c>
      <c r="C592" s="131" t="s">
        <v>1713</v>
      </c>
      <c r="D592" s="131" t="s">
        <v>1714</v>
      </c>
    </row>
    <row r="593" spans="1:4" x14ac:dyDescent="0.35">
      <c r="A593" s="132" t="s">
        <v>1715</v>
      </c>
      <c r="B593" s="131" t="e">
        <v>#N/A</v>
      </c>
      <c r="C593" s="131" t="s">
        <v>1716</v>
      </c>
      <c r="D593" s="131" t="s">
        <v>1717</v>
      </c>
    </row>
    <row r="594" spans="1:4" x14ac:dyDescent="0.35">
      <c r="A594" s="132" t="s">
        <v>1718</v>
      </c>
      <c r="B594" s="131" t="e">
        <v>#N/A</v>
      </c>
      <c r="C594" s="131" t="e">
        <v>#N/A</v>
      </c>
      <c r="D594" s="131" t="s">
        <v>1719</v>
      </c>
    </row>
    <row r="595" spans="1:4" x14ac:dyDescent="0.35">
      <c r="A595" s="132" t="s">
        <v>1720</v>
      </c>
      <c r="B595" s="131" t="e">
        <v>#N/A</v>
      </c>
      <c r="C595" s="131" t="s">
        <v>1721</v>
      </c>
      <c r="D595" s="131" t="s">
        <v>1722</v>
      </c>
    </row>
    <row r="596" spans="1:4" x14ac:dyDescent="0.35">
      <c r="A596" s="132" t="s">
        <v>1723</v>
      </c>
      <c r="B596" s="131" t="e">
        <v>#N/A</v>
      </c>
      <c r="C596" s="131" t="s">
        <v>1724</v>
      </c>
      <c r="D596" s="131" t="s">
        <v>1725</v>
      </c>
    </row>
    <row r="597" spans="1:4" x14ac:dyDescent="0.35">
      <c r="A597" s="132" t="s">
        <v>1726</v>
      </c>
      <c r="B597" s="131" t="e">
        <v>#N/A</v>
      </c>
      <c r="C597" s="131" t="s">
        <v>1727</v>
      </c>
      <c r="D597" s="131" t="s">
        <v>1728</v>
      </c>
    </row>
    <row r="598" spans="1:4" x14ac:dyDescent="0.35">
      <c r="A598" s="132" t="s">
        <v>1729</v>
      </c>
      <c r="B598" s="131" t="e">
        <v>#N/A</v>
      </c>
      <c r="C598" s="131" t="s">
        <v>1730</v>
      </c>
      <c r="D598" s="131" t="s">
        <v>1731</v>
      </c>
    </row>
    <row r="599" spans="1:4" x14ac:dyDescent="0.35">
      <c r="A599" s="132" t="s">
        <v>1732</v>
      </c>
      <c r="B599" s="131" t="e">
        <v>#N/A</v>
      </c>
      <c r="C599" s="131" t="s">
        <v>1733</v>
      </c>
      <c r="D599" s="131" t="s">
        <v>1734</v>
      </c>
    </row>
    <row r="600" spans="1:4" x14ac:dyDescent="0.35">
      <c r="A600" s="132" t="s">
        <v>1735</v>
      </c>
      <c r="B600" s="131" t="e">
        <v>#N/A</v>
      </c>
      <c r="C600" s="131" t="s">
        <v>1736</v>
      </c>
      <c r="D600" s="131" t="s">
        <v>1737</v>
      </c>
    </row>
    <row r="601" spans="1:4" x14ac:dyDescent="0.35">
      <c r="A601" s="132" t="s">
        <v>1738</v>
      </c>
      <c r="B601" s="131" t="e">
        <v>#N/A</v>
      </c>
      <c r="C601" s="131" t="e">
        <v>#N/A</v>
      </c>
      <c r="D601" s="131" t="s">
        <v>1739</v>
      </c>
    </row>
    <row r="602" spans="1:4" x14ac:dyDescent="0.35">
      <c r="A602" s="132" t="s">
        <v>1740</v>
      </c>
      <c r="B602" s="131" t="e">
        <v>#N/A</v>
      </c>
      <c r="C602" s="131" t="s">
        <v>1741</v>
      </c>
      <c r="D602" s="131" t="s">
        <v>1742</v>
      </c>
    </row>
    <row r="603" spans="1:4" x14ac:dyDescent="0.35">
      <c r="A603" s="132" t="s">
        <v>1743</v>
      </c>
      <c r="B603" s="131" t="e">
        <v>#N/A</v>
      </c>
      <c r="C603" s="131" t="s">
        <v>1744</v>
      </c>
      <c r="D603" s="131" t="s">
        <v>1745</v>
      </c>
    </row>
    <row r="604" spans="1:4" x14ac:dyDescent="0.35">
      <c r="A604" s="132" t="s">
        <v>1746</v>
      </c>
      <c r="B604" s="131" t="e">
        <v>#N/A</v>
      </c>
      <c r="C604" s="131" t="s">
        <v>1747</v>
      </c>
      <c r="D604" s="131" t="s">
        <v>1748</v>
      </c>
    </row>
    <row r="605" spans="1:4" x14ac:dyDescent="0.35">
      <c r="A605" s="132" t="s">
        <v>1749</v>
      </c>
      <c r="B605" s="131" t="e">
        <v>#N/A</v>
      </c>
      <c r="C605" s="131" t="s">
        <v>1750</v>
      </c>
      <c r="D605" s="131" t="s">
        <v>1751</v>
      </c>
    </row>
    <row r="606" spans="1:4" x14ac:dyDescent="0.35">
      <c r="A606" s="132" t="s">
        <v>1752</v>
      </c>
      <c r="B606" s="131" t="e">
        <v>#N/A</v>
      </c>
      <c r="C606" s="131" t="s">
        <v>1753</v>
      </c>
      <c r="D606" s="131" t="s">
        <v>1754</v>
      </c>
    </row>
    <row r="607" spans="1:4" x14ac:dyDescent="0.35">
      <c r="A607" s="132" t="s">
        <v>1755</v>
      </c>
      <c r="B607" s="131" t="e">
        <v>#N/A</v>
      </c>
      <c r="C607" s="131" t="s">
        <v>1756</v>
      </c>
      <c r="D607" s="131" t="s">
        <v>1757</v>
      </c>
    </row>
    <row r="608" spans="1:4" x14ac:dyDescent="0.35">
      <c r="A608" s="132" t="s">
        <v>1758</v>
      </c>
      <c r="B608" s="131" t="e">
        <v>#N/A</v>
      </c>
      <c r="C608" s="131" t="s">
        <v>1759</v>
      </c>
      <c r="D608" s="131" t="s">
        <v>1760</v>
      </c>
    </row>
    <row r="609" spans="1:4" x14ac:dyDescent="0.35">
      <c r="A609" s="132" t="s">
        <v>1761</v>
      </c>
      <c r="B609" s="131" t="e">
        <v>#N/A</v>
      </c>
      <c r="C609" s="131" t="s">
        <v>1762</v>
      </c>
      <c r="D609" s="131" t="s">
        <v>1763</v>
      </c>
    </row>
    <row r="610" spans="1:4" x14ac:dyDescent="0.35">
      <c r="A610" s="132" t="s">
        <v>1764</v>
      </c>
      <c r="B610" s="131" t="e">
        <v>#N/A</v>
      </c>
      <c r="C610" s="131" t="s">
        <v>1765</v>
      </c>
      <c r="D610" s="131" t="s">
        <v>1766</v>
      </c>
    </row>
    <row r="611" spans="1:4" x14ac:dyDescent="0.35">
      <c r="A611" s="132" t="s">
        <v>1767</v>
      </c>
      <c r="B611" s="131" t="e">
        <v>#N/A</v>
      </c>
      <c r="C611" s="131" t="s">
        <v>1768</v>
      </c>
      <c r="D611" s="131" t="s">
        <v>1769</v>
      </c>
    </row>
    <row r="612" spans="1:4" x14ac:dyDescent="0.35">
      <c r="A612" s="132" t="s">
        <v>1770</v>
      </c>
      <c r="B612" s="131" t="e">
        <v>#N/A</v>
      </c>
      <c r="C612" s="131" t="s">
        <v>1771</v>
      </c>
      <c r="D612" s="131" t="s">
        <v>1772</v>
      </c>
    </row>
    <row r="613" spans="1:4" x14ac:dyDescent="0.35">
      <c r="A613" s="132" t="s">
        <v>1773</v>
      </c>
      <c r="B613" s="131" t="e">
        <v>#N/A</v>
      </c>
      <c r="C613" s="131" t="s">
        <v>1774</v>
      </c>
      <c r="D613" s="131" t="s">
        <v>1775</v>
      </c>
    </row>
    <row r="614" spans="1:4" x14ac:dyDescent="0.35">
      <c r="A614" s="132" t="s">
        <v>1776</v>
      </c>
      <c r="B614" s="131" t="e">
        <v>#N/A</v>
      </c>
      <c r="C614" s="131" t="s">
        <v>1777</v>
      </c>
      <c r="D614" s="131" t="s">
        <v>1778</v>
      </c>
    </row>
    <row r="615" spans="1:4" x14ac:dyDescent="0.35">
      <c r="A615" s="132" t="s">
        <v>1779</v>
      </c>
      <c r="B615" s="131" t="e">
        <v>#N/A</v>
      </c>
      <c r="C615" s="131" t="s">
        <v>1780</v>
      </c>
      <c r="D615" s="131" t="s">
        <v>1781</v>
      </c>
    </row>
    <row r="616" spans="1:4" x14ac:dyDescent="0.35">
      <c r="A616" s="132" t="s">
        <v>1782</v>
      </c>
      <c r="B616" s="131" t="e">
        <v>#N/A</v>
      </c>
      <c r="C616" s="131" t="e">
        <v>#N/A</v>
      </c>
      <c r="D616" s="131" t="s">
        <v>1783</v>
      </c>
    </row>
    <row r="617" spans="1:4" x14ac:dyDescent="0.35">
      <c r="A617" s="132" t="s">
        <v>1784</v>
      </c>
      <c r="B617" s="131" t="e">
        <v>#N/A</v>
      </c>
      <c r="C617" s="131" t="e">
        <v>#N/A</v>
      </c>
      <c r="D617" s="131" t="s">
        <v>1785</v>
      </c>
    </row>
    <row r="618" spans="1:4" x14ac:dyDescent="0.35">
      <c r="A618" s="132" t="s">
        <v>1786</v>
      </c>
      <c r="B618" s="131" t="e">
        <v>#N/A</v>
      </c>
      <c r="C618" s="131" t="s">
        <v>1787</v>
      </c>
      <c r="D618" s="131" t="s">
        <v>1788</v>
      </c>
    </row>
    <row r="619" spans="1:4" x14ac:dyDescent="0.35">
      <c r="A619" s="132" t="s">
        <v>1789</v>
      </c>
      <c r="B619" s="131" t="e">
        <v>#N/A</v>
      </c>
      <c r="C619" s="131" t="s">
        <v>1790</v>
      </c>
      <c r="D619" s="131" t="s">
        <v>1791</v>
      </c>
    </row>
    <row r="620" spans="1:4" x14ac:dyDescent="0.35">
      <c r="A620" s="132" t="s">
        <v>1792</v>
      </c>
      <c r="B620" s="131" t="e">
        <v>#N/A</v>
      </c>
      <c r="C620" s="131" t="s">
        <v>1793</v>
      </c>
      <c r="D620" s="131" t="s">
        <v>1794</v>
      </c>
    </row>
    <row r="621" spans="1:4" x14ac:dyDescent="0.35">
      <c r="A621" s="132" t="s">
        <v>1795</v>
      </c>
      <c r="B621" s="131" t="e">
        <v>#N/A</v>
      </c>
      <c r="C621" s="131" t="s">
        <v>1796</v>
      </c>
      <c r="D621" s="131" t="s">
        <v>1797</v>
      </c>
    </row>
    <row r="622" spans="1:4" x14ac:dyDescent="0.35">
      <c r="A622" s="132" t="s">
        <v>1798</v>
      </c>
      <c r="B622" s="131" t="e">
        <v>#N/A</v>
      </c>
      <c r="C622" s="131" t="s">
        <v>1799</v>
      </c>
      <c r="D622" s="131" t="s">
        <v>1800</v>
      </c>
    </row>
    <row r="623" spans="1:4" x14ac:dyDescent="0.35">
      <c r="A623" s="132" t="s">
        <v>1801</v>
      </c>
      <c r="B623" s="131" t="e">
        <v>#N/A</v>
      </c>
      <c r="C623" s="131" t="s">
        <v>1802</v>
      </c>
      <c r="D623" s="131" t="s">
        <v>1803</v>
      </c>
    </row>
    <row r="624" spans="1:4" x14ac:dyDescent="0.35">
      <c r="A624" s="132" t="s">
        <v>40</v>
      </c>
      <c r="B624" s="131" t="e">
        <v>#N/A</v>
      </c>
      <c r="C624" s="131" t="s">
        <v>1804</v>
      </c>
      <c r="D624" s="131" t="s">
        <v>1805</v>
      </c>
    </row>
    <row r="625" spans="1:4" x14ac:dyDescent="0.35">
      <c r="A625" s="132" t="s">
        <v>1806</v>
      </c>
      <c r="B625" s="131" t="e">
        <v>#N/A</v>
      </c>
      <c r="C625" s="131" t="s">
        <v>1807</v>
      </c>
      <c r="D625" s="131" t="s">
        <v>1808</v>
      </c>
    </row>
    <row r="626" spans="1:4" x14ac:dyDescent="0.35">
      <c r="A626" s="132" t="s">
        <v>1809</v>
      </c>
      <c r="B626" s="131" t="e">
        <v>#N/A</v>
      </c>
      <c r="C626" s="131" t="s">
        <v>1810</v>
      </c>
      <c r="D626" s="131" t="s">
        <v>1811</v>
      </c>
    </row>
    <row r="627" spans="1:4" x14ac:dyDescent="0.35">
      <c r="A627" s="132" t="s">
        <v>1812</v>
      </c>
      <c r="B627" s="131" t="e">
        <v>#N/A</v>
      </c>
      <c r="C627" s="131" t="s">
        <v>1813</v>
      </c>
      <c r="D627" s="131" t="s">
        <v>1814</v>
      </c>
    </row>
    <row r="628" spans="1:4" x14ac:dyDescent="0.35">
      <c r="A628" s="132" t="s">
        <v>1815</v>
      </c>
      <c r="B628" s="131" t="e">
        <v>#N/A</v>
      </c>
      <c r="C628" s="131" t="s">
        <v>1816</v>
      </c>
      <c r="D628" s="131" t="s">
        <v>1817</v>
      </c>
    </row>
    <row r="629" spans="1:4" x14ac:dyDescent="0.35">
      <c r="A629" s="132" t="s">
        <v>1818</v>
      </c>
      <c r="B629" s="131" t="e">
        <v>#N/A</v>
      </c>
      <c r="C629" s="131" t="s">
        <v>1819</v>
      </c>
      <c r="D629" s="131" t="e">
        <v>#N/A</v>
      </c>
    </row>
    <row r="630" spans="1:4" x14ac:dyDescent="0.35">
      <c r="A630" s="132" t="s">
        <v>1820</v>
      </c>
      <c r="B630" s="131" t="e">
        <v>#N/A</v>
      </c>
      <c r="C630" s="131" t="s">
        <v>1821</v>
      </c>
      <c r="D630" s="131" t="e">
        <v>#N/A</v>
      </c>
    </row>
    <row r="631" spans="1:4" x14ac:dyDescent="0.35">
      <c r="A631" s="132" t="s">
        <v>1822</v>
      </c>
      <c r="B631" s="131" t="e">
        <v>#N/A</v>
      </c>
      <c r="C631" s="131" t="s">
        <v>1799</v>
      </c>
      <c r="D631" s="131" t="e">
        <v>#N/A</v>
      </c>
    </row>
    <row r="632" spans="1:4" x14ac:dyDescent="0.35">
      <c r="A632" s="132" t="s">
        <v>1823</v>
      </c>
      <c r="B632" s="131" t="e">
        <v>#N/A</v>
      </c>
      <c r="C632" s="131" t="s">
        <v>1824</v>
      </c>
      <c r="D632" s="131" t="s">
        <v>1825</v>
      </c>
    </row>
    <row r="633" spans="1:4" x14ac:dyDescent="0.35">
      <c r="A633" s="132" t="s">
        <v>111</v>
      </c>
      <c r="B633" s="131" t="e">
        <v>#N/A</v>
      </c>
      <c r="C633" s="131" t="s">
        <v>1826</v>
      </c>
      <c r="D633" s="131" t="s">
        <v>1827</v>
      </c>
    </row>
    <row r="634" spans="1:4" x14ac:dyDescent="0.35">
      <c r="A634" s="132" t="s">
        <v>106</v>
      </c>
      <c r="B634" s="131" t="e">
        <v>#N/A</v>
      </c>
      <c r="C634" s="131" t="s">
        <v>1828</v>
      </c>
      <c r="D634" s="131" t="s">
        <v>1829</v>
      </c>
    </row>
    <row r="635" spans="1:4" x14ac:dyDescent="0.35">
      <c r="A635" s="132" t="s">
        <v>1830</v>
      </c>
      <c r="B635" s="131" t="e">
        <v>#N/A</v>
      </c>
      <c r="C635" s="131" t="s">
        <v>1831</v>
      </c>
      <c r="D635" s="131" t="s">
        <v>1832</v>
      </c>
    </row>
    <row r="636" spans="1:4" x14ac:dyDescent="0.35">
      <c r="A636" s="132" t="s">
        <v>1833</v>
      </c>
      <c r="B636" s="131" t="e">
        <v>#N/A</v>
      </c>
      <c r="C636" s="131" t="s">
        <v>1834</v>
      </c>
      <c r="D636" s="131" t="s">
        <v>236</v>
      </c>
    </row>
    <row r="637" spans="1:4" x14ac:dyDescent="0.35">
      <c r="A637" s="132" t="s">
        <v>1835</v>
      </c>
      <c r="B637" s="131" t="e">
        <v>#N/A</v>
      </c>
      <c r="C637" s="131" t="s">
        <v>1836</v>
      </c>
      <c r="D637" s="131" t="s">
        <v>1837</v>
      </c>
    </row>
    <row r="638" spans="1:4" x14ac:dyDescent="0.35">
      <c r="A638" s="132" t="s">
        <v>1838</v>
      </c>
      <c r="B638" s="131" t="e">
        <v>#N/A</v>
      </c>
      <c r="C638" s="131" t="s">
        <v>1839</v>
      </c>
      <c r="D638" s="131" t="s">
        <v>1840</v>
      </c>
    </row>
    <row r="639" spans="1:4" x14ac:dyDescent="0.35">
      <c r="A639" s="132" t="s">
        <v>1841</v>
      </c>
      <c r="B639" s="131" t="e">
        <v>#N/A</v>
      </c>
      <c r="C639" s="131" t="s">
        <v>1842</v>
      </c>
      <c r="D639" s="131" t="s">
        <v>1843</v>
      </c>
    </row>
    <row r="640" spans="1:4" x14ac:dyDescent="0.35">
      <c r="A640" s="132" t="s">
        <v>1844</v>
      </c>
      <c r="B640" s="131" t="e">
        <v>#N/A</v>
      </c>
      <c r="C640" s="131" t="s">
        <v>1845</v>
      </c>
      <c r="D640" s="131" t="s">
        <v>1846</v>
      </c>
    </row>
    <row r="641" spans="1:4" x14ac:dyDescent="0.35">
      <c r="A641" s="132" t="s">
        <v>1847</v>
      </c>
      <c r="B641" s="131" t="e">
        <v>#N/A</v>
      </c>
      <c r="C641" s="131" t="s">
        <v>1848</v>
      </c>
      <c r="D641" s="131" t="s">
        <v>1849</v>
      </c>
    </row>
    <row r="642" spans="1:4" x14ac:dyDescent="0.35">
      <c r="A642" s="132" t="s">
        <v>1850</v>
      </c>
      <c r="B642" s="131" t="e">
        <v>#N/A</v>
      </c>
      <c r="C642" s="131" t="s">
        <v>1851</v>
      </c>
      <c r="D642" s="131" t="s">
        <v>1852</v>
      </c>
    </row>
    <row r="643" spans="1:4" x14ac:dyDescent="0.35">
      <c r="A643" s="132" t="s">
        <v>1853</v>
      </c>
      <c r="B643" s="131" t="e">
        <v>#N/A</v>
      </c>
      <c r="C643" s="131" t="e">
        <v>#N/A</v>
      </c>
      <c r="D643" s="131" t="s">
        <v>1854</v>
      </c>
    </row>
    <row r="644" spans="1:4" x14ac:dyDescent="0.35">
      <c r="A644" s="132" t="s">
        <v>1855</v>
      </c>
      <c r="B644" s="131" t="e">
        <v>#N/A</v>
      </c>
      <c r="C644" s="131" t="e">
        <v>#N/A</v>
      </c>
      <c r="D644" s="131" t="s">
        <v>1856</v>
      </c>
    </row>
    <row r="645" spans="1:4" x14ac:dyDescent="0.35">
      <c r="A645" s="132" t="s">
        <v>1857</v>
      </c>
      <c r="B645" s="131" t="e">
        <v>#N/A</v>
      </c>
      <c r="C645" s="131" t="e">
        <v>#N/A</v>
      </c>
      <c r="D645" s="131" t="s">
        <v>1858</v>
      </c>
    </row>
    <row r="646" spans="1:4" x14ac:dyDescent="0.35">
      <c r="A646" s="132" t="s">
        <v>1859</v>
      </c>
      <c r="B646" s="131" t="e">
        <v>#N/A</v>
      </c>
      <c r="C646" s="131" t="e">
        <v>#N/A</v>
      </c>
      <c r="D646" s="131" t="s">
        <v>1858</v>
      </c>
    </row>
    <row r="647" spans="1:4" x14ac:dyDescent="0.35">
      <c r="A647" s="132" t="s">
        <v>1860</v>
      </c>
      <c r="B647" s="131" t="e">
        <v>#N/A</v>
      </c>
      <c r="C647" s="131" t="e">
        <v>#N/A</v>
      </c>
      <c r="D647" s="131" t="s">
        <v>1858</v>
      </c>
    </row>
    <row r="648" spans="1:4" x14ac:dyDescent="0.35">
      <c r="A648" s="132" t="s">
        <v>1861</v>
      </c>
      <c r="B648" s="131" t="e">
        <v>#N/A</v>
      </c>
      <c r="C648" s="131" t="s">
        <v>1862</v>
      </c>
      <c r="D648" s="131" t="s">
        <v>1863</v>
      </c>
    </row>
    <row r="649" spans="1:4" x14ac:dyDescent="0.35">
      <c r="A649" s="132" t="s">
        <v>1864</v>
      </c>
      <c r="B649" s="131" t="e">
        <v>#N/A</v>
      </c>
      <c r="C649" s="131" t="s">
        <v>1865</v>
      </c>
      <c r="D649" s="131" t="s">
        <v>1866</v>
      </c>
    </row>
    <row r="650" spans="1:4" x14ac:dyDescent="0.35">
      <c r="A650" s="132" t="s">
        <v>1867</v>
      </c>
      <c r="B650" s="131" t="e">
        <v>#N/A</v>
      </c>
      <c r="C650" s="131" t="s">
        <v>1868</v>
      </c>
      <c r="D650" s="131" t="s">
        <v>1869</v>
      </c>
    </row>
    <row r="651" spans="1:4" x14ac:dyDescent="0.35">
      <c r="A651" s="132" t="s">
        <v>1870</v>
      </c>
      <c r="B651" s="131" t="e">
        <v>#N/A</v>
      </c>
      <c r="C651" s="131" t="s">
        <v>1871</v>
      </c>
      <c r="D651" s="131" t="e">
        <v>#N/A</v>
      </c>
    </row>
    <row r="652" spans="1:4" x14ac:dyDescent="0.35">
      <c r="A652" s="132" t="s">
        <v>1872</v>
      </c>
      <c r="B652" s="131" t="e">
        <v>#N/A</v>
      </c>
      <c r="C652" s="131" t="s">
        <v>1873</v>
      </c>
      <c r="D652" s="131" t="e">
        <v>#N/A</v>
      </c>
    </row>
    <row r="653" spans="1:4" x14ac:dyDescent="0.35">
      <c r="A653" s="132" t="s">
        <v>1874</v>
      </c>
      <c r="B653" s="131" t="e">
        <v>#N/A</v>
      </c>
      <c r="C653" s="131" t="s">
        <v>1875</v>
      </c>
      <c r="D653" s="131" t="e">
        <v>#N/A</v>
      </c>
    </row>
    <row r="654" spans="1:4" x14ac:dyDescent="0.35">
      <c r="A654" s="132" t="s">
        <v>1876</v>
      </c>
      <c r="B654" s="131" t="e">
        <v>#N/A</v>
      </c>
      <c r="C654" s="131" t="s">
        <v>1877</v>
      </c>
      <c r="D654" s="131" t="e">
        <v>#N/A</v>
      </c>
    </row>
    <row r="655" spans="1:4" x14ac:dyDescent="0.35">
      <c r="A655" s="132" t="s">
        <v>1878</v>
      </c>
      <c r="B655" s="131" t="e">
        <v>#N/A</v>
      </c>
      <c r="C655" s="131" t="s">
        <v>1879</v>
      </c>
      <c r="D655" s="131" t="e">
        <v>#N/A</v>
      </c>
    </row>
    <row r="656" spans="1:4" x14ac:dyDescent="0.35">
      <c r="A656" s="132" t="s">
        <v>1880</v>
      </c>
      <c r="B656" s="131" t="e">
        <v>#N/A</v>
      </c>
      <c r="C656" s="131" t="s">
        <v>1881</v>
      </c>
      <c r="D656" s="131" t="s">
        <v>1882</v>
      </c>
    </row>
    <row r="657" spans="1:4" x14ac:dyDescent="0.35">
      <c r="A657" s="132" t="s">
        <v>1883</v>
      </c>
      <c r="B657" s="131" t="e">
        <v>#N/A</v>
      </c>
      <c r="C657" s="131" t="s">
        <v>1884</v>
      </c>
      <c r="D657" s="131" t="s">
        <v>1885</v>
      </c>
    </row>
    <row r="658" spans="1:4" x14ac:dyDescent="0.35">
      <c r="A658" s="132" t="s">
        <v>1886</v>
      </c>
      <c r="B658" s="131" t="e">
        <v>#N/A</v>
      </c>
      <c r="C658" s="131" t="e">
        <v>#N/A</v>
      </c>
      <c r="D658" s="131" t="s">
        <v>1887</v>
      </c>
    </row>
    <row r="659" spans="1:4" x14ac:dyDescent="0.35">
      <c r="A659" s="132" t="s">
        <v>1888</v>
      </c>
      <c r="B659" s="131" t="e">
        <v>#N/A</v>
      </c>
      <c r="C659" s="131" t="e">
        <v>#N/A</v>
      </c>
      <c r="D659" s="131" t="s">
        <v>1889</v>
      </c>
    </row>
    <row r="660" spans="1:4" x14ac:dyDescent="0.35">
      <c r="A660" s="132" t="s">
        <v>1890</v>
      </c>
      <c r="B660" s="131" t="e">
        <v>#N/A</v>
      </c>
      <c r="C660" s="131" t="s">
        <v>1891</v>
      </c>
      <c r="D660" s="131" t="s">
        <v>1892</v>
      </c>
    </row>
    <row r="661" spans="1:4" x14ac:dyDescent="0.35">
      <c r="A661" s="132" t="s">
        <v>1893</v>
      </c>
      <c r="B661" s="131" t="e">
        <v>#N/A</v>
      </c>
      <c r="C661" s="131" t="s">
        <v>1894</v>
      </c>
      <c r="D661" s="131" t="e">
        <v>#N/A</v>
      </c>
    </row>
    <row r="662" spans="1:4" x14ac:dyDescent="0.35">
      <c r="A662" s="132" t="s">
        <v>1895</v>
      </c>
      <c r="B662" s="131" t="e">
        <v>#N/A</v>
      </c>
      <c r="C662" s="131" t="s">
        <v>1896</v>
      </c>
      <c r="D662" s="131" t="e">
        <v>#N/A</v>
      </c>
    </row>
    <row r="663" spans="1:4" x14ac:dyDescent="0.35">
      <c r="A663" s="132" t="s">
        <v>1897</v>
      </c>
      <c r="B663" s="131" t="e">
        <v>#N/A</v>
      </c>
      <c r="C663" s="131" t="s">
        <v>1898</v>
      </c>
      <c r="D663" s="131" t="e">
        <v>#N/A</v>
      </c>
    </row>
    <row r="664" spans="1:4" x14ac:dyDescent="0.35">
      <c r="A664" s="132" t="s">
        <v>1899</v>
      </c>
      <c r="B664" s="131" t="e">
        <v>#N/A</v>
      </c>
      <c r="C664" s="131" t="s">
        <v>1900</v>
      </c>
      <c r="D664" s="131" t="e">
        <v>#N/A</v>
      </c>
    </row>
    <row r="665" spans="1:4" x14ac:dyDescent="0.35">
      <c r="A665" s="132" t="s">
        <v>1901</v>
      </c>
      <c r="B665" s="131" t="e">
        <v>#N/A</v>
      </c>
      <c r="C665" s="131" t="s">
        <v>1894</v>
      </c>
      <c r="D665" s="131" t="s">
        <v>1902</v>
      </c>
    </row>
    <row r="666" spans="1:4" x14ac:dyDescent="0.35">
      <c r="A666" s="132" t="s">
        <v>1903</v>
      </c>
      <c r="B666" s="131" t="e">
        <v>#N/A</v>
      </c>
      <c r="C666" s="131" t="e">
        <v>#N/A</v>
      </c>
      <c r="D666" s="131" t="s">
        <v>1904</v>
      </c>
    </row>
    <row r="667" spans="1:4" x14ac:dyDescent="0.35">
      <c r="A667" s="132" t="s">
        <v>1905</v>
      </c>
      <c r="B667" s="131" t="e">
        <v>#N/A</v>
      </c>
      <c r="C667" s="131" t="e">
        <v>#N/A</v>
      </c>
      <c r="D667" s="131" t="s">
        <v>1906</v>
      </c>
    </row>
    <row r="668" spans="1:4" x14ac:dyDescent="0.35">
      <c r="A668" s="132" t="s">
        <v>1907</v>
      </c>
      <c r="B668" s="131" t="e">
        <v>#N/A</v>
      </c>
      <c r="C668" s="131" t="e">
        <v>#N/A</v>
      </c>
      <c r="D668" s="131" t="s">
        <v>1908</v>
      </c>
    </row>
    <row r="669" spans="1:4" x14ac:dyDescent="0.35">
      <c r="A669" s="132" t="s">
        <v>1909</v>
      </c>
      <c r="B669" s="131" t="e">
        <v>#N/A</v>
      </c>
      <c r="C669" s="131" t="s">
        <v>1910</v>
      </c>
      <c r="D669" s="131" t="s">
        <v>1911</v>
      </c>
    </row>
    <row r="670" spans="1:4" x14ac:dyDescent="0.35">
      <c r="A670" s="132" t="s">
        <v>1912</v>
      </c>
      <c r="B670" s="131" t="e">
        <v>#N/A</v>
      </c>
      <c r="C670" s="131" t="s">
        <v>1913</v>
      </c>
      <c r="D670" s="131" t="e">
        <v>#N/A</v>
      </c>
    </row>
    <row r="671" spans="1:4" x14ac:dyDescent="0.35">
      <c r="A671" s="132" t="s">
        <v>1914</v>
      </c>
      <c r="B671" s="131" t="e">
        <v>#N/A</v>
      </c>
      <c r="C671" s="131" t="s">
        <v>1915</v>
      </c>
      <c r="D671" s="131" t="s">
        <v>1916</v>
      </c>
    </row>
    <row r="672" spans="1:4" x14ac:dyDescent="0.35">
      <c r="A672" s="132" t="s">
        <v>1917</v>
      </c>
      <c r="B672" s="131" t="e">
        <v>#N/A</v>
      </c>
      <c r="C672" s="131" t="s">
        <v>1918</v>
      </c>
      <c r="D672" s="131" t="s">
        <v>1916</v>
      </c>
    </row>
    <row r="673" spans="1:4" x14ac:dyDescent="0.35">
      <c r="A673" s="132" t="s">
        <v>1919</v>
      </c>
      <c r="B673" s="131" t="e">
        <v>#N/A</v>
      </c>
      <c r="C673" s="131" t="s">
        <v>1920</v>
      </c>
      <c r="D673" s="131" t="s">
        <v>1916</v>
      </c>
    </row>
    <row r="674" spans="1:4" x14ac:dyDescent="0.35">
      <c r="A674" s="132" t="s">
        <v>1921</v>
      </c>
      <c r="B674" s="131" t="e">
        <v>#N/A</v>
      </c>
      <c r="C674" s="131" t="s">
        <v>1922</v>
      </c>
      <c r="D674" s="131" t="s">
        <v>1923</v>
      </c>
    </row>
    <row r="675" spans="1:4" x14ac:dyDescent="0.35">
      <c r="A675" s="132" t="s">
        <v>1924</v>
      </c>
      <c r="B675" s="131" t="e">
        <v>#N/A</v>
      </c>
      <c r="C675" s="131" t="s">
        <v>1925</v>
      </c>
      <c r="D675" s="131" t="s">
        <v>1926</v>
      </c>
    </row>
    <row r="676" spans="1:4" x14ac:dyDescent="0.35">
      <c r="A676" s="132" t="s">
        <v>1927</v>
      </c>
      <c r="B676" s="131" t="e">
        <v>#N/A</v>
      </c>
      <c r="C676" s="131" t="e">
        <v>#N/A</v>
      </c>
      <c r="D676" s="131" t="s">
        <v>1928</v>
      </c>
    </row>
    <row r="677" spans="1:4" x14ac:dyDescent="0.35">
      <c r="A677" s="132" t="s">
        <v>1929</v>
      </c>
      <c r="B677" s="131" t="e">
        <v>#N/A</v>
      </c>
      <c r="C677" s="131" t="e">
        <v>#N/A</v>
      </c>
      <c r="D677" s="131" t="s">
        <v>1930</v>
      </c>
    </row>
    <row r="678" spans="1:4" x14ac:dyDescent="0.35">
      <c r="A678" s="132" t="s">
        <v>1931</v>
      </c>
      <c r="B678" s="131" t="e">
        <v>#N/A</v>
      </c>
      <c r="C678" s="131" t="s">
        <v>1932</v>
      </c>
      <c r="D678" s="131" t="s">
        <v>1933</v>
      </c>
    </row>
    <row r="679" spans="1:4" x14ac:dyDescent="0.35">
      <c r="A679" s="132" t="s">
        <v>1934</v>
      </c>
      <c r="B679" s="131" t="e">
        <v>#N/A</v>
      </c>
      <c r="C679" s="131" t="s">
        <v>1932</v>
      </c>
      <c r="D679" s="131" t="e">
        <v>#N/A</v>
      </c>
    </row>
    <row r="680" spans="1:4" x14ac:dyDescent="0.35">
      <c r="A680" s="132" t="s">
        <v>1935</v>
      </c>
      <c r="B680" s="131" t="e">
        <v>#N/A</v>
      </c>
      <c r="C680" s="131" t="s">
        <v>1936</v>
      </c>
      <c r="D680" s="131" t="s">
        <v>1933</v>
      </c>
    </row>
    <row r="681" spans="1:4" x14ac:dyDescent="0.35">
      <c r="A681" s="132" t="s">
        <v>1937</v>
      </c>
      <c r="B681" s="131" t="e">
        <v>#N/A</v>
      </c>
      <c r="C681" s="131" t="s">
        <v>1938</v>
      </c>
      <c r="D681" s="131" t="s">
        <v>1933</v>
      </c>
    </row>
    <row r="682" spans="1:4" x14ac:dyDescent="0.35">
      <c r="A682" s="132" t="s">
        <v>1939</v>
      </c>
      <c r="B682" s="131" t="e">
        <v>#N/A</v>
      </c>
      <c r="C682" s="131" t="s">
        <v>1940</v>
      </c>
      <c r="D682" s="131" t="s">
        <v>1933</v>
      </c>
    </row>
    <row r="683" spans="1:4" x14ac:dyDescent="0.35">
      <c r="A683" s="132" t="s">
        <v>1941</v>
      </c>
      <c r="B683" s="131" t="e">
        <v>#N/A</v>
      </c>
      <c r="C683" s="131" t="s">
        <v>1942</v>
      </c>
      <c r="D683" s="131" t="s">
        <v>1943</v>
      </c>
    </row>
    <row r="684" spans="1:4" x14ac:dyDescent="0.35">
      <c r="A684" s="132" t="s">
        <v>1944</v>
      </c>
      <c r="B684" s="131" t="e">
        <v>#N/A</v>
      </c>
      <c r="C684" s="131" t="s">
        <v>1913</v>
      </c>
      <c r="D684" s="131" t="s">
        <v>1916</v>
      </c>
    </row>
    <row r="685" spans="1:4" x14ac:dyDescent="0.35">
      <c r="A685" s="132" t="s">
        <v>1945</v>
      </c>
      <c r="B685" s="131" t="e">
        <v>#N/A</v>
      </c>
      <c r="C685" s="131" t="s">
        <v>1946</v>
      </c>
      <c r="D685" s="131" t="s">
        <v>1947</v>
      </c>
    </row>
    <row r="686" spans="1:4" x14ac:dyDescent="0.35">
      <c r="A686" s="132" t="s">
        <v>1948</v>
      </c>
      <c r="B686" s="131" t="e">
        <v>#N/A</v>
      </c>
      <c r="C686" s="131" t="s">
        <v>1949</v>
      </c>
      <c r="D686" s="131" t="s">
        <v>1950</v>
      </c>
    </row>
    <row r="687" spans="1:4" x14ac:dyDescent="0.35">
      <c r="A687" s="132" t="s">
        <v>1951</v>
      </c>
      <c r="B687" s="131" t="e">
        <v>#N/A</v>
      </c>
      <c r="C687" s="131" t="s">
        <v>1952</v>
      </c>
      <c r="D687" s="131" t="e">
        <v>#N/A</v>
      </c>
    </row>
    <row r="688" spans="1:4" x14ac:dyDescent="0.35">
      <c r="A688" s="132" t="s">
        <v>1953</v>
      </c>
      <c r="B688" s="131" t="e">
        <v>#N/A</v>
      </c>
      <c r="C688" s="131" t="s">
        <v>1954</v>
      </c>
      <c r="D688" s="131" t="e">
        <v>#N/A</v>
      </c>
    </row>
    <row r="689" spans="1:4" x14ac:dyDescent="0.35">
      <c r="A689" s="132" t="s">
        <v>1955</v>
      </c>
      <c r="B689" s="131" t="e">
        <v>#N/A</v>
      </c>
      <c r="C689" s="131" t="s">
        <v>1956</v>
      </c>
      <c r="D689" s="131" t="e">
        <v>#N/A</v>
      </c>
    </row>
    <row r="690" spans="1:4" x14ac:dyDescent="0.35">
      <c r="A690" s="132" t="s">
        <v>1957</v>
      </c>
      <c r="B690" s="131" t="e">
        <v>#N/A</v>
      </c>
      <c r="C690" s="131" t="s">
        <v>1958</v>
      </c>
      <c r="D690" s="131" t="e">
        <v>#N/A</v>
      </c>
    </row>
    <row r="691" spans="1:4" x14ac:dyDescent="0.35">
      <c r="A691" s="132" t="s">
        <v>1959</v>
      </c>
      <c r="B691" s="131" t="e">
        <v>#N/A</v>
      </c>
      <c r="C691" s="131" t="s">
        <v>1960</v>
      </c>
      <c r="D691" s="131" t="s">
        <v>1961</v>
      </c>
    </row>
    <row r="692" spans="1:4" x14ac:dyDescent="0.35">
      <c r="A692" s="132" t="s">
        <v>1962</v>
      </c>
      <c r="B692" s="131" t="e">
        <v>#N/A</v>
      </c>
      <c r="C692" s="131" t="s">
        <v>1963</v>
      </c>
      <c r="D692" s="131" t="e">
        <v>#N/A</v>
      </c>
    </row>
    <row r="693" spans="1:4" x14ac:dyDescent="0.35">
      <c r="A693" s="132" t="s">
        <v>1964</v>
      </c>
      <c r="B693" s="131" t="e">
        <v>#N/A</v>
      </c>
      <c r="C693" s="131" t="s">
        <v>1965</v>
      </c>
      <c r="D693" s="131" t="e">
        <v>#N/A</v>
      </c>
    </row>
    <row r="694" spans="1:4" x14ac:dyDescent="0.35">
      <c r="A694" s="132" t="s">
        <v>1966</v>
      </c>
      <c r="B694" s="131" t="e">
        <v>#N/A</v>
      </c>
      <c r="C694" s="131" t="s">
        <v>1967</v>
      </c>
      <c r="D694" s="131" t="s">
        <v>1968</v>
      </c>
    </row>
    <row r="695" spans="1:4" x14ac:dyDescent="0.35">
      <c r="A695" s="132" t="s">
        <v>1969</v>
      </c>
      <c r="B695" s="131" t="e">
        <v>#N/A</v>
      </c>
      <c r="C695" s="131" t="s">
        <v>1970</v>
      </c>
      <c r="D695" s="131" t="s">
        <v>1971</v>
      </c>
    </row>
    <row r="696" spans="1:4" x14ac:dyDescent="0.35">
      <c r="A696" s="132" t="s">
        <v>1972</v>
      </c>
      <c r="B696" s="131" t="e">
        <v>#N/A</v>
      </c>
      <c r="C696" s="131" t="s">
        <v>1973</v>
      </c>
      <c r="D696" s="131" t="e">
        <v>#N/A</v>
      </c>
    </row>
    <row r="697" spans="1:4" x14ac:dyDescent="0.35">
      <c r="A697" s="132" t="s">
        <v>1974</v>
      </c>
      <c r="B697" s="131" t="e">
        <v>#N/A</v>
      </c>
      <c r="C697" s="131" t="e">
        <v>#N/A</v>
      </c>
      <c r="D697" s="131" t="s">
        <v>1975</v>
      </c>
    </row>
    <row r="698" spans="1:4" x14ac:dyDescent="0.35">
      <c r="A698" s="132" t="s">
        <v>1976</v>
      </c>
      <c r="B698" s="131" t="e">
        <v>#N/A</v>
      </c>
      <c r="C698" s="131" t="s">
        <v>1977</v>
      </c>
      <c r="D698" s="131" t="s">
        <v>1978</v>
      </c>
    </row>
    <row r="699" spans="1:4" x14ac:dyDescent="0.35">
      <c r="A699" s="132" t="s">
        <v>1979</v>
      </c>
      <c r="B699" s="131" t="e">
        <v>#N/A</v>
      </c>
      <c r="C699" s="131" t="s">
        <v>1980</v>
      </c>
      <c r="D699" s="131" t="s">
        <v>1981</v>
      </c>
    </row>
    <row r="700" spans="1:4" x14ac:dyDescent="0.35">
      <c r="A700" s="132" t="s">
        <v>1982</v>
      </c>
      <c r="B700" s="131" t="e">
        <v>#N/A</v>
      </c>
      <c r="C700" s="131" t="s">
        <v>1983</v>
      </c>
      <c r="D700" s="131" t="s">
        <v>1984</v>
      </c>
    </row>
    <row r="701" spans="1:4" x14ac:dyDescent="0.35">
      <c r="A701" s="132" t="s">
        <v>1985</v>
      </c>
      <c r="B701" s="131" t="e">
        <v>#N/A</v>
      </c>
      <c r="C701" s="131" t="s">
        <v>1986</v>
      </c>
      <c r="D701" s="131" t="s">
        <v>1987</v>
      </c>
    </row>
    <row r="702" spans="1:4" x14ac:dyDescent="0.35">
      <c r="A702" s="132" t="s">
        <v>1988</v>
      </c>
      <c r="B702" s="131" t="e">
        <v>#N/A</v>
      </c>
      <c r="C702" s="131" t="s">
        <v>1989</v>
      </c>
      <c r="D702" s="131" t="s">
        <v>1990</v>
      </c>
    </row>
    <row r="703" spans="1:4" x14ac:dyDescent="0.35">
      <c r="A703" s="132" t="s">
        <v>1991</v>
      </c>
      <c r="B703" s="131" t="e">
        <v>#N/A</v>
      </c>
      <c r="C703" s="131" t="s">
        <v>1992</v>
      </c>
      <c r="D703" s="131" t="s">
        <v>1993</v>
      </c>
    </row>
    <row r="704" spans="1:4" x14ac:dyDescent="0.35">
      <c r="A704" s="132" t="s">
        <v>1994</v>
      </c>
      <c r="B704" s="131" t="e">
        <v>#N/A</v>
      </c>
      <c r="C704" s="131" t="s">
        <v>1995</v>
      </c>
      <c r="D704" s="131" t="s">
        <v>1996</v>
      </c>
    </row>
    <row r="705" spans="1:4" x14ac:dyDescent="0.35">
      <c r="A705" s="132" t="s">
        <v>1997</v>
      </c>
      <c r="B705" s="131" t="e">
        <v>#N/A</v>
      </c>
      <c r="C705" s="131" t="s">
        <v>1998</v>
      </c>
      <c r="D705" s="131" t="s">
        <v>1999</v>
      </c>
    </row>
    <row r="706" spans="1:4" x14ac:dyDescent="0.35">
      <c r="A706" s="132" t="s">
        <v>2000</v>
      </c>
      <c r="B706" s="131" t="e">
        <v>#N/A</v>
      </c>
      <c r="C706" s="131" t="s">
        <v>2001</v>
      </c>
      <c r="D706" s="131" t="s">
        <v>2002</v>
      </c>
    </row>
    <row r="707" spans="1:4" x14ac:dyDescent="0.35">
      <c r="A707" s="132" t="s">
        <v>2003</v>
      </c>
      <c r="B707" s="131" t="e">
        <v>#N/A</v>
      </c>
      <c r="C707" s="131" t="s">
        <v>2004</v>
      </c>
      <c r="D707" s="131" t="s">
        <v>2005</v>
      </c>
    </row>
    <row r="708" spans="1:4" x14ac:dyDescent="0.35">
      <c r="A708" s="132" t="s">
        <v>2006</v>
      </c>
      <c r="B708" s="131" t="e">
        <v>#N/A</v>
      </c>
      <c r="C708" s="131" t="s">
        <v>2007</v>
      </c>
      <c r="D708" s="131" t="s">
        <v>2008</v>
      </c>
    </row>
    <row r="709" spans="1:4" x14ac:dyDescent="0.35">
      <c r="A709" s="132" t="s">
        <v>2009</v>
      </c>
      <c r="B709" s="131" t="e">
        <v>#N/A</v>
      </c>
      <c r="C709" s="131" t="s">
        <v>2010</v>
      </c>
      <c r="D709" s="131" t="s">
        <v>236</v>
      </c>
    </row>
    <row r="710" spans="1:4" x14ac:dyDescent="0.35">
      <c r="A710" s="132" t="s">
        <v>2011</v>
      </c>
      <c r="B710" s="131" t="e">
        <v>#N/A</v>
      </c>
      <c r="C710" s="131" t="s">
        <v>2012</v>
      </c>
      <c r="D710" s="131" t="s">
        <v>236</v>
      </c>
    </row>
    <row r="711" spans="1:4" x14ac:dyDescent="0.35">
      <c r="A711" s="132" t="s">
        <v>102</v>
      </c>
      <c r="B711" s="131" t="e">
        <v>#N/A</v>
      </c>
      <c r="C711" s="131" t="s">
        <v>1386</v>
      </c>
      <c r="D711" s="131" t="s">
        <v>236</v>
      </c>
    </row>
    <row r="712" spans="1:4" x14ac:dyDescent="0.35">
      <c r="A712" s="132" t="s">
        <v>2013</v>
      </c>
      <c r="B712" s="131" t="e">
        <v>#N/A</v>
      </c>
      <c r="C712" s="131" t="s">
        <v>2014</v>
      </c>
      <c r="D712" s="131" t="s">
        <v>236</v>
      </c>
    </row>
    <row r="713" spans="1:4" x14ac:dyDescent="0.35">
      <c r="A713" s="132" t="s">
        <v>109</v>
      </c>
      <c r="B713" s="131" t="e">
        <v>#N/A</v>
      </c>
      <c r="C713" s="131" t="s">
        <v>2015</v>
      </c>
      <c r="D713" s="131" t="e">
        <v>#N/A</v>
      </c>
    </row>
    <row r="714" spans="1:4" x14ac:dyDescent="0.35">
      <c r="A714" s="132" t="s">
        <v>2016</v>
      </c>
      <c r="B714" s="131" t="e">
        <v>#N/A</v>
      </c>
      <c r="C714" s="131" t="s">
        <v>2017</v>
      </c>
      <c r="D714" s="131" t="s">
        <v>2018</v>
      </c>
    </row>
  </sheetData>
  <pageMargins left="0.7" right="0.7" top="0.75" bottom="0.75" header="0.3" footer="0.3"/>
</worksheet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_rels/item4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4.xml"/></Relationships>
</file>

<file path=customXml/_rels/item5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5.xml"/></Relationships>
</file>

<file path=customXml/item1.xml><?xml version="1.0" encoding="utf-8"?>
<WrappedLabelHistory xmlns:xsd="http://www.w3.org/2001/XMLSchema" xmlns:xsi="http://www.w3.org/2001/XMLSchema-instance" xmlns="http://www.boldonjames.com/2016/02/Classifier/internal/wrappedLabelHistory">
  <Value>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</Value>
</WrappedLabelHistory>
</file>

<file path=customXml/item2.xml><?xml version="1.0" encoding="utf-8"?>
<sisl xmlns:xsd="http://www.w3.org/2001/XMLSchema" xmlns:xsi="http://www.w3.org/2001/XMLSchema-instance" xmlns="http://www.boldonjames.com/2008/01/sie/internal/label" sislVersion="0" policy="e9c0b8d7-bdb4-4fd3-b62a-f50327aaefce" origin="userSelected">
  <element uid="50c31824-0780-4910-87d1-eaaffd182d42" value=""/>
  <element uid="d14f5c36-f44a-4315-b438-005cfe8f069f" value=""/>
</sisl>
</file>

<file path=customXml/item3.xml><?xml version="1.0" encoding="utf-8"?>
<ct:contentTypeSchema xmlns:ct="http://schemas.microsoft.com/office/2006/metadata/contentType" xmlns:ma="http://schemas.microsoft.com/office/2006/metadata/properties/metaAttributes" ct:_="" ma:_="" ma:contentTypeName="Document" ma:contentTypeID="0x0101004DF805D1E1DA4A49A223477D3B105720" ma:contentTypeVersion="20" ma:contentTypeDescription="Create a new document." ma:contentTypeScope="" ma:versionID="37e8545f9097af293d07877c154c5451">
  <xsd:schema xmlns:xsd="http://www.w3.org/2001/XMLSchema" xmlns:xs="http://www.w3.org/2001/XMLSchema" xmlns:p="http://schemas.microsoft.com/office/2006/metadata/properties" xmlns:ns2="f88ffb1c-9230-4705-a789-27bae69f5829" xmlns:ns3="b6888f76-1100-40b0-929b-1efe9044426d" targetNamespace="http://schemas.microsoft.com/office/2006/metadata/properties" ma:root="true" ma:fieldsID="8edfe77cef90f9ce79cdb433746aba48" ns2:_="" ns3:_="">
    <xsd:import namespace="f88ffb1c-9230-4705-a789-27bae69f5829"/>
    <xsd:import namespace="b6888f76-1100-40b0-929b-1efe9044426d"/>
    <xsd:element name="properties">
      <xsd:complexType>
        <xsd:sequence>
          <xsd:element name="documentManagement">
            <xsd:complexType>
              <xsd:all>
                <xsd:element ref="ns2:MediaServiceMetadata" minOccurs="0"/>
                <xsd:element ref="ns2:MediaServiceFastMetadata" minOccurs="0"/>
                <xsd:element ref="ns2:MediaServiceObjectDetectorVersions" minOccurs="0"/>
                <xsd:element ref="ns3:SharedWithUsers" minOccurs="0"/>
                <xsd:element ref="ns3:SharedWithDetails" minOccurs="0"/>
                <xsd:element ref="ns2:MediaServiceSearchProperties" minOccurs="0"/>
                <xsd:element ref="ns2:lcf76f155ced4ddcb4097134ff3c332f" minOccurs="0"/>
                <xsd:element ref="ns3:TaxCatchAll" minOccurs="0"/>
                <xsd:element ref="ns2:MediaServiceOCR" minOccurs="0"/>
                <xsd:element ref="ns2:MediaServiceGenerationTime" minOccurs="0"/>
                <xsd:element ref="ns2:MediaServiceEventHashCode" minOccurs="0"/>
                <xsd:element ref="ns2:MediaServiceDateTaken" minOccurs="0"/>
                <xsd:element ref="ns2:MediaLengthInSeconds" minOccurs="0"/>
                <xsd:element ref="ns2:Owner" minOccurs="0"/>
                <xsd:element ref="ns2:Notes" minOccurs="0"/>
                <xsd:element ref="ns2:OriginalFileDate" minOccurs="0"/>
                <xsd:element ref="ns2:_Flow_SignoffStatus" minOccurs="0"/>
                <xsd:element ref="ns2:DueDate" minOccurs="0"/>
                <xsd:element ref="ns2:MediaServiceLocation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f88ffb1c-9230-4705-a789-27bae69f5829" elementFormDefault="qualified">
    <xsd:import namespace="http://schemas.microsoft.com/office/2006/documentManagement/types"/>
    <xsd:import namespace="http://schemas.microsoft.com/office/infopath/2007/PartnerControls"/>
    <xsd:element name="MediaServiceMetadata" ma:index="8" nillable="true" ma:displayName="MediaServiceMetadata" ma:hidden="true" ma:internalName="MediaServiceMetadata" ma:readOnly="true">
      <xsd:simpleType>
        <xsd:restriction base="dms:Note"/>
      </xsd:simpleType>
    </xsd:element>
    <xsd:element name="MediaServiceFastMetadata" ma:index="9" nillable="true" ma:displayName="MediaServiceFastMetadata" ma:hidden="true" ma:internalName="MediaServiceFastMetadata" ma:readOnly="true">
      <xsd:simpleType>
        <xsd:restriction base="dms:Note"/>
      </xsd:simpleType>
    </xsd:element>
    <xsd:element name="MediaServiceObjectDetectorVersions" ma:index="10" nillable="true" ma:displayName="MediaServiceObjectDetectorVersions" ma:hidden="true" ma:indexed="true" ma:internalName="MediaServiceObjectDetectorVersions" ma:readOnly="true">
      <xsd:simpleType>
        <xsd:restriction base="dms:Text"/>
      </xsd:simpleType>
    </xsd:element>
    <xsd:element name="MediaServiceSearchProperties" ma:index="13" nillable="true" ma:displayName="MediaServiceSearchProperties" ma:hidden="true" ma:internalName="MediaServiceSearchProperties" ma:readOnly="true">
      <xsd:simpleType>
        <xsd:restriction base="dms:Note"/>
      </xsd:simpleType>
    </xsd:element>
    <xsd:element name="lcf76f155ced4ddcb4097134ff3c332f" ma:index="15" nillable="true" ma:taxonomy="true" ma:internalName="lcf76f155ced4ddcb4097134ff3c332f" ma:taxonomyFieldName="MediaServiceImageTags" ma:displayName="Image Tags" ma:readOnly="false" ma:fieldId="{5cf76f15-5ced-4ddc-b409-7134ff3c332f}" ma:taxonomyMulti="true" ma:sspId="fefa54f2-5b03-49c6-9483-51c08a9736bb" ma:termSetId="09814cd3-568e-fe90-9814-8d621ff8fb84" ma:anchorId="fba54fb3-c3e1-fe81-a776-ca4b69148c4d" ma:open="true" ma:isKeyword="false">
      <xsd:complexType>
        <xsd:sequence>
          <xsd:element ref="pc:Terms" minOccurs="0" maxOccurs="1"/>
        </xsd:sequence>
      </xsd:complexType>
    </xsd:element>
    <xsd:element name="MediaServiceOCR" ma:index="17" nillable="true" ma:displayName="Extracted Text" ma:internalName="MediaServiceOCR" ma:readOnly="true">
      <xsd:simpleType>
        <xsd:restriction base="dms:Note">
          <xsd:maxLength value="255"/>
        </xsd:restriction>
      </xsd:simpleType>
    </xsd:element>
    <xsd:element name="MediaServiceGenerationTime" ma:index="18" nillable="true" ma:displayName="MediaServiceGenerationTime" ma:hidden="true" ma:internalName="MediaServiceGenerationTime" ma:readOnly="true">
      <xsd:simpleType>
        <xsd:restriction base="dms:Text"/>
      </xsd:simpleType>
    </xsd:element>
    <xsd:element name="MediaServiceEventHashCode" ma:index="19" nillable="true" ma:displayName="MediaServiceEventHashCode" ma:hidden="true" ma:internalName="MediaServiceEventHashCode" ma:readOnly="true">
      <xsd:simpleType>
        <xsd:restriction base="dms:Text"/>
      </xsd:simpleType>
    </xsd:element>
    <xsd:element name="MediaServiceDateTaken" ma:index="20" nillable="true" ma:displayName="MediaServiceDateTaken" ma:description="" ma:hidden="true" ma:indexed="true" ma:internalName="MediaServiceDateTaken" ma:readOnly="true">
      <xsd:simpleType>
        <xsd:restriction base="dms:Text"/>
      </xsd:simpleType>
    </xsd:element>
    <xsd:element name="MediaLengthInSeconds" ma:index="21" nillable="true" ma:displayName="MediaLengthInSeconds" ma:hidden="true" ma:internalName="MediaLengthInSeconds" ma:readOnly="true">
      <xsd:simpleType>
        <xsd:restriction base="dms:Unknown"/>
      </xsd:simpleType>
    </xsd:element>
    <xsd:element name="Owner" ma:index="22" nillable="true" ma:displayName="Owner" ma:format="Dropdown" ma:list="UserInfo" ma:SharePointGroup="0" ma:internalName="Owner">
      <xsd:complexType>
        <xsd:complexContent>
          <xsd:extension base="dms:User">
            <xsd:sequence>
              <xsd:element name="UserInfo" minOccurs="0" maxOccurs="unbounded">
                <xsd:complexType>
                  <xsd:sequence>
                    <xsd:element name="DisplayName" type="xsd:string" minOccurs="0"/>
                    <xsd:element name="AccountId" type="dms:UserId" minOccurs="0" nillable="true"/>
                    <xsd:element name="AccountType" type="xsd:string" minOccurs="0"/>
                  </xsd:sequence>
                </xsd:complexType>
              </xsd:element>
            </xsd:sequence>
          </xsd:extension>
        </xsd:complexContent>
      </xsd:complexType>
    </xsd:element>
    <xsd:element name="Notes" ma:index="23" nillable="true" ma:displayName="Notes" ma:format="Dropdown" ma:internalName="Notes">
      <xsd:simpleType>
        <xsd:restriction base="dms:Text">
          <xsd:maxLength value="255"/>
        </xsd:restriction>
      </xsd:simpleType>
    </xsd:element>
    <xsd:element name="OriginalFileDate" ma:index="24" nillable="true" ma:displayName="Original File Date" ma:format="DateOnly" ma:internalName="OriginalFileDate">
      <xsd:simpleType>
        <xsd:restriction base="dms:DateTime"/>
      </xsd:simpleType>
    </xsd:element>
    <xsd:element name="_Flow_SignoffStatus" ma:index="25" nillable="true" ma:displayName="Sign-off status" ma:internalName="_x0024_Resources_x003a_core_x002c_Signoff_Status">
      <xsd:simpleType>
        <xsd:restriction base="dms:Text"/>
      </xsd:simpleType>
    </xsd:element>
    <xsd:element name="DueDate" ma:index="26" nillable="true" ma:displayName="Due Date" ma:format="DateOnly" ma:indexed="true" ma:internalName="DueDate">
      <xsd:simpleType>
        <xsd:restriction base="dms:DateTime"/>
      </xsd:simpleType>
    </xsd:element>
    <xsd:element name="MediaServiceLocation" ma:index="27" nillable="true" ma:displayName="Location" ma:description="" ma:indexed="true" ma:internalName="MediaServiceLocation" ma:readOnly="true">
      <xsd:simpleType>
        <xsd:restriction base="dms:Text"/>
      </xsd:simple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b6888f76-1100-40b0-929b-1efe9044426d" elementFormDefault="qualified">
    <xsd:import namespace="http://schemas.microsoft.com/office/2006/documentManagement/types"/>
    <xsd:import namespace="http://schemas.microsoft.com/office/infopath/2007/PartnerControls"/>
    <xsd:element name="SharedWithUsers" ma:index="11" nillable="true" ma:displayName="Shared With" ma:internalName="SharedWithUsers" ma:readOnly="true">
      <xsd:complexType>
        <xsd:complexContent>
          <xsd:extension base="dms:UserMulti">
            <xsd:sequence>
              <xsd:element name="UserInfo" minOccurs="0" maxOccurs="unbounded">
                <xsd:complexType>
                  <xsd:sequence>
                    <xsd:element name="DisplayName" type="xsd:string" minOccurs="0"/>
                    <xsd:element name="AccountId" type="dms:UserId" minOccurs="0" nillable="true"/>
                    <xsd:element name="AccountType" type="xsd:string" minOccurs="0"/>
                  </xsd:sequence>
                </xsd:complexType>
              </xsd:element>
            </xsd:sequence>
          </xsd:extension>
        </xsd:complexContent>
      </xsd:complexType>
    </xsd:element>
    <xsd:element name="SharedWithDetails" ma:index="12" nillable="true" ma:displayName="Shared With Details" ma:internalName="SharedWithDetails" ma:readOnly="true">
      <xsd:simpleType>
        <xsd:restriction base="dms:Note">
          <xsd:maxLength value="255"/>
        </xsd:restriction>
      </xsd:simpleType>
    </xsd:element>
    <xsd:element name="TaxCatchAll" ma:index="16" nillable="true" ma:displayName="Taxonomy Catch All Column" ma:hidden="true" ma:list="{6b0cac33-65cc-488e-b290-aff2b08f7242}" ma:internalName="TaxCatchAll" ma:showField="CatchAllData" ma:web="b6888f76-1100-40b0-929b-1efe9044426d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Content Type"/>
        <xsd:element ref="dc:title" minOccurs="0" maxOccurs="1" ma:index="4" ma:displayName="Title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4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5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>
    <lcf76f155ced4ddcb4097134ff3c332f xmlns="f88ffb1c-9230-4705-a789-27bae69f5829">
      <Terms xmlns="http://schemas.microsoft.com/office/infopath/2007/PartnerControls"/>
    </lcf76f155ced4ddcb4097134ff3c332f>
    <TaxCatchAll xmlns="b6888f76-1100-40b0-929b-1efe9044426d" xsi:nil="true"/>
    <Notes xmlns="f88ffb1c-9230-4705-a789-27bae69f5829" xsi:nil="true"/>
    <OriginalFileDate xmlns="f88ffb1c-9230-4705-a789-27bae69f5829" xsi:nil="true"/>
    <Owner xmlns="f88ffb1c-9230-4705-a789-27bae69f5829">
      <UserInfo>
        <DisplayName/>
        <AccountId xsi:nil="true"/>
        <AccountType/>
      </UserInfo>
    </Owner>
    <DueDate xmlns="f88ffb1c-9230-4705-a789-27bae69f5829" xsi:nil="true"/>
    <_Flow_SignoffStatus xmlns="f88ffb1c-9230-4705-a789-27bae69f5829" xsi:nil="true"/>
  </documentManagement>
</p:properties>
</file>

<file path=customXml/itemProps1.xml><?xml version="1.0" encoding="utf-8"?>
<ds:datastoreItem xmlns:ds="http://schemas.openxmlformats.org/officeDocument/2006/customXml" ds:itemID="{C08A44AB-76BC-4773-A55C-1DF453A1BCCA}">
  <ds:schemaRefs>
    <ds:schemaRef ds:uri="http://www.w3.org/2001/XMLSchema"/>
    <ds:schemaRef ds:uri="http://www.boldonjames.com/2016/02/Classifier/internal/wrappedLabelHistory"/>
  </ds:schemaRefs>
</ds:datastoreItem>
</file>

<file path=customXml/itemProps2.xml><?xml version="1.0" encoding="utf-8"?>
<ds:datastoreItem xmlns:ds="http://schemas.openxmlformats.org/officeDocument/2006/customXml" ds:itemID="{328ABE72-EEC7-4B2B-A9BB-02952C4C65CE}">
  <ds:schemaRefs>
    <ds:schemaRef ds:uri="http://www.w3.org/2001/XMLSchema"/>
    <ds:schemaRef ds:uri="http://www.boldonjames.com/2008/01/sie/internal/label"/>
  </ds:schemaRefs>
</ds:datastoreItem>
</file>

<file path=customXml/itemProps3.xml><?xml version="1.0" encoding="utf-8"?>
<ds:datastoreItem xmlns:ds="http://schemas.openxmlformats.org/officeDocument/2006/customXml" ds:itemID="{268599F3-707E-417B-A34F-5257EF52610B}"/>
</file>

<file path=customXml/itemProps4.xml><?xml version="1.0" encoding="utf-8"?>
<ds:datastoreItem xmlns:ds="http://schemas.openxmlformats.org/officeDocument/2006/customXml" ds:itemID="{8346E488-3C24-46F2-BF6D-AE9493DDA731}"/>
</file>

<file path=customXml/itemProps5.xml><?xml version="1.0" encoding="utf-8"?>
<ds:datastoreItem xmlns:ds="http://schemas.openxmlformats.org/officeDocument/2006/customXml" ds:itemID="{EB774A6D-83F2-4F59-A9C3-26D17E40B16E}"/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9</vt:i4>
      </vt:variant>
    </vt:vector>
  </HeadingPairs>
  <TitlesOfParts>
    <vt:vector size="9" baseType="lpstr">
      <vt:lpstr>Standard amounts</vt:lpstr>
      <vt:lpstr>No. of instances per</vt:lpstr>
      <vt:lpstr>Actual Costs</vt:lpstr>
      <vt:lpstr>Fringe</vt:lpstr>
      <vt:lpstr>Labor and Fleet</vt:lpstr>
      <vt:lpstr>2024 Misc charge detail 2024</vt:lpstr>
      <vt:lpstr>RCN by account</vt:lpstr>
      <vt:lpstr>CKCHG by account</vt:lpstr>
      <vt:lpstr>MACSS SORC_CD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J.D. Cullop</dc:creator>
  <cp:lastModifiedBy>Tanner S Wolffram</cp:lastModifiedBy>
  <dcterms:created xsi:type="dcterms:W3CDTF">2025-04-23T13:27:13Z</dcterms:created>
  <dcterms:modified xsi:type="dcterms:W3CDTF">2025-09-03T13:38:38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docIndexRef">
    <vt:lpwstr>727030d5-e487-4c97-9860-a3bcf331d9db</vt:lpwstr>
  </property>
  <property fmtid="{D5CDD505-2E9C-101B-9397-08002B2CF9AE}" pid="3" name="bjClsUserRVM">
    <vt:lpwstr>[]</vt:lpwstr>
  </property>
  <property fmtid="{D5CDD505-2E9C-101B-9397-08002B2CF9AE}" pid="4" name="bjSaver">
    <vt:lpwstr>U7bCFXZ+jPoRXT7ibvnAQbE5NnsCQXB+</vt:lpwstr>
  </property>
  <property fmtid="{D5CDD505-2E9C-101B-9397-08002B2CF9AE}" pid="5" name="bjDocumentLabelXML">
    <vt:lpwstr>&lt;?xml version="1.0" encoding="us-ascii"?&gt;&lt;sisl xmlns:xsd="http://www.w3.org/2001/XMLSchema" xmlns:xsi="http://www.w3.org/2001/XMLSchema-instance" sislVersion="0" policy="e9c0b8d7-bdb4-4fd3-b62a-f50327aaefce" origin="userSelected" xmlns="http://www.boldonj</vt:lpwstr>
  </property>
  <property fmtid="{D5CDD505-2E9C-101B-9397-08002B2CF9AE}" pid="6" name="bjDocumentLabelXML-0">
    <vt:lpwstr>ames.com/2008/01/sie/internal/label"&gt;&lt;element uid="50c31824-0780-4910-87d1-eaaffd182d42" value="" /&gt;&lt;element uid="d14f5c36-f44a-4315-b438-005cfe8f069f" value="" /&gt;&lt;/sisl&gt;</vt:lpwstr>
  </property>
  <property fmtid="{D5CDD505-2E9C-101B-9397-08002B2CF9AE}" pid="7" name="bjDocumentSecurityLabel">
    <vt:lpwstr>AEP Internal</vt:lpwstr>
  </property>
  <property fmtid="{D5CDD505-2E9C-101B-9397-08002B2CF9AE}" pid="8" name="MSIP_Label_69f43042-6bda-44b2-91eb-eca3d3d484f4_SiteId">
    <vt:lpwstr>15f3c881-6b03-4ff6-8559-77bf5177818f</vt:lpwstr>
  </property>
  <property fmtid="{D5CDD505-2E9C-101B-9397-08002B2CF9AE}" pid="9" name="MSIP_Label_69f43042-6bda-44b2-91eb-eca3d3d484f4_Name">
    <vt:lpwstr>AEP Internal</vt:lpwstr>
  </property>
  <property fmtid="{D5CDD505-2E9C-101B-9397-08002B2CF9AE}" pid="10" name="MSIP_Label_69f43042-6bda-44b2-91eb-eca3d3d484f4_Enabled">
    <vt:lpwstr>true</vt:lpwstr>
  </property>
  <property fmtid="{D5CDD505-2E9C-101B-9397-08002B2CF9AE}" pid="11" name="bjLabelHistoryID">
    <vt:lpwstr>{C08A44AB-76BC-4773-A55C-1DF453A1BCCA}</vt:lpwstr>
  </property>
  <property fmtid="{D5CDD505-2E9C-101B-9397-08002B2CF9AE}" pid="12" name="ContentTypeId">
    <vt:lpwstr>0x0101004DF805D1E1DA4A49A223477D3B105720</vt:lpwstr>
  </property>
</Properties>
</file>